
<file path=[Content_Types].xml><?xml version="1.0" encoding="utf-8"?>
<Types xmlns="http://schemas.openxmlformats.org/package/2006/content-types">
  <Default Extension="bin" ContentType="application/vnd.openxmlformats-officedocument.oleObject"/>
  <Default Extension="emf" ContentType="image/x-emf"/>
  <Default Extension="gif" ContentType="image/gif"/>
  <Default Extension="jpeg" ContentType="image/jpeg"/>
  <Default Extension="png" ContentType="image/png"/>
  <Default Extension="rels" ContentType="application/vnd.openxmlformats-package.relationships+xml"/>
  <Default Extension="tmp" ContentType="image/png"/>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heme/theme2.xml" ContentType="application/vnd.openxmlformats-officedocument.theme+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6.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comments/modernComment_181_B1C0CA80.xml" ContentType="application/vnd.ms-powerpoint.comments+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4211" r:id="rId1"/>
    <p:sldMasterId id="2147484214" r:id="rId2"/>
    <p:sldMasterId id="2147484235" r:id="rId3"/>
  </p:sldMasterIdLst>
  <p:notesMasterIdLst>
    <p:notesMasterId r:id="rId48"/>
  </p:notesMasterIdLst>
  <p:handoutMasterIdLst>
    <p:handoutMasterId r:id="rId49"/>
  </p:handoutMasterIdLst>
  <p:sldIdLst>
    <p:sldId id="256" r:id="rId4"/>
    <p:sldId id="522" r:id="rId5"/>
    <p:sldId id="517" r:id="rId6"/>
    <p:sldId id="516" r:id="rId7"/>
    <p:sldId id="276" r:id="rId8"/>
    <p:sldId id="502" r:id="rId9"/>
    <p:sldId id="509" r:id="rId10"/>
    <p:sldId id="456" r:id="rId11"/>
    <p:sldId id="457" r:id="rId12"/>
    <p:sldId id="458" r:id="rId13"/>
    <p:sldId id="459" r:id="rId14"/>
    <p:sldId id="510" r:id="rId15"/>
    <p:sldId id="461" r:id="rId16"/>
    <p:sldId id="283" r:id="rId17"/>
    <p:sldId id="463" r:id="rId18"/>
    <p:sldId id="462" r:id="rId19"/>
    <p:sldId id="492" r:id="rId20"/>
    <p:sldId id="464" r:id="rId21"/>
    <p:sldId id="466" r:id="rId22"/>
    <p:sldId id="467" r:id="rId23"/>
    <p:sldId id="468" r:id="rId24"/>
    <p:sldId id="518" r:id="rId25"/>
    <p:sldId id="519" r:id="rId26"/>
    <p:sldId id="520" r:id="rId27"/>
    <p:sldId id="511" r:id="rId28"/>
    <p:sldId id="470" r:id="rId29"/>
    <p:sldId id="471" r:id="rId30"/>
    <p:sldId id="472" r:id="rId31"/>
    <p:sldId id="512" r:id="rId32"/>
    <p:sldId id="436" r:id="rId33"/>
    <p:sldId id="513" r:id="rId34"/>
    <p:sldId id="297" r:id="rId35"/>
    <p:sldId id="523" r:id="rId36"/>
    <p:sldId id="323" r:id="rId37"/>
    <p:sldId id="319" r:id="rId38"/>
    <p:sldId id="514" r:id="rId39"/>
    <p:sldId id="383" r:id="rId40"/>
    <p:sldId id="385" r:id="rId41"/>
    <p:sldId id="521" r:id="rId42"/>
    <p:sldId id="501" r:id="rId43"/>
    <p:sldId id="390" r:id="rId44"/>
    <p:sldId id="515" r:id="rId45"/>
    <p:sldId id="485" r:id="rId46"/>
    <p:sldId id="381" r:id="rId47"/>
  </p:sldIdLst>
  <p:sldSz cx="9144000" cy="5143500" type="screen16x9"/>
  <p:notesSz cx="6797675" cy="9928225"/>
  <p:custDataLst>
    <p:tags r:id="rId50"/>
  </p:custDataLst>
  <p:defaultText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userDrawn="1">
          <p15:clr>
            <a:srgbClr val="A4A3A4"/>
          </p15:clr>
        </p15:guide>
        <p15:guide id="2" pos="2880" userDrawn="1">
          <p15:clr>
            <a:srgbClr val="A4A3A4"/>
          </p15:clr>
        </p15:guide>
      </p15:sldGuideLst>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3A175374-CF3C-5383-1B7D-7D08BB468AE5}" name="Lorenz Jenni" initials="LJ" userId="S::lorenz.jenni@landnetwork.ch::49e37a1c-7549-4756-885b-a2312917c9df" providerId="AD"/>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FFCC66"/>
    <a:srgbClr val="FFFF66"/>
    <a:srgbClr val="EAEAEA"/>
    <a:srgbClr val="A50021"/>
    <a:srgbClr val="FFCCCC"/>
    <a:srgbClr val="FFFF99"/>
    <a:srgbClr val="EDEDF9"/>
    <a:srgbClr val="DFDFF5"/>
    <a:srgbClr val="33CC33"/>
    <a:srgbClr val="FF99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ittlere Formatvorlage 2 - Akz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21E4AEA4-8DFA-4A89-87EB-49C32662AFE0}" styleName="Mittlere Formatvorlage 2 - Akz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3689" autoAdjust="0"/>
    <p:restoredTop sz="91361" autoAdjust="0"/>
  </p:normalViewPr>
  <p:slideViewPr>
    <p:cSldViewPr>
      <p:cViewPr varScale="1">
        <p:scale>
          <a:sx n="113" d="100"/>
          <a:sy n="113" d="100"/>
        </p:scale>
        <p:origin x="528" y="72"/>
      </p:cViewPr>
      <p:guideLst>
        <p:guide orient="horz" pos="1620"/>
        <p:guide pos="2880"/>
      </p:guideLst>
    </p:cSldViewPr>
  </p:slideViewPr>
  <p:outlineViewPr>
    <p:cViewPr>
      <p:scale>
        <a:sx n="33" d="100"/>
        <a:sy n="33" d="100"/>
      </p:scale>
      <p:origin x="0" y="0"/>
    </p:cViewPr>
  </p:outlineViewPr>
  <p:notesTextViewPr>
    <p:cViewPr>
      <p:scale>
        <a:sx n="3" d="2"/>
        <a:sy n="3" d="2"/>
      </p:scale>
      <p:origin x="0" y="0"/>
    </p:cViewPr>
  </p:notesTextViewPr>
  <p:sorterViewPr>
    <p:cViewPr varScale="1">
      <p:scale>
        <a:sx n="1" d="1"/>
        <a:sy n="1" d="1"/>
      </p:scale>
      <p:origin x="0" y="0"/>
    </p:cViewPr>
  </p:sorterViewPr>
  <p:notesViewPr>
    <p:cSldViewPr>
      <p:cViewPr varScale="1">
        <p:scale>
          <a:sx n="89" d="100"/>
          <a:sy n="89" d="100"/>
        </p:scale>
        <p:origin x="373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slide" Target="slides/slide36.xml"/><Relationship Id="rId21" Type="http://schemas.openxmlformats.org/officeDocument/2006/relationships/slide" Target="slides/slide18.xml"/><Relationship Id="rId34" Type="http://schemas.openxmlformats.org/officeDocument/2006/relationships/slide" Target="slides/slide31.xml"/><Relationship Id="rId42" Type="http://schemas.openxmlformats.org/officeDocument/2006/relationships/slide" Target="slides/slide39.xml"/><Relationship Id="rId47" Type="http://schemas.openxmlformats.org/officeDocument/2006/relationships/slide" Target="slides/slide44.xml"/><Relationship Id="rId50" Type="http://schemas.openxmlformats.org/officeDocument/2006/relationships/tags" Target="tags/tag1.xml"/><Relationship Id="rId55" Type="http://schemas.microsoft.com/office/2018/10/relationships/authors" Target="authors.xml"/><Relationship Id="rId7" Type="http://schemas.openxmlformats.org/officeDocument/2006/relationships/slide" Target="slides/slide4.xml"/><Relationship Id="rId2" Type="http://schemas.openxmlformats.org/officeDocument/2006/relationships/slideMaster" Target="slideMasters/slideMaster2.xml"/><Relationship Id="rId16" Type="http://schemas.openxmlformats.org/officeDocument/2006/relationships/slide" Target="slides/slide13.xml"/><Relationship Id="rId29" Type="http://schemas.openxmlformats.org/officeDocument/2006/relationships/slide" Target="slides/slide26.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slide" Target="slides/slide34.xml"/><Relationship Id="rId40" Type="http://schemas.openxmlformats.org/officeDocument/2006/relationships/slide" Target="slides/slide37.xml"/><Relationship Id="rId45" Type="http://schemas.openxmlformats.org/officeDocument/2006/relationships/slide" Target="slides/slide42.xml"/><Relationship Id="rId53" Type="http://schemas.openxmlformats.org/officeDocument/2006/relationships/theme" Target="theme/theme1.xml"/><Relationship Id="rId5" Type="http://schemas.openxmlformats.org/officeDocument/2006/relationships/slide" Target="slides/slide2.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4" Type="http://schemas.openxmlformats.org/officeDocument/2006/relationships/slide" Target="slides/slide41.xml"/><Relationship Id="rId52" Type="http://schemas.openxmlformats.org/officeDocument/2006/relationships/viewProps" Target="viewProps.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slide" Target="slides/slide32.xml"/><Relationship Id="rId43" Type="http://schemas.openxmlformats.org/officeDocument/2006/relationships/slide" Target="slides/slide40.xml"/><Relationship Id="rId48" Type="http://schemas.openxmlformats.org/officeDocument/2006/relationships/notesMaster" Target="notesMasters/notesMaster1.xml"/><Relationship Id="rId8" Type="http://schemas.openxmlformats.org/officeDocument/2006/relationships/slide" Target="slides/slide5.xml"/><Relationship Id="rId51" Type="http://schemas.openxmlformats.org/officeDocument/2006/relationships/presProps" Target="presProps.xml"/><Relationship Id="rId3" Type="http://schemas.openxmlformats.org/officeDocument/2006/relationships/slideMaster" Target="slideMasters/slideMaster3.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slide" Target="slides/slide35.xml"/><Relationship Id="rId46" Type="http://schemas.openxmlformats.org/officeDocument/2006/relationships/slide" Target="slides/slide43.xml"/><Relationship Id="rId20" Type="http://schemas.openxmlformats.org/officeDocument/2006/relationships/slide" Target="slides/slide17.xml"/><Relationship Id="rId41" Type="http://schemas.openxmlformats.org/officeDocument/2006/relationships/slide" Target="slides/slide38.xml"/><Relationship Id="rId54"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3.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slide" Target="slides/slide33.xml"/><Relationship Id="rId49" Type="http://schemas.openxmlformats.org/officeDocument/2006/relationships/handoutMaster" Target="handoutMasters/handoutMaster1.xml"/></Relationships>
</file>

<file path=ppt/comments/modernComment_181_B1C0CA80.xml><?xml version="1.0" encoding="utf-8"?>
<p188:cmLst xmlns:a="http://schemas.openxmlformats.org/drawingml/2006/main" xmlns:r="http://schemas.openxmlformats.org/officeDocument/2006/relationships" xmlns:p188="http://schemas.microsoft.com/office/powerpoint/2018/8/main">
  <p188:cm id="{43BF21F4-F79A-421B-84E2-662D6219A072}" authorId="{3A175374-CF3C-5383-1B7D-7D08BB468AE5}" created="2024-08-26T17:43:40.265">
    <ac:txMkLst xmlns:ac="http://schemas.microsoft.com/office/drawing/2013/main/command">
      <pc:docMk xmlns:pc="http://schemas.microsoft.com/office/powerpoint/2013/main/command"/>
      <pc:sldMk xmlns:pc="http://schemas.microsoft.com/office/powerpoint/2013/main/command" cId="2982201984" sldId="385"/>
      <ac:spMk id="22532" creationId="{00000000-0000-0000-0000-000000000000}"/>
      <ac:txMk cp="70" len="69">
        <ac:context len="419" hash="696061671"/>
      </ac:txMk>
    </ac:txMkLst>
    <p188:pos x="6399879" y="180211"/>
    <p188:txBody>
      <a:bodyPr/>
      <a:lstStyle/>
      <a:p>
        <a:r>
          <a:rPr lang="de-CH"/>
          <a:t>Stimmen hier die Zahlen? </a:t>
        </a:r>
      </a:p>
    </p188:txBody>
  </p188:cm>
</p188: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5" name="Slide Number Placeholder 4"/>
          <p:cNvSpPr>
            <a:spLocks noGrp="1"/>
          </p:cNvSpPr>
          <p:nvPr>
            <p:ph type="sldNum" sz="quarter" idx="3"/>
          </p:nvPr>
        </p:nvSpPr>
        <p:spPr>
          <a:xfrm>
            <a:off x="3850445" y="9430093"/>
            <a:ext cx="2945659" cy="496412"/>
          </a:xfrm>
          <a:prstGeom prst="rect">
            <a:avLst/>
          </a:prstGeom>
        </p:spPr>
        <p:txBody>
          <a:bodyPr vert="horz" lIns="92128" tIns="46064" rIns="92128" bIns="46064" rtlCol="0" anchor="b"/>
          <a:lstStyle>
            <a:lvl1pPr algn="r">
              <a:defRPr sz="1200"/>
            </a:lvl1pPr>
          </a:lstStyle>
          <a:p>
            <a:fld id="{77DA94B1-F737-4D9B-8E21-5EB9183FCD1A}" type="slidenum">
              <a:rPr lang="de-CH" smtClean="0"/>
              <a:t>‹Nr.›</a:t>
            </a:fld>
            <a:endParaRPr lang="de-CH" dirty="0"/>
          </a:p>
        </p:txBody>
      </p:sp>
      <p:sp>
        <p:nvSpPr>
          <p:cNvPr id="7" name="Footer Placeholder 6"/>
          <p:cNvSpPr>
            <a:spLocks noGrp="1"/>
          </p:cNvSpPr>
          <p:nvPr>
            <p:ph type="ftr" sz="quarter" idx="2"/>
          </p:nvPr>
        </p:nvSpPr>
        <p:spPr>
          <a:xfrm>
            <a:off x="1" y="9430093"/>
            <a:ext cx="3398837" cy="496412"/>
          </a:xfrm>
          <a:prstGeom prst="rect">
            <a:avLst/>
          </a:prstGeom>
        </p:spPr>
        <p:txBody>
          <a:bodyPr vert="horz" lIns="92128" tIns="46064" rIns="92128" bIns="46064" rtlCol="0" anchor="b"/>
          <a:lstStyle>
            <a:lvl1pPr algn="l">
              <a:defRPr sz="1200"/>
            </a:lvl1pPr>
          </a:lstStyle>
          <a:p>
            <a:r>
              <a:rPr lang="de-CH" dirty="0"/>
              <a:t>Swiss Federal Office </a:t>
            </a:r>
            <a:r>
              <a:rPr lang="de-CH" dirty="0" err="1"/>
              <a:t>of</a:t>
            </a:r>
            <a:r>
              <a:rPr lang="de-CH" dirty="0"/>
              <a:t> </a:t>
            </a:r>
            <a:r>
              <a:rPr lang="de-CH" dirty="0" err="1"/>
              <a:t>Topography</a:t>
            </a:r>
            <a:r>
              <a:rPr lang="de-CH" dirty="0"/>
              <a:t> swisstopo</a:t>
            </a:r>
          </a:p>
        </p:txBody>
      </p:sp>
      <p:sp>
        <p:nvSpPr>
          <p:cNvPr id="3" name="Date Placeholder 2"/>
          <p:cNvSpPr>
            <a:spLocks noGrp="1"/>
          </p:cNvSpPr>
          <p:nvPr>
            <p:ph type="dt" sz="quarter" idx="1"/>
          </p:nvPr>
        </p:nvSpPr>
        <p:spPr>
          <a:xfrm>
            <a:off x="3850445" y="0"/>
            <a:ext cx="2945659" cy="496412"/>
          </a:xfrm>
          <a:prstGeom prst="rect">
            <a:avLst/>
          </a:prstGeom>
        </p:spPr>
        <p:txBody>
          <a:bodyPr vert="horz" lIns="92128" tIns="46064" rIns="92128" bIns="46064" rtlCol="0"/>
          <a:lstStyle>
            <a:lvl1pPr algn="r">
              <a:defRPr sz="1200"/>
            </a:lvl1pPr>
          </a:lstStyle>
          <a:p>
            <a:r>
              <a:rPr lang="de-DE" dirty="0"/>
              <a:t>19 Sep. 2023</a:t>
            </a:r>
            <a:endParaRPr lang="de-CH" dirty="0"/>
          </a:p>
        </p:txBody>
      </p:sp>
      <p:sp>
        <p:nvSpPr>
          <p:cNvPr id="6" name="Header Placeholder 5"/>
          <p:cNvSpPr>
            <a:spLocks noGrp="1"/>
          </p:cNvSpPr>
          <p:nvPr>
            <p:ph type="hdr" sz="quarter"/>
          </p:nvPr>
        </p:nvSpPr>
        <p:spPr>
          <a:xfrm>
            <a:off x="3" y="0"/>
            <a:ext cx="2945659" cy="496412"/>
          </a:xfrm>
          <a:prstGeom prst="rect">
            <a:avLst/>
          </a:prstGeom>
        </p:spPr>
        <p:txBody>
          <a:bodyPr vert="horz" lIns="92128" tIns="46064" rIns="92128" bIns="46064" rtlCol="0"/>
          <a:lstStyle>
            <a:lvl1pPr algn="l">
              <a:defRPr sz="1200"/>
            </a:lvl1pPr>
          </a:lstStyle>
          <a:p>
            <a:r>
              <a:rPr lang="en-US" dirty="0"/>
              <a:t>Delegation from Uganda</a:t>
            </a:r>
            <a:endParaRPr lang="de-CH" dirty="0"/>
          </a:p>
        </p:txBody>
      </p:sp>
    </p:spTree>
    <p:extLst>
      <p:ext uri="{BB962C8B-B14F-4D97-AF65-F5344CB8AC3E}">
        <p14:creationId xmlns:p14="http://schemas.microsoft.com/office/powerpoint/2010/main" val="4067071467"/>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Slide Image Placeholder 3"/>
          <p:cNvSpPr>
            <a:spLocks noGrp="1" noRot="1" noChangeAspect="1"/>
          </p:cNvSpPr>
          <p:nvPr>
            <p:ph type="sldImg" idx="2"/>
          </p:nvPr>
        </p:nvSpPr>
        <p:spPr>
          <a:xfrm>
            <a:off x="28575" y="744538"/>
            <a:ext cx="6615113" cy="3722687"/>
          </a:xfrm>
          <a:prstGeom prst="rect">
            <a:avLst/>
          </a:prstGeom>
          <a:noFill/>
          <a:ln w="12700">
            <a:solidFill>
              <a:prstClr val="black"/>
            </a:solidFill>
          </a:ln>
        </p:spPr>
        <p:txBody>
          <a:bodyPr vert="horz" lIns="92128" tIns="46064" rIns="92128" bIns="46064" rtlCol="0" anchor="ctr"/>
          <a:lstStyle/>
          <a:p>
            <a:endParaRPr lang="de-CH"/>
          </a:p>
        </p:txBody>
      </p:sp>
      <p:sp>
        <p:nvSpPr>
          <p:cNvPr id="5" name="Notes Placeholder 4"/>
          <p:cNvSpPr>
            <a:spLocks noGrp="1"/>
          </p:cNvSpPr>
          <p:nvPr>
            <p:ph type="body" sz="quarter" idx="3"/>
          </p:nvPr>
        </p:nvSpPr>
        <p:spPr>
          <a:xfrm>
            <a:off x="1070501" y="4715908"/>
            <a:ext cx="4531783" cy="3725038"/>
          </a:xfrm>
          <a:prstGeom prst="rect">
            <a:avLst/>
          </a:prstGeom>
        </p:spPr>
        <p:txBody>
          <a:bodyPr vert="horz" lIns="92128" tIns="46064" rIns="92128" bIns="46064" rtlCol="0"/>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a:p>
            <a:pPr lvl="1"/>
            <a:r>
              <a:rPr lang="de-CH" dirty="0"/>
              <a:t>Second </a:t>
            </a:r>
            <a:r>
              <a:rPr lang="de-CH" dirty="0" err="1"/>
              <a:t>level</a:t>
            </a:r>
            <a:endParaRPr lang="de-CH" dirty="0"/>
          </a:p>
          <a:p>
            <a:pPr lvl="2"/>
            <a:r>
              <a:rPr lang="de-CH" dirty="0"/>
              <a:t>Third </a:t>
            </a:r>
            <a:r>
              <a:rPr lang="de-CH" dirty="0" err="1"/>
              <a:t>level</a:t>
            </a:r>
            <a:endParaRPr lang="de-CH" dirty="0"/>
          </a:p>
          <a:p>
            <a:pPr lvl="3"/>
            <a:r>
              <a:rPr lang="de-CH" dirty="0" err="1"/>
              <a:t>Fourth</a:t>
            </a:r>
            <a:r>
              <a:rPr lang="de-CH" dirty="0"/>
              <a:t> </a:t>
            </a:r>
            <a:r>
              <a:rPr lang="de-CH" dirty="0" err="1"/>
              <a:t>level</a:t>
            </a:r>
            <a:endParaRPr lang="de-CH" dirty="0"/>
          </a:p>
          <a:p>
            <a:pPr lvl="4"/>
            <a:r>
              <a:rPr lang="de-CH" dirty="0" err="1"/>
              <a:t>Fifth</a:t>
            </a:r>
            <a:r>
              <a:rPr lang="de-CH" dirty="0"/>
              <a:t> </a:t>
            </a:r>
            <a:r>
              <a:rPr lang="de-CH" dirty="0" err="1"/>
              <a:t>level</a:t>
            </a:r>
            <a:endParaRPr lang="de-CH" dirty="0"/>
          </a:p>
        </p:txBody>
      </p:sp>
      <p:sp>
        <p:nvSpPr>
          <p:cNvPr id="7" name="Slide Number Placeholder 6"/>
          <p:cNvSpPr>
            <a:spLocks noGrp="1"/>
          </p:cNvSpPr>
          <p:nvPr>
            <p:ph type="sldNum" sz="quarter" idx="5"/>
          </p:nvPr>
        </p:nvSpPr>
        <p:spPr>
          <a:xfrm>
            <a:off x="3850445" y="9430093"/>
            <a:ext cx="2945659" cy="496412"/>
          </a:xfrm>
          <a:prstGeom prst="rect">
            <a:avLst/>
          </a:prstGeom>
        </p:spPr>
        <p:txBody>
          <a:bodyPr vert="horz" lIns="92128" tIns="46064" rIns="92128" bIns="46064" rtlCol="0" anchor="b"/>
          <a:lstStyle>
            <a:lvl1pPr algn="r">
              <a:defRPr sz="1200"/>
            </a:lvl1pPr>
          </a:lstStyle>
          <a:p>
            <a:fld id="{3B0D1700-42C1-436B-A0AE-CF5F9294E079}" type="slidenum">
              <a:rPr lang="de-CH" smtClean="0"/>
              <a:t>‹Nr.›</a:t>
            </a:fld>
            <a:endParaRPr lang="de-CH" dirty="0"/>
          </a:p>
        </p:txBody>
      </p:sp>
      <p:sp>
        <p:nvSpPr>
          <p:cNvPr id="2" name="Header Placeholder 1"/>
          <p:cNvSpPr>
            <a:spLocks noGrp="1"/>
          </p:cNvSpPr>
          <p:nvPr>
            <p:ph type="hdr" sz="quarter"/>
          </p:nvPr>
        </p:nvSpPr>
        <p:spPr>
          <a:xfrm>
            <a:off x="3" y="0"/>
            <a:ext cx="2945659" cy="496412"/>
          </a:xfrm>
          <a:prstGeom prst="rect">
            <a:avLst/>
          </a:prstGeom>
        </p:spPr>
        <p:txBody>
          <a:bodyPr vert="horz" lIns="92128" tIns="46064" rIns="92128" bIns="46064" rtlCol="0"/>
          <a:lstStyle>
            <a:lvl1pPr algn="l">
              <a:defRPr sz="1200"/>
            </a:lvl1pPr>
          </a:lstStyle>
          <a:p>
            <a:endParaRPr lang="de-CH" dirty="0"/>
          </a:p>
        </p:txBody>
      </p:sp>
      <p:sp>
        <p:nvSpPr>
          <p:cNvPr id="3" name="Date Placeholder 2"/>
          <p:cNvSpPr>
            <a:spLocks noGrp="1"/>
          </p:cNvSpPr>
          <p:nvPr>
            <p:ph type="dt" idx="1"/>
          </p:nvPr>
        </p:nvSpPr>
        <p:spPr>
          <a:xfrm>
            <a:off x="3850445" y="0"/>
            <a:ext cx="2945659" cy="496412"/>
          </a:xfrm>
          <a:prstGeom prst="rect">
            <a:avLst/>
          </a:prstGeom>
        </p:spPr>
        <p:txBody>
          <a:bodyPr vert="horz" lIns="92128" tIns="46064" rIns="92128" bIns="46064" rtlCol="0"/>
          <a:lstStyle>
            <a:lvl1pPr algn="r">
              <a:defRPr sz="1200"/>
            </a:lvl1pPr>
          </a:lstStyle>
          <a:p>
            <a:endParaRPr lang="de-CH" dirty="0"/>
          </a:p>
        </p:txBody>
      </p:sp>
      <p:sp>
        <p:nvSpPr>
          <p:cNvPr id="6" name="Footer Placeholder 5"/>
          <p:cNvSpPr>
            <a:spLocks noGrp="1"/>
          </p:cNvSpPr>
          <p:nvPr>
            <p:ph type="ftr" sz="quarter" idx="4"/>
          </p:nvPr>
        </p:nvSpPr>
        <p:spPr>
          <a:xfrm>
            <a:off x="1" y="9430093"/>
            <a:ext cx="3398837" cy="496412"/>
          </a:xfrm>
          <a:prstGeom prst="rect">
            <a:avLst/>
          </a:prstGeom>
        </p:spPr>
        <p:txBody>
          <a:bodyPr vert="horz" lIns="92128" tIns="46064" rIns="92128" bIns="46064" rtlCol="0" anchor="b"/>
          <a:lstStyle>
            <a:lvl1pPr algn="l">
              <a:defRPr sz="1200"/>
            </a:lvl1pPr>
          </a:lstStyle>
          <a:p>
            <a:r>
              <a:rPr lang="de-CH" dirty="0"/>
              <a:t>Swiss Federal Office </a:t>
            </a:r>
            <a:r>
              <a:rPr lang="de-CH" dirty="0" err="1"/>
              <a:t>of</a:t>
            </a:r>
            <a:r>
              <a:rPr lang="de-CH" dirty="0"/>
              <a:t> </a:t>
            </a:r>
            <a:r>
              <a:rPr lang="de-CH" dirty="0" err="1"/>
              <a:t>Topography</a:t>
            </a:r>
            <a:r>
              <a:rPr lang="de-CH" dirty="0"/>
              <a:t> swisstopo</a:t>
            </a:r>
          </a:p>
        </p:txBody>
      </p:sp>
    </p:spTree>
    <p:extLst>
      <p:ext uri="{BB962C8B-B14F-4D97-AF65-F5344CB8AC3E}">
        <p14:creationId xmlns:p14="http://schemas.microsoft.com/office/powerpoint/2010/main" val="3005723629"/>
      </p:ext>
    </p:extLst>
  </p:cSld>
  <p:clrMap bg1="lt1" tx1="dk1" bg2="lt2" tx2="dk2" accent1="accent1" accent2="accent2" accent3="accent3" accent4="accent4" accent5="accent5" accent6="accent6" hlink="hlink" folHlink="folHlink"/>
  <p:hf/>
  <p:notesStyle>
    <a:lvl1pPr marL="0" algn="l" defTabSz="685800" rtl="0" eaLnBrk="1" latinLnBrk="0" hangingPunct="1">
      <a:defRPr sz="900" kern="1200">
        <a:solidFill>
          <a:schemeClr val="tx1"/>
        </a:solidFill>
        <a:latin typeface="+mn-lt"/>
        <a:ea typeface="+mn-ea"/>
        <a:cs typeface="+mn-cs"/>
      </a:defRPr>
    </a:lvl1pPr>
    <a:lvl2pPr marL="342900" algn="l" defTabSz="685800" rtl="0" eaLnBrk="1" latinLnBrk="0" hangingPunct="1">
      <a:defRPr sz="900" kern="1200">
        <a:solidFill>
          <a:schemeClr val="tx1"/>
        </a:solidFill>
        <a:latin typeface="+mn-lt"/>
        <a:ea typeface="+mn-ea"/>
        <a:cs typeface="+mn-cs"/>
      </a:defRPr>
    </a:lvl2pPr>
    <a:lvl3pPr marL="685800" algn="l" defTabSz="685800" rtl="0" eaLnBrk="1" latinLnBrk="0" hangingPunct="1">
      <a:defRPr sz="900" kern="1200">
        <a:solidFill>
          <a:schemeClr val="tx1"/>
        </a:solidFill>
        <a:latin typeface="+mn-lt"/>
        <a:ea typeface="+mn-ea"/>
        <a:cs typeface="+mn-cs"/>
      </a:defRPr>
    </a:lvl3pPr>
    <a:lvl4pPr marL="1028700" algn="l" defTabSz="685800" rtl="0" eaLnBrk="1" latinLnBrk="0" hangingPunct="1">
      <a:defRPr sz="900" kern="1200">
        <a:solidFill>
          <a:schemeClr val="tx1"/>
        </a:solidFill>
        <a:latin typeface="+mn-lt"/>
        <a:ea typeface="+mn-ea"/>
        <a:cs typeface="+mn-cs"/>
      </a:defRPr>
    </a:lvl4pPr>
    <a:lvl5pPr marL="1371600" algn="l" defTabSz="685800" rtl="0" eaLnBrk="1" latinLnBrk="0" hangingPunct="1">
      <a:defRPr sz="900" kern="1200">
        <a:solidFill>
          <a:schemeClr val="tx1"/>
        </a:solidFill>
        <a:latin typeface="+mn-lt"/>
        <a:ea typeface="+mn-ea"/>
        <a:cs typeface="+mn-cs"/>
      </a:defRPr>
    </a:lvl5pPr>
    <a:lvl6pPr marL="1714500" algn="l" defTabSz="685800" rtl="0" eaLnBrk="1" latinLnBrk="0" hangingPunct="1">
      <a:defRPr sz="900" kern="1200">
        <a:solidFill>
          <a:schemeClr val="tx1"/>
        </a:solidFill>
        <a:latin typeface="+mn-lt"/>
        <a:ea typeface="+mn-ea"/>
        <a:cs typeface="+mn-cs"/>
      </a:defRPr>
    </a:lvl6pPr>
    <a:lvl7pPr marL="2057400" algn="l" defTabSz="685800" rtl="0" eaLnBrk="1" latinLnBrk="0" hangingPunct="1">
      <a:defRPr sz="900" kern="1200">
        <a:solidFill>
          <a:schemeClr val="tx1"/>
        </a:solidFill>
        <a:latin typeface="+mn-lt"/>
        <a:ea typeface="+mn-ea"/>
        <a:cs typeface="+mn-cs"/>
      </a:defRPr>
    </a:lvl7pPr>
    <a:lvl8pPr marL="2400300" algn="l" defTabSz="685800" rtl="0" eaLnBrk="1" latinLnBrk="0" hangingPunct="1">
      <a:defRPr sz="900" kern="1200">
        <a:solidFill>
          <a:schemeClr val="tx1"/>
        </a:solidFill>
        <a:latin typeface="+mn-lt"/>
        <a:ea typeface="+mn-ea"/>
        <a:cs typeface="+mn-cs"/>
      </a:defRPr>
    </a:lvl8pPr>
    <a:lvl9pPr marL="2743200" algn="l" defTabSz="685800" rtl="0" eaLnBrk="1" latinLnBrk="0" hangingPunct="1">
      <a:defRPr sz="9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Folienbildplatzhalter 7"/>
          <p:cNvSpPr>
            <a:spLocks noGrp="1" noRot="1" noChangeAspect="1"/>
          </p:cNvSpPr>
          <p:nvPr>
            <p:ph type="sldImg"/>
          </p:nvPr>
        </p:nvSpPr>
        <p:spPr>
          <a:xfrm>
            <a:off x="-298450" y="500063"/>
            <a:ext cx="7678738" cy="4319587"/>
          </a:xfrm>
        </p:spPr>
      </p:sp>
      <p:sp>
        <p:nvSpPr>
          <p:cNvPr id="9" name="Notizenplatzhalter 8"/>
          <p:cNvSpPr>
            <a:spLocks noGrp="1"/>
          </p:cNvSpPr>
          <p:nvPr>
            <p:ph type="body" idx="1"/>
          </p:nvPr>
        </p:nvSpPr>
        <p:spPr>
          <a:xfrm>
            <a:off x="1022573" y="5180136"/>
            <a:ext cx="4531783" cy="3725038"/>
          </a:xfrm>
        </p:spPr>
        <p:txBody>
          <a:bodyPr/>
          <a:lstStyle/>
          <a:p>
            <a:endParaRPr lang="de-CH"/>
          </a:p>
        </p:txBody>
      </p:sp>
      <p:sp>
        <p:nvSpPr>
          <p:cNvPr id="12" name="Foliennummernplatzhalter 3"/>
          <p:cNvSpPr>
            <a:spLocks noGrp="1"/>
          </p:cNvSpPr>
          <p:nvPr>
            <p:ph type="sldNum" sz="quarter" idx="5"/>
          </p:nvPr>
        </p:nvSpPr>
        <p:spPr>
          <a:xfrm>
            <a:off x="3850445" y="9430093"/>
            <a:ext cx="2945659" cy="496412"/>
          </a:xfrm>
        </p:spPr>
        <p:txBody>
          <a:bodyPr/>
          <a:lstStyle/>
          <a:p>
            <a:r>
              <a:rPr lang="de-CH" dirty="0"/>
              <a:t>1</a:t>
            </a:r>
          </a:p>
        </p:txBody>
      </p:sp>
      <p:sp>
        <p:nvSpPr>
          <p:cNvPr id="13" name="Fußzeilenplatzhalter 6"/>
          <p:cNvSpPr>
            <a:spLocks noGrp="1"/>
          </p:cNvSpPr>
          <p:nvPr>
            <p:ph type="ftr" sz="quarter" idx="4"/>
          </p:nvPr>
        </p:nvSpPr>
        <p:spPr>
          <a:xfrm>
            <a:off x="1" y="9430093"/>
            <a:ext cx="3398837" cy="496412"/>
          </a:xfrm>
        </p:spPr>
        <p:txBody>
          <a:bodyPr/>
          <a:lstStyle/>
          <a:p>
            <a:r>
              <a:rPr lang="de-CH"/>
              <a:t>Swiss Federal Office of Topography swisstopo</a:t>
            </a:r>
            <a:endParaRPr lang="de-CH" dirty="0"/>
          </a:p>
        </p:txBody>
      </p:sp>
    </p:spTree>
    <p:extLst>
      <p:ext uri="{BB962C8B-B14F-4D97-AF65-F5344CB8AC3E}">
        <p14:creationId xmlns:p14="http://schemas.microsoft.com/office/powerpoint/2010/main" val="380106657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10</a:t>
            </a:fld>
            <a:endParaRPr lang="de-CH" dirty="0"/>
          </a:p>
        </p:txBody>
      </p:sp>
      <p:sp>
        <p:nvSpPr>
          <p:cNvPr id="7" name="Fußzeilenplatzhalter 6"/>
          <p:cNvSpPr>
            <a:spLocks noGrp="1"/>
          </p:cNvSpPr>
          <p:nvPr>
            <p:ph type="ftr" sz="quarter" idx="13"/>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269135970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en-GB" dirty="0"/>
          </a:p>
        </p:txBody>
      </p:sp>
      <p:sp>
        <p:nvSpPr>
          <p:cNvPr id="4" name="Foliennummernplatzhalter 3"/>
          <p:cNvSpPr>
            <a:spLocks noGrp="1"/>
          </p:cNvSpPr>
          <p:nvPr>
            <p:ph type="sldNum" sz="quarter" idx="10"/>
          </p:nvPr>
        </p:nvSpPr>
        <p:spPr/>
        <p:txBody>
          <a:bodyPr/>
          <a:lstStyle/>
          <a:p>
            <a:fld id="{3B0D1700-42C1-436B-A0AE-CF5F9294E079}" type="slidenum">
              <a:rPr lang="de-CH" smtClean="0"/>
              <a:t>11</a:t>
            </a:fld>
            <a:endParaRPr lang="de-CH" dirty="0"/>
          </a:p>
        </p:txBody>
      </p:sp>
      <p:sp>
        <p:nvSpPr>
          <p:cNvPr id="7" name="Fußzeilenplatzhalter 6"/>
          <p:cNvSpPr>
            <a:spLocks noGrp="1"/>
          </p:cNvSpPr>
          <p:nvPr>
            <p:ph type="ftr" sz="quarter" idx="13"/>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282740278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12</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386555987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0902" name="Rectangle 2"/>
          <p:cNvSpPr>
            <a:spLocks noGrp="1" noRot="1" noChangeAspect="1" noChangeArrowheads="1" noTextEdit="1"/>
          </p:cNvSpPr>
          <p:nvPr>
            <p:ph type="sldImg"/>
          </p:nvPr>
        </p:nvSpPr>
        <p:spPr>
          <a:xfrm>
            <a:off x="-1588" y="500063"/>
            <a:ext cx="7037388" cy="3959225"/>
          </a:xfrm>
        </p:spPr>
      </p:sp>
      <p:sp>
        <p:nvSpPr>
          <p:cNvPr id="80903" name="Rectangle 3"/>
          <p:cNvSpPr>
            <a:spLocks noGrp="1" noChangeArrowheads="1"/>
          </p:cNvSpPr>
          <p:nvPr>
            <p:ph type="body" idx="1"/>
          </p:nvPr>
        </p:nvSpPr>
        <p:spPr>
          <a:xfrm>
            <a:off x="1022573" y="4820096"/>
            <a:ext cx="5040560" cy="4104456"/>
          </a:xfrm>
          <a:noFill/>
          <a:extLst>
            <a:ext uri="{91240B29-F687-4F45-9708-019B960494DF}">
              <a14:hiddenLine xmlns:a14="http://schemas.microsoft.com/office/drawing/2010/main" w="9525">
                <a:solidFill>
                  <a:srgbClr val="000000"/>
                </a:solidFill>
                <a:miter lim="800000"/>
                <a:headEnd/>
                <a:tailEnd/>
              </a14:hiddenLine>
            </a:ext>
          </a:extLst>
        </p:spPr>
        <p:txBody>
          <a:bodyPr/>
          <a:lstStyle/>
          <a:p>
            <a:pPr defTabSz="1350315"/>
            <a:endParaRPr lang="en-US" altLang="de-DE" dirty="0"/>
          </a:p>
        </p:txBody>
      </p:sp>
      <p:sp>
        <p:nvSpPr>
          <p:cNvPr id="8" name="Foliennummernplatzhalter 3"/>
          <p:cNvSpPr>
            <a:spLocks noGrp="1"/>
          </p:cNvSpPr>
          <p:nvPr>
            <p:ph type="sldNum" sz="quarter" idx="5"/>
          </p:nvPr>
        </p:nvSpPr>
        <p:spPr>
          <a:xfrm>
            <a:off x="3850445" y="9430093"/>
            <a:ext cx="2945659" cy="496412"/>
          </a:xfrm>
        </p:spPr>
        <p:txBody>
          <a:bodyPr/>
          <a:lstStyle/>
          <a:p>
            <a:fld id="{3B0D1700-42C1-436B-A0AE-CF5F9294E079}" type="slidenum">
              <a:rPr lang="de-CH" smtClean="0"/>
              <a:t>13</a:t>
            </a:fld>
            <a:endParaRPr lang="de-CH" dirty="0"/>
          </a:p>
        </p:txBody>
      </p:sp>
      <p:sp>
        <p:nvSpPr>
          <p:cNvPr id="9" name="Kopfzeilenplatzhalter 4"/>
          <p:cNvSpPr>
            <a:spLocks noGrp="1"/>
          </p:cNvSpPr>
          <p:nvPr>
            <p:ph type="hdr" sz="quarter"/>
          </p:nvPr>
        </p:nvSpPr>
        <p:spPr>
          <a:xfrm>
            <a:off x="3" y="0"/>
            <a:ext cx="2945659" cy="496412"/>
          </a:xfrm>
        </p:spPr>
        <p:txBody>
          <a:bodyPr/>
          <a:lstStyle/>
          <a:p>
            <a:r>
              <a:rPr lang="en-US"/>
              <a:t>SECO</a:t>
            </a:r>
            <a:endParaRPr lang="de-CH" dirty="0"/>
          </a:p>
        </p:txBody>
      </p:sp>
      <p:sp>
        <p:nvSpPr>
          <p:cNvPr id="10" name="Datumsplatzhalter 5"/>
          <p:cNvSpPr>
            <a:spLocks noGrp="1"/>
          </p:cNvSpPr>
          <p:nvPr>
            <p:ph type="dt" idx="1"/>
          </p:nvPr>
        </p:nvSpPr>
        <p:spPr>
          <a:xfrm>
            <a:off x="3850445" y="0"/>
            <a:ext cx="2945659" cy="496412"/>
          </a:xfrm>
        </p:spPr>
        <p:txBody>
          <a:bodyPr/>
          <a:lstStyle/>
          <a:p>
            <a:r>
              <a:rPr lang="de-DE"/>
              <a:t>1.7.2021</a:t>
            </a:r>
            <a:endParaRPr lang="de-CH" dirty="0"/>
          </a:p>
        </p:txBody>
      </p:sp>
      <p:sp>
        <p:nvSpPr>
          <p:cNvPr id="11" name="Fußzeilenplatzhalter 6"/>
          <p:cNvSpPr>
            <a:spLocks noGrp="1"/>
          </p:cNvSpPr>
          <p:nvPr>
            <p:ph type="ftr" sz="quarter" idx="4"/>
          </p:nvPr>
        </p:nvSpPr>
        <p:spPr>
          <a:xfrm>
            <a:off x="1" y="9430093"/>
            <a:ext cx="3398837" cy="496412"/>
          </a:xfrm>
        </p:spPr>
        <p:txBody>
          <a:bodyPr/>
          <a:lstStyle/>
          <a:p>
            <a:r>
              <a:rPr lang="de-CH" dirty="0"/>
              <a:t>Swiss Federal Office of </a:t>
            </a:r>
            <a:r>
              <a:rPr lang="de-CH" dirty="0" err="1"/>
              <a:t>Topography</a:t>
            </a:r>
            <a:r>
              <a:rPr lang="de-CH" dirty="0"/>
              <a:t> swisstopo</a:t>
            </a:r>
          </a:p>
        </p:txBody>
      </p:sp>
    </p:spTree>
    <p:extLst>
      <p:ext uri="{BB962C8B-B14F-4D97-AF65-F5344CB8AC3E}">
        <p14:creationId xmlns:p14="http://schemas.microsoft.com/office/powerpoint/2010/main" val="239497068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14</a:t>
            </a:fld>
            <a:endParaRPr lang="de-CH" dirty="0"/>
          </a:p>
        </p:txBody>
      </p:sp>
      <p:sp>
        <p:nvSpPr>
          <p:cNvPr id="7" name="Fußzeilenplatzhalter 6"/>
          <p:cNvSpPr>
            <a:spLocks noGrp="1"/>
          </p:cNvSpPr>
          <p:nvPr>
            <p:ph type="ftr" sz="quarter" idx="13"/>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205008681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15</a:t>
            </a:fld>
            <a:endParaRPr lang="de-CH" dirty="0"/>
          </a:p>
        </p:txBody>
      </p:sp>
      <p:sp>
        <p:nvSpPr>
          <p:cNvPr id="5" name="Kopfzeilenplatzhalter 4"/>
          <p:cNvSpPr>
            <a:spLocks noGrp="1"/>
          </p:cNvSpPr>
          <p:nvPr>
            <p:ph type="hdr" sz="quarter" idx="11"/>
          </p:nvPr>
        </p:nvSpPr>
        <p:spPr/>
        <p:txBody>
          <a:bodyPr/>
          <a:lstStyle/>
          <a:p>
            <a:endParaRPr lang="de-CH" dirty="0"/>
          </a:p>
        </p:txBody>
      </p:sp>
      <p:sp>
        <p:nvSpPr>
          <p:cNvPr id="7" name="Fußzeilenplatzhalter 6"/>
          <p:cNvSpPr>
            <a:spLocks noGrp="1"/>
          </p:cNvSpPr>
          <p:nvPr>
            <p:ph type="ftr" sz="quarter" idx="13"/>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253005995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26" name="Rectangle 2"/>
          <p:cNvSpPr>
            <a:spLocks noGrp="1" noRot="1" noChangeAspect="1" noChangeArrowheads="1" noTextEdit="1"/>
          </p:cNvSpPr>
          <p:nvPr>
            <p:ph type="sldImg"/>
          </p:nvPr>
        </p:nvSpPr>
        <p:spPr>
          <a:xfrm>
            <a:off x="301625" y="787400"/>
            <a:ext cx="6345238" cy="3570288"/>
          </a:xfrm>
        </p:spPr>
      </p:sp>
      <p:sp>
        <p:nvSpPr>
          <p:cNvPr id="81927" name="Rectangle 3"/>
          <p:cNvSpPr>
            <a:spLocks noGrp="1" noChangeArrowheads="1"/>
          </p:cNvSpPr>
          <p:nvPr>
            <p:ph type="body" idx="1"/>
          </p:nvPr>
        </p:nvSpPr>
        <p:spPr>
          <a:xfrm>
            <a:off x="1094581" y="4964112"/>
            <a:ext cx="4896544" cy="4176464"/>
          </a:xfrm>
          <a:noFill/>
          <a:extLst>
            <a:ext uri="{91240B29-F687-4F45-9708-019B960494DF}">
              <a14:hiddenLine xmlns:a14="http://schemas.microsoft.com/office/drawing/2010/main" w="9525">
                <a:solidFill>
                  <a:srgbClr val="000000"/>
                </a:solidFill>
                <a:miter lim="800000"/>
                <a:headEnd/>
                <a:tailEnd/>
              </a14:hiddenLine>
            </a:ext>
          </a:extLst>
        </p:spPr>
        <p:txBody>
          <a:bodyPr/>
          <a:lstStyle/>
          <a:p>
            <a:pPr defTabSz="1350315"/>
            <a:endParaRPr lang="de-CH" altLang="de-DE"/>
          </a:p>
        </p:txBody>
      </p:sp>
      <p:sp>
        <p:nvSpPr>
          <p:cNvPr id="8" name="Foliennummernplatzhalter 3"/>
          <p:cNvSpPr>
            <a:spLocks noGrp="1"/>
          </p:cNvSpPr>
          <p:nvPr>
            <p:ph type="sldNum" sz="quarter" idx="5"/>
          </p:nvPr>
        </p:nvSpPr>
        <p:spPr>
          <a:xfrm>
            <a:off x="3850445" y="9430093"/>
            <a:ext cx="2945659" cy="496412"/>
          </a:xfrm>
        </p:spPr>
        <p:txBody>
          <a:bodyPr/>
          <a:lstStyle/>
          <a:p>
            <a:fld id="{3B0D1700-42C1-436B-A0AE-CF5F9294E079}" type="slidenum">
              <a:rPr lang="de-CH" smtClean="0"/>
              <a:t>16</a:t>
            </a:fld>
            <a:endParaRPr lang="de-CH" dirty="0"/>
          </a:p>
        </p:txBody>
      </p:sp>
      <p:sp>
        <p:nvSpPr>
          <p:cNvPr id="9" name="Kopfzeilenplatzhalter 4"/>
          <p:cNvSpPr>
            <a:spLocks noGrp="1"/>
          </p:cNvSpPr>
          <p:nvPr>
            <p:ph type="hdr" sz="quarter"/>
          </p:nvPr>
        </p:nvSpPr>
        <p:spPr>
          <a:xfrm>
            <a:off x="3" y="0"/>
            <a:ext cx="2945659" cy="496412"/>
          </a:xfrm>
        </p:spPr>
        <p:txBody>
          <a:bodyPr/>
          <a:lstStyle/>
          <a:p>
            <a:r>
              <a:rPr lang="en-US"/>
              <a:t>SECO</a:t>
            </a:r>
            <a:endParaRPr lang="de-CH" dirty="0"/>
          </a:p>
        </p:txBody>
      </p:sp>
      <p:sp>
        <p:nvSpPr>
          <p:cNvPr id="10" name="Datumsplatzhalter 5"/>
          <p:cNvSpPr>
            <a:spLocks noGrp="1"/>
          </p:cNvSpPr>
          <p:nvPr>
            <p:ph type="dt" idx="1"/>
          </p:nvPr>
        </p:nvSpPr>
        <p:spPr>
          <a:xfrm>
            <a:off x="3850445" y="0"/>
            <a:ext cx="2945659" cy="496412"/>
          </a:xfrm>
        </p:spPr>
        <p:txBody>
          <a:bodyPr/>
          <a:lstStyle/>
          <a:p>
            <a:r>
              <a:rPr lang="de-DE"/>
              <a:t>1.7.2021</a:t>
            </a:r>
            <a:endParaRPr lang="de-CH" dirty="0"/>
          </a:p>
        </p:txBody>
      </p:sp>
      <p:sp>
        <p:nvSpPr>
          <p:cNvPr id="11" name="Fußzeilenplatzhalter 6"/>
          <p:cNvSpPr>
            <a:spLocks noGrp="1"/>
          </p:cNvSpPr>
          <p:nvPr>
            <p:ph type="ftr" sz="quarter" idx="4"/>
          </p:nvPr>
        </p:nvSpPr>
        <p:spPr>
          <a:xfrm>
            <a:off x="1" y="9430093"/>
            <a:ext cx="3398837" cy="496412"/>
          </a:xfrm>
        </p:spPr>
        <p:txBody>
          <a:bodyPr/>
          <a:lstStyle/>
          <a:p>
            <a:r>
              <a:rPr lang="de-CH" dirty="0"/>
              <a:t>Swiss Federal Office of </a:t>
            </a:r>
            <a:r>
              <a:rPr lang="de-CH" dirty="0" err="1"/>
              <a:t>Topography</a:t>
            </a:r>
            <a:r>
              <a:rPr lang="de-CH" dirty="0"/>
              <a:t> swisstopo</a:t>
            </a:r>
          </a:p>
        </p:txBody>
      </p:sp>
    </p:spTree>
    <p:extLst>
      <p:ext uri="{BB962C8B-B14F-4D97-AF65-F5344CB8AC3E}">
        <p14:creationId xmlns:p14="http://schemas.microsoft.com/office/powerpoint/2010/main" val="120246659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17</a:t>
            </a:fld>
            <a:endParaRPr lang="de-CH" dirty="0"/>
          </a:p>
        </p:txBody>
      </p:sp>
      <p:sp>
        <p:nvSpPr>
          <p:cNvPr id="5" name="Kopfzeilenplatzhalter 4"/>
          <p:cNvSpPr>
            <a:spLocks noGrp="1"/>
          </p:cNvSpPr>
          <p:nvPr>
            <p:ph type="hdr" sz="quarter" idx="11"/>
          </p:nvPr>
        </p:nvSpPr>
        <p:spPr/>
        <p:txBody>
          <a:bodyPr/>
          <a:lstStyle/>
          <a:p>
            <a:r>
              <a:rPr lang="en-US"/>
              <a:t>SECO</a:t>
            </a:r>
            <a:endParaRPr lang="de-CH" dirty="0"/>
          </a:p>
        </p:txBody>
      </p:sp>
      <p:sp>
        <p:nvSpPr>
          <p:cNvPr id="6" name="Datumsplatzhalter 5"/>
          <p:cNvSpPr>
            <a:spLocks noGrp="1"/>
          </p:cNvSpPr>
          <p:nvPr>
            <p:ph type="dt" idx="12"/>
          </p:nvPr>
        </p:nvSpPr>
        <p:spPr/>
        <p:txBody>
          <a:bodyPr/>
          <a:lstStyle/>
          <a:p>
            <a:r>
              <a:rPr lang="de-DE"/>
              <a:t>1.7.2021</a:t>
            </a:r>
            <a:endParaRPr lang="de-CH" dirty="0"/>
          </a:p>
        </p:txBody>
      </p:sp>
      <p:sp>
        <p:nvSpPr>
          <p:cNvPr id="7" name="Fußzeilenplatzhalter 6"/>
          <p:cNvSpPr>
            <a:spLocks noGrp="1"/>
          </p:cNvSpPr>
          <p:nvPr>
            <p:ph type="ftr" sz="quarter" idx="13"/>
          </p:nvPr>
        </p:nvSpPr>
        <p:spPr/>
        <p:txBody>
          <a:bodyPr/>
          <a:lstStyle/>
          <a:p>
            <a:r>
              <a:rPr lang="de-CH" dirty="0"/>
              <a:t>Swiss Federal Office of </a:t>
            </a:r>
            <a:r>
              <a:rPr lang="de-CH" dirty="0" err="1"/>
              <a:t>Topography</a:t>
            </a:r>
            <a:r>
              <a:rPr lang="de-CH" dirty="0"/>
              <a:t> swisstopo</a:t>
            </a:r>
          </a:p>
        </p:txBody>
      </p:sp>
    </p:spTree>
    <p:extLst>
      <p:ext uri="{BB962C8B-B14F-4D97-AF65-F5344CB8AC3E}">
        <p14:creationId xmlns:p14="http://schemas.microsoft.com/office/powerpoint/2010/main" val="387009659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0117" name="Rectangle 7"/>
          <p:cNvSpPr>
            <a:spLocks noGrp="1" noChangeArrowheads="1"/>
          </p:cNvSpPr>
          <p:nvPr>
            <p:ph type="sldNum" sz="quarter"/>
          </p:nvPr>
        </p:nvSpPr>
        <p:spPr>
          <a:noFill/>
        </p:spPr>
        <p:txBody>
          <a:bodyPr/>
          <a:lstStyle>
            <a:lvl1pPr>
              <a:tabLst>
                <a:tab pos="1069000" algn="l"/>
              </a:tabLst>
              <a:defRPr sz="4200">
                <a:solidFill>
                  <a:schemeClr val="bg1"/>
                </a:solidFill>
                <a:latin typeface="Arial" charset="0"/>
              </a:defRPr>
            </a:lvl1pPr>
            <a:lvl2pPr marL="1097132" indent="-421973">
              <a:tabLst>
                <a:tab pos="1069000" algn="l"/>
              </a:tabLst>
              <a:defRPr sz="4200">
                <a:solidFill>
                  <a:schemeClr val="bg1"/>
                </a:solidFill>
                <a:latin typeface="Arial" charset="0"/>
              </a:defRPr>
            </a:lvl2pPr>
            <a:lvl3pPr marL="1687895" indent="-337579">
              <a:tabLst>
                <a:tab pos="1069000" algn="l"/>
              </a:tabLst>
              <a:defRPr sz="4200">
                <a:solidFill>
                  <a:schemeClr val="bg1"/>
                </a:solidFill>
                <a:latin typeface="Arial" charset="0"/>
              </a:defRPr>
            </a:lvl3pPr>
            <a:lvl4pPr marL="2363053" indent="-337579">
              <a:tabLst>
                <a:tab pos="1069000" algn="l"/>
              </a:tabLst>
              <a:defRPr sz="4200">
                <a:solidFill>
                  <a:schemeClr val="bg1"/>
                </a:solidFill>
                <a:latin typeface="Arial" charset="0"/>
              </a:defRPr>
            </a:lvl4pPr>
            <a:lvl5pPr marL="3038210" indent="-337579">
              <a:tabLst>
                <a:tab pos="1069000" algn="l"/>
              </a:tabLst>
              <a:defRPr sz="4200">
                <a:solidFill>
                  <a:schemeClr val="bg1"/>
                </a:solidFill>
                <a:latin typeface="Arial" charset="0"/>
              </a:defRPr>
            </a:lvl5pPr>
            <a:lvl6pPr marL="3713368" indent="-337579" defTabSz="663437" eaLnBrk="0" fontAlgn="base" hangingPunct="0">
              <a:lnSpc>
                <a:spcPct val="93000"/>
              </a:lnSpc>
              <a:spcBef>
                <a:spcPct val="0"/>
              </a:spcBef>
              <a:spcAft>
                <a:spcPct val="0"/>
              </a:spcAft>
              <a:buClr>
                <a:srgbClr val="000000"/>
              </a:buClr>
              <a:buSzPct val="100000"/>
              <a:buFont typeface="Times New Roman" pitchFamily="18" charset="0"/>
              <a:tabLst>
                <a:tab pos="1069000" algn="l"/>
              </a:tabLst>
              <a:defRPr sz="4200">
                <a:solidFill>
                  <a:schemeClr val="bg1"/>
                </a:solidFill>
                <a:latin typeface="Arial" charset="0"/>
              </a:defRPr>
            </a:lvl6pPr>
            <a:lvl7pPr marL="4388525" indent="-337579" defTabSz="663437" eaLnBrk="0" fontAlgn="base" hangingPunct="0">
              <a:lnSpc>
                <a:spcPct val="93000"/>
              </a:lnSpc>
              <a:spcBef>
                <a:spcPct val="0"/>
              </a:spcBef>
              <a:spcAft>
                <a:spcPct val="0"/>
              </a:spcAft>
              <a:buClr>
                <a:srgbClr val="000000"/>
              </a:buClr>
              <a:buSzPct val="100000"/>
              <a:buFont typeface="Times New Roman" pitchFamily="18" charset="0"/>
              <a:tabLst>
                <a:tab pos="1069000" algn="l"/>
              </a:tabLst>
              <a:defRPr sz="4200">
                <a:solidFill>
                  <a:schemeClr val="bg1"/>
                </a:solidFill>
                <a:latin typeface="Arial" charset="0"/>
              </a:defRPr>
            </a:lvl7pPr>
            <a:lvl8pPr marL="5063684" indent="-337579" defTabSz="663437" eaLnBrk="0" fontAlgn="base" hangingPunct="0">
              <a:lnSpc>
                <a:spcPct val="93000"/>
              </a:lnSpc>
              <a:spcBef>
                <a:spcPct val="0"/>
              </a:spcBef>
              <a:spcAft>
                <a:spcPct val="0"/>
              </a:spcAft>
              <a:buClr>
                <a:srgbClr val="000000"/>
              </a:buClr>
              <a:buSzPct val="100000"/>
              <a:buFont typeface="Times New Roman" pitchFamily="18" charset="0"/>
              <a:tabLst>
                <a:tab pos="1069000" algn="l"/>
              </a:tabLst>
              <a:defRPr sz="4200">
                <a:solidFill>
                  <a:schemeClr val="bg1"/>
                </a:solidFill>
                <a:latin typeface="Arial" charset="0"/>
              </a:defRPr>
            </a:lvl8pPr>
            <a:lvl9pPr marL="5738842" indent="-337579" defTabSz="663437" eaLnBrk="0" fontAlgn="base" hangingPunct="0">
              <a:lnSpc>
                <a:spcPct val="93000"/>
              </a:lnSpc>
              <a:spcBef>
                <a:spcPct val="0"/>
              </a:spcBef>
              <a:spcAft>
                <a:spcPct val="0"/>
              </a:spcAft>
              <a:buClr>
                <a:srgbClr val="000000"/>
              </a:buClr>
              <a:buSzPct val="100000"/>
              <a:buFont typeface="Times New Roman" pitchFamily="18" charset="0"/>
              <a:tabLst>
                <a:tab pos="1069000" algn="l"/>
              </a:tabLst>
              <a:defRPr sz="4200">
                <a:solidFill>
                  <a:schemeClr val="bg1"/>
                </a:solidFill>
                <a:latin typeface="Arial" charset="0"/>
              </a:defRPr>
            </a:lvl9pPr>
          </a:lstStyle>
          <a:p>
            <a:fld id="{08E163A8-1A7D-45B1-8C72-51507E3E6A13}" type="slidenum">
              <a:rPr lang="en-GB" altLang="de-DE" sz="1700">
                <a:solidFill>
                  <a:srgbClr val="000000"/>
                </a:solidFill>
              </a:rPr>
              <a:pPr/>
              <a:t>18</a:t>
            </a:fld>
            <a:endParaRPr lang="en-GB" altLang="de-DE" sz="1700">
              <a:solidFill>
                <a:srgbClr val="000000"/>
              </a:solidFill>
            </a:endParaRPr>
          </a:p>
        </p:txBody>
      </p:sp>
      <p:sp>
        <p:nvSpPr>
          <p:cNvPr id="90118" name="Rectangle 2"/>
          <p:cNvSpPr>
            <a:spLocks noGrp="1" noRot="1" noChangeAspect="1" noChangeArrowheads="1" noTextEdit="1"/>
          </p:cNvSpPr>
          <p:nvPr>
            <p:ph type="sldImg"/>
          </p:nvPr>
        </p:nvSpPr>
        <p:spPr>
          <a:xfrm>
            <a:off x="-296863" y="571500"/>
            <a:ext cx="7677151" cy="4319588"/>
          </a:xfrm>
        </p:spPr>
      </p:sp>
      <p:sp>
        <p:nvSpPr>
          <p:cNvPr id="90119" name="Rectangle 3"/>
          <p:cNvSpPr>
            <a:spLocks noGrp="1" noChangeArrowheads="1"/>
          </p:cNvSpPr>
          <p:nvPr>
            <p:ph type="body" idx="1"/>
          </p:nvPr>
        </p:nvSpPr>
        <p:spPr>
          <a:xfrm>
            <a:off x="662534" y="5108128"/>
            <a:ext cx="5688632" cy="4248472"/>
          </a:xfrm>
          <a:noFill/>
          <a:extLst>
            <a:ext uri="{91240B29-F687-4F45-9708-019B960494DF}">
              <a14:hiddenLine xmlns:a14="http://schemas.microsoft.com/office/drawing/2010/main" w="9525">
                <a:solidFill>
                  <a:srgbClr val="000000"/>
                </a:solidFill>
                <a:miter lim="800000"/>
                <a:headEnd/>
                <a:tailEnd/>
              </a14:hiddenLine>
            </a:ext>
          </a:extLst>
        </p:spPr>
        <p:txBody>
          <a:bodyPr/>
          <a:lstStyle/>
          <a:p>
            <a:pPr defTabSz="1350315"/>
            <a:endParaRPr lang="fr-CH" altLang="de-DE" sz="2000" dirty="0"/>
          </a:p>
        </p:txBody>
      </p:sp>
    </p:spTree>
    <p:extLst>
      <p:ext uri="{BB962C8B-B14F-4D97-AF65-F5344CB8AC3E}">
        <p14:creationId xmlns:p14="http://schemas.microsoft.com/office/powerpoint/2010/main" val="228526911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3B0D1700-42C1-436B-A0AE-CF5F9294E079}" type="slidenum">
              <a:rPr lang="de-CH" smtClean="0"/>
              <a:t>19</a:t>
            </a:fld>
            <a:endParaRPr lang="de-CH" dirty="0"/>
          </a:p>
        </p:txBody>
      </p:sp>
      <p:sp>
        <p:nvSpPr>
          <p:cNvPr id="5" name="Kopfzeilenplatzhalter 4"/>
          <p:cNvSpPr>
            <a:spLocks noGrp="1"/>
          </p:cNvSpPr>
          <p:nvPr>
            <p:ph type="hdr" sz="quarter" idx="11"/>
          </p:nvPr>
        </p:nvSpPr>
        <p:spPr/>
        <p:txBody>
          <a:bodyPr/>
          <a:lstStyle/>
          <a:p>
            <a:endParaRPr lang="de-CH" dirty="0"/>
          </a:p>
        </p:txBody>
      </p:sp>
      <p:sp>
        <p:nvSpPr>
          <p:cNvPr id="7" name="Fußzeilenplatzhalter 6"/>
          <p:cNvSpPr>
            <a:spLocks noGrp="1"/>
          </p:cNvSpPr>
          <p:nvPr>
            <p:ph type="ftr" sz="quarter" idx="13"/>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415704550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2</a:t>
            </a:fld>
            <a:endParaRPr lang="de-CH" dirty="0"/>
          </a:p>
        </p:txBody>
      </p:sp>
      <p:sp>
        <p:nvSpPr>
          <p:cNvPr id="7" name="Fußzeilenplatzhalter 6"/>
          <p:cNvSpPr>
            <a:spLocks noGrp="1"/>
          </p:cNvSpPr>
          <p:nvPr>
            <p:ph type="ftr" sz="quarter" idx="13"/>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207118933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20</a:t>
            </a:fld>
            <a:endParaRPr lang="de-CH" dirty="0"/>
          </a:p>
        </p:txBody>
      </p:sp>
      <p:sp>
        <p:nvSpPr>
          <p:cNvPr id="5" name="Kopfzeilenplatzhalter 4"/>
          <p:cNvSpPr>
            <a:spLocks noGrp="1"/>
          </p:cNvSpPr>
          <p:nvPr>
            <p:ph type="hdr" sz="quarter" idx="11"/>
          </p:nvPr>
        </p:nvSpPr>
        <p:spPr/>
        <p:txBody>
          <a:bodyPr/>
          <a:lstStyle/>
          <a:p>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1281488868"/>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21</a:t>
            </a:fld>
            <a:endParaRPr lang="de-CH" dirty="0"/>
          </a:p>
        </p:txBody>
      </p:sp>
      <p:sp>
        <p:nvSpPr>
          <p:cNvPr id="5" name="Kopfzeilenplatzhalter 4"/>
          <p:cNvSpPr>
            <a:spLocks noGrp="1"/>
          </p:cNvSpPr>
          <p:nvPr>
            <p:ph type="hdr" sz="quarter" idx="11"/>
          </p:nvPr>
        </p:nvSpPr>
        <p:spPr/>
        <p:txBody>
          <a:bodyPr/>
          <a:lstStyle/>
          <a:p>
            <a:endParaRPr lang="de-CH" dirty="0"/>
          </a:p>
        </p:txBody>
      </p:sp>
      <p:sp>
        <p:nvSpPr>
          <p:cNvPr id="7" name="Fußzeilenplatzhalter 6"/>
          <p:cNvSpPr>
            <a:spLocks noGrp="1"/>
          </p:cNvSpPr>
          <p:nvPr>
            <p:ph type="ftr" sz="quarter" idx="13"/>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171729259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25</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186606697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26</a:t>
            </a:fld>
            <a:endParaRPr lang="de-CH" dirty="0"/>
          </a:p>
        </p:txBody>
      </p:sp>
      <p:sp>
        <p:nvSpPr>
          <p:cNvPr id="5" name="Kopfzeilenplatzhalter 4"/>
          <p:cNvSpPr>
            <a:spLocks noGrp="1"/>
          </p:cNvSpPr>
          <p:nvPr>
            <p:ph type="hdr" sz="quarter" idx="11"/>
          </p:nvPr>
        </p:nvSpPr>
        <p:spPr/>
        <p:txBody>
          <a:bodyPr/>
          <a:lstStyle/>
          <a:p>
            <a:endParaRPr lang="de-CH" dirty="0"/>
          </a:p>
        </p:txBody>
      </p:sp>
      <p:sp>
        <p:nvSpPr>
          <p:cNvPr id="7" name="Fußzeilenplatzhalter 6"/>
          <p:cNvSpPr>
            <a:spLocks noGrp="1"/>
          </p:cNvSpPr>
          <p:nvPr>
            <p:ph type="ftr" sz="quarter" idx="13"/>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143432275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27</a:t>
            </a:fld>
            <a:endParaRPr lang="de-CH" dirty="0"/>
          </a:p>
        </p:txBody>
      </p:sp>
      <p:sp>
        <p:nvSpPr>
          <p:cNvPr id="5" name="Kopfzeilenplatzhalter 4"/>
          <p:cNvSpPr>
            <a:spLocks noGrp="1"/>
          </p:cNvSpPr>
          <p:nvPr>
            <p:ph type="hdr" sz="quarter" idx="11"/>
          </p:nvPr>
        </p:nvSpPr>
        <p:spPr/>
        <p:txBody>
          <a:bodyPr/>
          <a:lstStyle/>
          <a:p>
            <a:endParaRPr lang="de-CH" dirty="0"/>
          </a:p>
        </p:txBody>
      </p:sp>
      <p:sp>
        <p:nvSpPr>
          <p:cNvPr id="7" name="Fußzeilenplatzhalter 6"/>
          <p:cNvSpPr>
            <a:spLocks noGrp="1"/>
          </p:cNvSpPr>
          <p:nvPr>
            <p:ph type="ftr" sz="quarter" idx="13"/>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66021908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4998" name="Rectangle 2"/>
          <p:cNvSpPr>
            <a:spLocks noGrp="1" noRot="1" noChangeAspect="1" noChangeArrowheads="1" noTextEdit="1"/>
          </p:cNvSpPr>
          <p:nvPr>
            <p:ph type="sldImg"/>
          </p:nvPr>
        </p:nvSpPr>
        <p:spPr>
          <a:xfrm>
            <a:off x="-441325" y="571500"/>
            <a:ext cx="7678738" cy="4319588"/>
          </a:xfrm>
        </p:spPr>
      </p:sp>
      <p:sp>
        <p:nvSpPr>
          <p:cNvPr id="84999" name="Rectangle 3"/>
          <p:cNvSpPr>
            <a:spLocks noGrp="1" noChangeArrowheads="1"/>
          </p:cNvSpPr>
          <p:nvPr>
            <p:ph type="body" idx="1"/>
          </p:nvPr>
        </p:nvSpPr>
        <p:spPr>
          <a:xfrm>
            <a:off x="590526" y="5180136"/>
            <a:ext cx="5904656" cy="4032448"/>
          </a:xfrm>
          <a:noFill/>
          <a:extLst>
            <a:ext uri="{91240B29-F687-4F45-9708-019B960494DF}">
              <a14:hiddenLine xmlns:a14="http://schemas.microsoft.com/office/drawing/2010/main" w="9525">
                <a:solidFill>
                  <a:srgbClr val="000000"/>
                </a:solidFill>
                <a:miter lim="800000"/>
                <a:headEnd/>
                <a:tailEnd/>
              </a14:hiddenLine>
            </a:ext>
          </a:extLst>
        </p:spPr>
        <p:txBody>
          <a:bodyPr/>
          <a:lstStyle/>
          <a:p>
            <a:pPr defTabSz="1350315"/>
            <a:r>
              <a:rPr lang="de-CH" altLang="de-DE" sz="1400" b="1" dirty="0">
                <a:solidFill>
                  <a:srgbClr val="C00000"/>
                </a:solidFill>
              </a:rPr>
              <a:t>The </a:t>
            </a:r>
            <a:r>
              <a:rPr lang="de-CH" altLang="de-DE" sz="1400" b="1" dirty="0" err="1">
                <a:solidFill>
                  <a:srgbClr val="C00000"/>
                </a:solidFill>
              </a:rPr>
              <a:t>aim</a:t>
            </a:r>
            <a:r>
              <a:rPr lang="de-CH" altLang="de-DE" sz="1400" b="1" dirty="0">
                <a:solidFill>
                  <a:srgbClr val="C00000"/>
                </a:solidFill>
              </a:rPr>
              <a:t> was </a:t>
            </a:r>
            <a:r>
              <a:rPr lang="de-CH" altLang="de-DE" sz="1400" b="1" dirty="0" err="1">
                <a:solidFill>
                  <a:srgbClr val="C00000"/>
                </a:solidFill>
              </a:rPr>
              <a:t>to</a:t>
            </a:r>
            <a:r>
              <a:rPr lang="de-CH" altLang="de-DE" sz="1400" b="1" dirty="0">
                <a:solidFill>
                  <a:srgbClr val="C00000"/>
                </a:solidFill>
              </a:rPr>
              <a:t> </a:t>
            </a:r>
            <a:r>
              <a:rPr lang="de-CH" altLang="de-DE" sz="1400" b="1" dirty="0" err="1">
                <a:solidFill>
                  <a:srgbClr val="C00000"/>
                </a:solidFill>
              </a:rPr>
              <a:t>safeguard</a:t>
            </a:r>
            <a:r>
              <a:rPr lang="de-CH" altLang="de-DE" sz="1400" b="1" dirty="0">
                <a:solidFill>
                  <a:srgbClr val="C00000"/>
                </a:solidFill>
              </a:rPr>
              <a:t> </a:t>
            </a:r>
            <a:r>
              <a:rPr lang="de-CH" altLang="de-DE" sz="1400" b="1" dirty="0" err="1">
                <a:solidFill>
                  <a:srgbClr val="C00000"/>
                </a:solidFill>
              </a:rPr>
              <a:t>the</a:t>
            </a:r>
            <a:r>
              <a:rPr lang="de-CH" altLang="de-DE" sz="1400" b="1" dirty="0">
                <a:solidFill>
                  <a:srgbClr val="C00000"/>
                </a:solidFill>
              </a:rPr>
              <a:t> </a:t>
            </a:r>
            <a:r>
              <a:rPr lang="de-CH" altLang="de-DE" sz="1400" b="1" dirty="0" err="1">
                <a:solidFill>
                  <a:srgbClr val="C00000"/>
                </a:solidFill>
              </a:rPr>
              <a:t>financial</a:t>
            </a:r>
            <a:r>
              <a:rPr lang="de-CH" altLang="de-DE" sz="1400" b="1" dirty="0">
                <a:solidFill>
                  <a:srgbClr val="C00000"/>
                </a:solidFill>
              </a:rPr>
              <a:t> </a:t>
            </a:r>
            <a:r>
              <a:rPr lang="de-CH" altLang="de-DE" sz="1400" b="1" dirty="0" err="1">
                <a:solidFill>
                  <a:srgbClr val="C00000"/>
                </a:solidFill>
              </a:rPr>
              <a:t>investments</a:t>
            </a:r>
            <a:r>
              <a:rPr lang="de-CH" altLang="de-DE" sz="1400" b="1" dirty="0">
                <a:solidFill>
                  <a:srgbClr val="C00000"/>
                </a:solidFill>
              </a:rPr>
              <a:t>!</a:t>
            </a:r>
          </a:p>
          <a:p>
            <a:pPr defTabSz="1350315"/>
            <a:endParaRPr lang="de-CH" altLang="de-DE" sz="1400" dirty="0"/>
          </a:p>
          <a:p>
            <a:pPr defTabSz="1350315"/>
            <a:r>
              <a:rPr lang="de-CH" altLang="de-DE" sz="1400" dirty="0"/>
              <a:t>1993 wurden zwei neue Verordnungen in Kraft gesetzt (VAV, TVAV), die technisch gesehen einige neue Elemente in die Amtliche Vermessung gebracht haben:</a:t>
            </a:r>
          </a:p>
          <a:p>
            <a:pPr defTabSz="1350315">
              <a:buFont typeface="Times New Roman" pitchFamily="18" charset="0"/>
              <a:buChar char="•"/>
            </a:pPr>
            <a:r>
              <a:rPr lang="de-CH" altLang="de-DE" sz="1400" dirty="0"/>
              <a:t>voll-digitales und modellbasiertes Datenformat</a:t>
            </a:r>
          </a:p>
          <a:p>
            <a:pPr defTabSz="1350315">
              <a:buFont typeface="Times New Roman" pitchFamily="18" charset="0"/>
              <a:buChar char="•"/>
            </a:pPr>
            <a:r>
              <a:rPr lang="de-CH" altLang="de-DE" sz="1400" dirty="0"/>
              <a:t>Datenmodellierung mittels systemunabhängiger Datenbeschreibungssprache</a:t>
            </a:r>
          </a:p>
          <a:p>
            <a:pPr defTabSz="1350315"/>
            <a:endParaRPr lang="de-CH" altLang="de-DE" sz="1400" dirty="0"/>
          </a:p>
          <a:p>
            <a:pPr defTabSz="1350315"/>
            <a:r>
              <a:rPr lang="de-CH" altLang="de-DE" sz="1400" dirty="0"/>
              <a:t>Diese neuen Elemente sind vor dem Hintergrund einer </a:t>
            </a:r>
            <a:r>
              <a:rPr lang="de-CH" altLang="de-DE" sz="1400" dirty="0" err="1"/>
              <a:t>Zweckserweiterung</a:t>
            </a:r>
            <a:r>
              <a:rPr lang="de-CH" altLang="de-DE" sz="1400" dirty="0"/>
              <a:t> der Amtlichen Vermessung zu sehen.  Mit der neuen VAV wurde nämlich auch der Zweck der AV erweitert:  die AV soll nicht nur, wie bis anhin, nur dem Grundbuch dienen, sondern die Daten sollen neu zusätzlich auch als Grundlage für jegliche Landinformationssysteme verwendet werden können (Art. 1 VAV).</a:t>
            </a:r>
          </a:p>
          <a:p>
            <a:pPr defTabSz="1350315"/>
            <a:endParaRPr lang="en-US" altLang="de-DE" sz="1400" dirty="0"/>
          </a:p>
        </p:txBody>
      </p:sp>
    </p:spTree>
    <p:extLst>
      <p:ext uri="{BB962C8B-B14F-4D97-AF65-F5344CB8AC3E}">
        <p14:creationId xmlns:p14="http://schemas.microsoft.com/office/powerpoint/2010/main" val="412730566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29</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358551436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046" name="Rectangle 2"/>
          <p:cNvSpPr>
            <a:spLocks noGrp="1" noRot="1" noChangeAspect="1" noChangeArrowheads="1" noTextEdit="1"/>
          </p:cNvSpPr>
          <p:nvPr>
            <p:ph type="sldImg"/>
          </p:nvPr>
        </p:nvSpPr>
        <p:spPr>
          <a:xfrm>
            <a:off x="88900" y="741363"/>
            <a:ext cx="6619875" cy="3724275"/>
          </a:xfrm>
        </p:spPr>
      </p:sp>
      <p:sp>
        <p:nvSpPr>
          <p:cNvPr id="87047" name="Rectangle 3"/>
          <p:cNvSpPr>
            <a:spLocks noGrp="1" noChangeArrowheads="1"/>
          </p:cNvSpPr>
          <p:nvPr>
            <p:ph type="body" idx="1"/>
          </p:nvPr>
        </p:nvSpPr>
        <p:spPr>
          <a:xfrm>
            <a:off x="680255" y="4715632"/>
            <a:ext cx="5437168" cy="4469527"/>
          </a:xfrm>
          <a:noFill/>
          <a:extLst>
            <a:ext uri="{91240B29-F687-4F45-9708-019B960494DF}">
              <a14:hiddenLine xmlns:a14="http://schemas.microsoft.com/office/drawing/2010/main" w="9525">
                <a:solidFill>
                  <a:srgbClr val="000000"/>
                </a:solidFill>
                <a:miter lim="800000"/>
                <a:headEnd/>
                <a:tailEnd/>
              </a14:hiddenLine>
            </a:ext>
          </a:extLst>
        </p:spPr>
        <p:txBody>
          <a:bodyPr/>
          <a:lstStyle/>
          <a:p>
            <a:pPr algn="l" defTabSz="914400">
              <a:lnSpc>
                <a:spcPct val="100000"/>
              </a:lnSpc>
              <a:buClrTx/>
              <a:buSzTx/>
              <a:buFontTx/>
              <a:buNone/>
            </a:pPr>
            <a:r>
              <a:rPr lang="en-GB" altLang="de-DE" sz="1200" b="1" dirty="0">
                <a:solidFill>
                  <a:schemeClr val="tx1"/>
                </a:solidFill>
                <a:latin typeface="Calibri" panose="020F0502020204030204" pitchFamily="34" charset="0"/>
                <a:cs typeface="Calibri" panose="020F0502020204030204" pitchFamily="34" charset="0"/>
              </a:rPr>
              <a:t>late 1800s, early 1900s:  </a:t>
            </a:r>
            <a:r>
              <a:rPr lang="en-GB" altLang="de-DE" sz="1200" dirty="0">
                <a:solidFill>
                  <a:schemeClr val="tx1"/>
                </a:solidFill>
                <a:latin typeface="Calibri" panose="020F0502020204030204" pitchFamily="34" charset="0"/>
                <a:cs typeface="Calibri" panose="020F0502020204030204" pitchFamily="34" charset="0"/>
              </a:rPr>
              <a:t>begin of systematic land registration based on cadastral surveying</a:t>
            </a:r>
          </a:p>
          <a:p>
            <a:pPr algn="l" defTabSz="914400">
              <a:lnSpc>
                <a:spcPct val="100000"/>
              </a:lnSpc>
              <a:buClrTx/>
              <a:buSzTx/>
              <a:buFontTx/>
              <a:buNone/>
            </a:pPr>
            <a:r>
              <a:rPr lang="en-GB" altLang="de-DE" sz="1200" b="1" dirty="0">
                <a:solidFill>
                  <a:schemeClr val="tx1"/>
                </a:solidFill>
                <a:latin typeface="Calibri" panose="020F0502020204030204" pitchFamily="34" charset="0"/>
                <a:cs typeface="Calibri" panose="020F0502020204030204" pitchFamily="34" charset="0"/>
              </a:rPr>
              <a:t>late 1900s:  </a:t>
            </a:r>
            <a:r>
              <a:rPr lang="en-GB" altLang="de-DE" sz="1200" dirty="0">
                <a:solidFill>
                  <a:schemeClr val="tx1"/>
                </a:solidFill>
                <a:latin typeface="Calibri" panose="020F0502020204030204" pitchFamily="34" charset="0"/>
                <a:cs typeface="Calibri" panose="020F0502020204030204" pitchFamily="34" charset="0"/>
              </a:rPr>
              <a:t>digital format</a:t>
            </a:r>
          </a:p>
          <a:p>
            <a:pPr algn="l" defTabSz="914400">
              <a:lnSpc>
                <a:spcPct val="100000"/>
              </a:lnSpc>
              <a:buClrTx/>
              <a:buSzTx/>
              <a:buFontTx/>
              <a:buNone/>
            </a:pPr>
            <a:r>
              <a:rPr lang="en-GB" altLang="de-DE" sz="1200" b="1" dirty="0">
                <a:solidFill>
                  <a:schemeClr val="tx1"/>
                </a:solidFill>
                <a:latin typeface="Calibri" panose="020F0502020204030204" pitchFamily="34" charset="0"/>
                <a:cs typeface="Calibri" panose="020F0502020204030204" pitchFamily="34" charset="0"/>
              </a:rPr>
              <a:t>2000s:  </a:t>
            </a:r>
            <a:r>
              <a:rPr lang="en-GB" altLang="de-DE" sz="1200" dirty="0">
                <a:solidFill>
                  <a:schemeClr val="tx1"/>
                </a:solidFill>
                <a:latin typeface="Calibri" panose="020F0502020204030204" pitchFamily="34" charset="0"/>
                <a:cs typeface="Calibri" panose="020F0502020204030204" pitchFamily="34" charset="0"/>
              </a:rPr>
              <a:t>extension of legal dimensions</a:t>
            </a:r>
          </a:p>
          <a:p>
            <a:pPr algn="l" defTabSz="914400">
              <a:lnSpc>
                <a:spcPct val="100000"/>
              </a:lnSpc>
              <a:buClrTx/>
              <a:buSzTx/>
              <a:buFontTx/>
              <a:buNone/>
            </a:pPr>
            <a:r>
              <a:rPr lang="en-GB" altLang="de-DE" sz="1200" b="1" dirty="0">
                <a:solidFill>
                  <a:schemeClr val="tx1"/>
                </a:solidFill>
                <a:latin typeface="Calibri" panose="020F0502020204030204" pitchFamily="34" charset="0"/>
                <a:cs typeface="Calibri" panose="020F0502020204030204" pitchFamily="34" charset="0"/>
              </a:rPr>
              <a:t>2010s:  </a:t>
            </a:r>
            <a:r>
              <a:rPr lang="en-GB" altLang="de-DE" sz="1200" dirty="0">
                <a:solidFill>
                  <a:schemeClr val="tx1"/>
                </a:solidFill>
                <a:latin typeface="Calibri" panose="020F0502020204030204" pitchFamily="34" charset="0"/>
                <a:cs typeface="Calibri" panose="020F0502020204030204" pitchFamily="34" charset="0"/>
              </a:rPr>
              <a:t>extension of geometrical dimensions</a:t>
            </a:r>
          </a:p>
          <a:p>
            <a:pPr algn="l" defTabSz="914400">
              <a:lnSpc>
                <a:spcPct val="100000"/>
              </a:lnSpc>
              <a:buClrTx/>
              <a:buSzTx/>
              <a:buFontTx/>
              <a:buNone/>
            </a:pPr>
            <a:r>
              <a:rPr lang="en-GB" altLang="de-DE" sz="1200" b="1" dirty="0">
                <a:solidFill>
                  <a:schemeClr val="tx1"/>
                </a:solidFill>
                <a:latin typeface="Calibri" panose="020F0502020204030204" pitchFamily="34" charset="0"/>
                <a:cs typeface="Calibri" panose="020F0502020204030204" pitchFamily="34" charset="0"/>
              </a:rPr>
              <a:t>20xx:  </a:t>
            </a:r>
            <a:r>
              <a:rPr lang="en-GB" altLang="de-DE" sz="1200" dirty="0">
                <a:solidFill>
                  <a:schemeClr val="tx1"/>
                </a:solidFill>
                <a:latin typeface="Calibri" panose="020F0502020204030204" pitchFamily="34" charset="0"/>
                <a:cs typeface="Calibri" panose="020F0502020204030204" pitchFamily="34" charset="0"/>
              </a:rPr>
              <a:t>digital transformation</a:t>
            </a:r>
          </a:p>
          <a:p>
            <a:pPr algn="l" defTabSz="929919"/>
            <a:endParaRPr lang="fr-CH" altLang="de-DE" dirty="0"/>
          </a:p>
        </p:txBody>
      </p:sp>
      <p:sp>
        <p:nvSpPr>
          <p:cNvPr id="10" name="Foliennummernplatzhalter 3"/>
          <p:cNvSpPr>
            <a:spLocks noGrp="1"/>
          </p:cNvSpPr>
          <p:nvPr>
            <p:ph type="sldNum" sz="quarter" idx="5"/>
          </p:nvPr>
        </p:nvSpPr>
        <p:spPr>
          <a:xfrm>
            <a:off x="3850445" y="9430093"/>
            <a:ext cx="2945659" cy="496412"/>
          </a:xfrm>
        </p:spPr>
        <p:txBody>
          <a:bodyPr/>
          <a:lstStyle/>
          <a:p>
            <a:r>
              <a:rPr lang="de-CH" dirty="0"/>
              <a:t>3</a:t>
            </a:r>
          </a:p>
        </p:txBody>
      </p:sp>
      <p:sp>
        <p:nvSpPr>
          <p:cNvPr id="11" name="Fußzeilenplatzhalter 6"/>
          <p:cNvSpPr>
            <a:spLocks noGrp="1"/>
          </p:cNvSpPr>
          <p:nvPr>
            <p:ph type="ftr" sz="quarter" idx="4"/>
          </p:nvPr>
        </p:nvSpPr>
        <p:spPr>
          <a:xfrm>
            <a:off x="1" y="9430093"/>
            <a:ext cx="3398837" cy="496412"/>
          </a:xfrm>
        </p:spPr>
        <p:txBody>
          <a:bodyPr/>
          <a:lstStyle/>
          <a:p>
            <a:r>
              <a:rPr lang="de-CH"/>
              <a:t>Swiss Federal Office of Topography swisstopo</a:t>
            </a:r>
            <a:endParaRPr lang="de-CH" dirty="0"/>
          </a:p>
        </p:txBody>
      </p:sp>
    </p:spTree>
    <p:extLst>
      <p:ext uri="{BB962C8B-B14F-4D97-AF65-F5344CB8AC3E}">
        <p14:creationId xmlns:p14="http://schemas.microsoft.com/office/powerpoint/2010/main" val="4168320714"/>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31</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867278428"/>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8070" name="Rectangle 2"/>
          <p:cNvSpPr>
            <a:spLocks noGrp="1" noRot="1" noChangeAspect="1" noChangeArrowheads="1" noTextEdit="1"/>
          </p:cNvSpPr>
          <p:nvPr>
            <p:ph type="sldImg"/>
          </p:nvPr>
        </p:nvSpPr>
        <p:spPr>
          <a:xfrm>
            <a:off x="79375" y="763588"/>
            <a:ext cx="6650038" cy="3741737"/>
          </a:xfrm>
        </p:spPr>
      </p:sp>
      <p:sp>
        <p:nvSpPr>
          <p:cNvPr id="88071" name="Rectangle 3"/>
          <p:cNvSpPr>
            <a:spLocks noGrp="1" noChangeArrowheads="1"/>
          </p:cNvSpPr>
          <p:nvPr>
            <p:ph type="body" idx="1"/>
          </p:nvPr>
        </p:nvSpPr>
        <p:spPr>
          <a:xfrm>
            <a:off x="916724" y="4733097"/>
            <a:ext cx="4964230" cy="4431421"/>
          </a:xfrm>
          <a:noFill/>
          <a:extLst>
            <a:ext uri="{91240B29-F687-4F45-9708-019B960494DF}">
              <a14:hiddenLine xmlns:a14="http://schemas.microsoft.com/office/drawing/2010/main" w="9525">
                <a:solidFill>
                  <a:srgbClr val="000000"/>
                </a:solidFill>
                <a:miter lim="800000"/>
                <a:headEnd/>
                <a:tailEnd/>
              </a14:hiddenLine>
            </a:ext>
          </a:extLst>
        </p:spPr>
        <p:txBody>
          <a:bodyPr/>
          <a:lstStyle/>
          <a:p>
            <a:pPr defTabSz="929919"/>
            <a:endParaRPr lang="en-US" altLang="de-DE" dirty="0"/>
          </a:p>
        </p:txBody>
      </p:sp>
      <p:sp>
        <p:nvSpPr>
          <p:cNvPr id="10" name="Foliennummernplatzhalter 3"/>
          <p:cNvSpPr>
            <a:spLocks noGrp="1"/>
          </p:cNvSpPr>
          <p:nvPr>
            <p:ph type="sldNum" sz="quarter" idx="5"/>
          </p:nvPr>
        </p:nvSpPr>
        <p:spPr>
          <a:xfrm>
            <a:off x="3850445" y="9430093"/>
            <a:ext cx="2945659" cy="496412"/>
          </a:xfrm>
        </p:spPr>
        <p:txBody>
          <a:bodyPr/>
          <a:lstStyle/>
          <a:p>
            <a:r>
              <a:rPr lang="de-CH" dirty="0"/>
              <a:t>5</a:t>
            </a:r>
          </a:p>
        </p:txBody>
      </p:sp>
      <p:sp>
        <p:nvSpPr>
          <p:cNvPr id="11" name="Fußzeilenplatzhalter 6"/>
          <p:cNvSpPr>
            <a:spLocks noGrp="1"/>
          </p:cNvSpPr>
          <p:nvPr>
            <p:ph type="ftr" sz="quarter" idx="4"/>
          </p:nvPr>
        </p:nvSpPr>
        <p:spPr>
          <a:xfrm>
            <a:off x="1" y="9430093"/>
            <a:ext cx="3398837" cy="496412"/>
          </a:xfrm>
        </p:spPr>
        <p:txBody>
          <a:bodyPr/>
          <a:lstStyle/>
          <a:p>
            <a:r>
              <a:rPr lang="de-CH"/>
              <a:t>Swiss Federal Office of Topography swisstopo</a:t>
            </a:r>
            <a:endParaRPr lang="de-CH" dirty="0"/>
          </a:p>
        </p:txBody>
      </p:sp>
    </p:spTree>
    <p:extLst>
      <p:ext uri="{BB962C8B-B14F-4D97-AF65-F5344CB8AC3E}">
        <p14:creationId xmlns:p14="http://schemas.microsoft.com/office/powerpoint/2010/main" val="349516323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6804" name="Rectangle 6"/>
          <p:cNvSpPr>
            <a:spLocks noGrp="1" noChangeArrowheads="1"/>
          </p:cNvSpPr>
          <p:nvPr>
            <p:ph type="ftr" sz="quarter"/>
          </p:nvPr>
        </p:nvSpPr>
        <p:spPr>
          <a:noFill/>
        </p:spPr>
        <p:txBody>
          <a:bodyPr/>
          <a:lstStyle>
            <a:lvl1pPr>
              <a:tabLst>
                <a:tab pos="736206" algn="l"/>
                <a:tab pos="1472413" algn="l"/>
                <a:tab pos="2208619" algn="l"/>
                <a:tab pos="2944825" algn="l"/>
                <a:tab pos="3681032" algn="l"/>
                <a:tab pos="4417238" algn="l"/>
              </a:tabLst>
              <a:defRPr sz="2800">
                <a:solidFill>
                  <a:schemeClr val="bg1"/>
                </a:solidFill>
                <a:latin typeface="Arial" charset="0"/>
              </a:defRPr>
            </a:lvl1pPr>
            <a:lvl2pPr marL="755580" indent="-290608">
              <a:tabLst>
                <a:tab pos="736206" algn="l"/>
                <a:tab pos="1472413" algn="l"/>
                <a:tab pos="2208619" algn="l"/>
                <a:tab pos="2944825" algn="l"/>
                <a:tab pos="3681032" algn="l"/>
                <a:tab pos="4417238" algn="l"/>
              </a:tabLst>
              <a:defRPr sz="2800">
                <a:solidFill>
                  <a:schemeClr val="bg1"/>
                </a:solidFill>
                <a:latin typeface="Arial" charset="0"/>
              </a:defRPr>
            </a:lvl2pPr>
            <a:lvl3pPr marL="1162431" indent="-232486">
              <a:tabLst>
                <a:tab pos="736206" algn="l"/>
                <a:tab pos="1472413" algn="l"/>
                <a:tab pos="2208619" algn="l"/>
                <a:tab pos="2944825" algn="l"/>
                <a:tab pos="3681032" algn="l"/>
                <a:tab pos="4417238" algn="l"/>
              </a:tabLst>
              <a:defRPr sz="2800">
                <a:solidFill>
                  <a:schemeClr val="bg1"/>
                </a:solidFill>
                <a:latin typeface="Arial" charset="0"/>
              </a:defRPr>
            </a:lvl3pPr>
            <a:lvl4pPr marL="1627403" indent="-232486">
              <a:tabLst>
                <a:tab pos="736206" algn="l"/>
                <a:tab pos="1472413" algn="l"/>
                <a:tab pos="2208619" algn="l"/>
                <a:tab pos="2944825" algn="l"/>
                <a:tab pos="3681032" algn="l"/>
                <a:tab pos="4417238" algn="l"/>
              </a:tabLst>
              <a:defRPr sz="2800">
                <a:solidFill>
                  <a:schemeClr val="bg1"/>
                </a:solidFill>
                <a:latin typeface="Arial" charset="0"/>
              </a:defRPr>
            </a:lvl4pPr>
            <a:lvl5pPr marL="2092376" indent="-232486">
              <a:tabLst>
                <a:tab pos="736206" algn="l"/>
                <a:tab pos="1472413" algn="l"/>
                <a:tab pos="2208619" algn="l"/>
                <a:tab pos="2944825" algn="l"/>
                <a:tab pos="3681032" algn="l"/>
                <a:tab pos="4417238" algn="l"/>
              </a:tabLst>
              <a:defRPr sz="2800">
                <a:solidFill>
                  <a:schemeClr val="bg1"/>
                </a:solidFill>
                <a:latin typeface="Arial" charset="0"/>
              </a:defRPr>
            </a:lvl5pPr>
            <a:lvl6pPr marL="2557348"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6pPr>
            <a:lvl7pPr marL="3022321"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7pPr>
            <a:lvl8pPr marL="3487293"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8pPr>
            <a:lvl9pPr marL="3952265"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9pPr>
          </a:lstStyle>
          <a:p>
            <a:r>
              <a:rPr lang="en-GB" altLang="de-DE" sz="1200">
                <a:solidFill>
                  <a:srgbClr val="000000"/>
                </a:solidFill>
              </a:rPr>
              <a:t>Swiss Federal Directorate for Cadastral Surveying</a:t>
            </a:r>
          </a:p>
        </p:txBody>
      </p:sp>
      <p:sp>
        <p:nvSpPr>
          <p:cNvPr id="76805" name="Rectangle 7"/>
          <p:cNvSpPr>
            <a:spLocks noGrp="1" noChangeArrowheads="1"/>
          </p:cNvSpPr>
          <p:nvPr>
            <p:ph type="sldNum" sz="quarter"/>
          </p:nvPr>
        </p:nvSpPr>
        <p:spPr>
          <a:noFill/>
        </p:spPr>
        <p:txBody>
          <a:bodyPr/>
          <a:lstStyle>
            <a:lvl1pPr>
              <a:tabLst>
                <a:tab pos="736206" algn="l"/>
              </a:tabLst>
              <a:defRPr sz="2800">
                <a:solidFill>
                  <a:schemeClr val="bg1"/>
                </a:solidFill>
                <a:latin typeface="Arial" charset="0"/>
              </a:defRPr>
            </a:lvl1pPr>
            <a:lvl2pPr marL="755580" indent="-290608">
              <a:tabLst>
                <a:tab pos="736206" algn="l"/>
              </a:tabLst>
              <a:defRPr sz="2800">
                <a:solidFill>
                  <a:schemeClr val="bg1"/>
                </a:solidFill>
                <a:latin typeface="Arial" charset="0"/>
              </a:defRPr>
            </a:lvl2pPr>
            <a:lvl3pPr marL="1162431" indent="-232486">
              <a:tabLst>
                <a:tab pos="736206" algn="l"/>
              </a:tabLst>
              <a:defRPr sz="2800">
                <a:solidFill>
                  <a:schemeClr val="bg1"/>
                </a:solidFill>
                <a:latin typeface="Arial" charset="0"/>
              </a:defRPr>
            </a:lvl3pPr>
            <a:lvl4pPr marL="1627403" indent="-232486">
              <a:tabLst>
                <a:tab pos="736206" algn="l"/>
              </a:tabLst>
              <a:defRPr sz="2800">
                <a:solidFill>
                  <a:schemeClr val="bg1"/>
                </a:solidFill>
                <a:latin typeface="Arial" charset="0"/>
              </a:defRPr>
            </a:lvl4pPr>
            <a:lvl5pPr marL="2092376" indent="-232486">
              <a:tabLst>
                <a:tab pos="736206" algn="l"/>
              </a:tabLst>
              <a:defRPr sz="2800">
                <a:solidFill>
                  <a:schemeClr val="bg1"/>
                </a:solidFill>
                <a:latin typeface="Arial" charset="0"/>
              </a:defRPr>
            </a:lvl5pPr>
            <a:lvl6pPr marL="2557348"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6pPr>
            <a:lvl7pPr marL="3022321"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7pPr>
            <a:lvl8pPr marL="3487293"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8pPr>
            <a:lvl9pPr marL="3952265"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9pPr>
          </a:lstStyle>
          <a:p>
            <a:fld id="{5B1CE4B2-0A46-4D09-AC21-3270180E1A21}" type="slidenum">
              <a:rPr lang="en-GB" altLang="de-DE" sz="1200">
                <a:solidFill>
                  <a:srgbClr val="000000"/>
                </a:solidFill>
              </a:rPr>
              <a:pPr/>
              <a:t>3</a:t>
            </a:fld>
            <a:endParaRPr lang="en-GB" altLang="de-DE" sz="1200">
              <a:solidFill>
                <a:srgbClr val="000000"/>
              </a:solidFill>
            </a:endParaRPr>
          </a:p>
        </p:txBody>
      </p:sp>
      <p:sp>
        <p:nvSpPr>
          <p:cNvPr id="76806" name="Rectangle 2"/>
          <p:cNvSpPr>
            <a:spLocks noGrp="1" noRot="1" noChangeAspect="1" noChangeArrowheads="1" noTextEdit="1"/>
          </p:cNvSpPr>
          <p:nvPr>
            <p:ph type="sldImg"/>
          </p:nvPr>
        </p:nvSpPr>
        <p:spPr>
          <a:xfrm>
            <a:off x="90488" y="744538"/>
            <a:ext cx="6616700" cy="3722687"/>
          </a:xfrm>
        </p:spPr>
      </p:sp>
      <p:sp>
        <p:nvSpPr>
          <p:cNvPr id="76807" name="Rectangle 3"/>
          <p:cNvSpPr>
            <a:spLocks noGrp="1" noChangeArrowheads="1"/>
          </p:cNvSpPr>
          <p:nvPr>
            <p:ph type="body" idx="1"/>
          </p:nvPr>
        </p:nvSpPr>
        <p:spPr>
          <a:xfrm>
            <a:off x="907006" y="4715629"/>
            <a:ext cx="4983666" cy="4467940"/>
          </a:xfrm>
          <a:noFill/>
          <a:extLst>
            <a:ext uri="{91240B29-F687-4F45-9708-019B960494DF}">
              <a14:hiddenLine xmlns:a14="http://schemas.microsoft.com/office/drawing/2010/main" w="9525">
                <a:solidFill>
                  <a:srgbClr val="000000"/>
                </a:solidFill>
                <a:miter lim="800000"/>
                <a:headEnd/>
                <a:tailEnd/>
              </a14:hiddenLine>
            </a:ext>
          </a:extLst>
        </p:spPr>
        <p:txBody>
          <a:bodyPr/>
          <a:lstStyle/>
          <a:p>
            <a:pPr defTabSz="929945"/>
            <a:endParaRPr lang="fr-FR" altLang="de-DE" dirty="0"/>
          </a:p>
        </p:txBody>
      </p:sp>
    </p:spTree>
    <p:extLst>
      <p:ext uri="{BB962C8B-B14F-4D97-AF65-F5344CB8AC3E}">
        <p14:creationId xmlns:p14="http://schemas.microsoft.com/office/powerpoint/2010/main" val="424121019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3" name="Rectangle 2"/>
          <p:cNvSpPr>
            <a:spLocks noGrp="1" noRot="1" noChangeAspect="1" noChangeArrowheads="1" noTextEdit="1"/>
          </p:cNvSpPr>
          <p:nvPr>
            <p:ph type="sldImg"/>
          </p:nvPr>
        </p:nvSpPr>
        <p:spPr>
          <a:xfrm>
            <a:off x="28575" y="744538"/>
            <a:ext cx="6615113" cy="3722687"/>
          </a:xfrm>
          <a:ln/>
        </p:spPr>
      </p:sp>
      <p:sp>
        <p:nvSpPr>
          <p:cNvPr id="40964" name="Rectangle 3"/>
          <p:cNvSpPr>
            <a:spLocks noGrp="1" noChangeArrowheads="1"/>
          </p:cNvSpPr>
          <p:nvPr>
            <p:ph type="body" idx="1"/>
          </p:nvPr>
        </p:nvSpPr>
        <p:spPr>
          <a:noFill/>
        </p:spPr>
        <p:txBody>
          <a:bodyPr/>
          <a:lstStyle/>
          <a:p>
            <a:pPr eaLnBrk="1" hangingPunct="1"/>
            <a:r>
              <a:rPr lang="de-CH" altLang="de-DE" sz="1000"/>
              <a:t>1993 wurden zwei neue Verordnungen in Kraft gesetzt (VAV, TVAV), die technisch gesehen einige neue Elemente in die Amtliche Vermessung gebracht haben:</a:t>
            </a:r>
          </a:p>
          <a:p>
            <a:pPr eaLnBrk="1" hangingPunct="1">
              <a:buFontTx/>
              <a:buChar char="•"/>
            </a:pPr>
            <a:r>
              <a:rPr lang="de-CH" altLang="de-DE" sz="1000"/>
              <a:t>voll-digitales und modellbasiertes Datenformat</a:t>
            </a:r>
          </a:p>
          <a:p>
            <a:pPr eaLnBrk="1" hangingPunct="1">
              <a:buFontTx/>
              <a:buChar char="•"/>
            </a:pPr>
            <a:r>
              <a:rPr lang="de-CH" altLang="de-DE" sz="1000"/>
              <a:t>Datenmodellierung mittels systemunabhängiger Datenbeschreibungssprache</a:t>
            </a:r>
          </a:p>
          <a:p>
            <a:pPr eaLnBrk="1" hangingPunct="1"/>
            <a:endParaRPr lang="de-CH" altLang="de-DE" sz="1000"/>
          </a:p>
          <a:p>
            <a:pPr eaLnBrk="1" hangingPunct="1"/>
            <a:r>
              <a:rPr lang="de-CH" altLang="de-DE" sz="1000"/>
              <a:t>Diese neuen Elemente sind vor dem Hintergrund einer Zweckserweiterung der Amtlichen Vermessung zu sehen.  Mit der neuen VAV wurde nämlich auch der Zweck der AV erweitert:  die AV soll nicht nur, wie bis anhin, nur dem Grundbuch dienen, sondern die Daten sollen neu zusätzlich auch als Grundlage für jegliche Landinformationssysteme verwendet werden können (Art. 1 VAV).</a:t>
            </a:r>
          </a:p>
          <a:p>
            <a:pPr eaLnBrk="1" hangingPunct="1"/>
            <a:endParaRPr lang="en-US" altLang="de-DE" sz="1000"/>
          </a:p>
        </p:txBody>
      </p:sp>
      <p:sp>
        <p:nvSpPr>
          <p:cNvPr id="7" name="Foliennummernplatzhalter 3"/>
          <p:cNvSpPr>
            <a:spLocks noGrp="1"/>
          </p:cNvSpPr>
          <p:nvPr>
            <p:ph type="sldNum" sz="quarter" idx="5"/>
          </p:nvPr>
        </p:nvSpPr>
        <p:spPr>
          <a:xfrm>
            <a:off x="3850445" y="9430093"/>
            <a:ext cx="2945659" cy="496412"/>
          </a:xfrm>
        </p:spPr>
        <p:txBody>
          <a:bodyPr/>
          <a:lstStyle/>
          <a:p>
            <a:r>
              <a:rPr lang="de-CH" dirty="0"/>
              <a:t>6</a:t>
            </a:r>
          </a:p>
        </p:txBody>
      </p:sp>
      <p:sp>
        <p:nvSpPr>
          <p:cNvPr id="8" name="Fußzeilenplatzhalter 6"/>
          <p:cNvSpPr>
            <a:spLocks noGrp="1"/>
          </p:cNvSpPr>
          <p:nvPr>
            <p:ph type="ftr" sz="quarter" idx="4"/>
          </p:nvPr>
        </p:nvSpPr>
        <p:spPr>
          <a:xfrm>
            <a:off x="1" y="9430093"/>
            <a:ext cx="3398837" cy="496412"/>
          </a:xfrm>
        </p:spPr>
        <p:txBody>
          <a:bodyPr/>
          <a:lstStyle/>
          <a:p>
            <a:r>
              <a:rPr lang="de-CH"/>
              <a:t>Swiss Federal Office of Topography swisstopo</a:t>
            </a:r>
            <a:endParaRPr lang="de-CH" dirty="0"/>
          </a:p>
        </p:txBody>
      </p:sp>
    </p:spTree>
    <p:extLst>
      <p:ext uri="{BB962C8B-B14F-4D97-AF65-F5344CB8AC3E}">
        <p14:creationId xmlns:p14="http://schemas.microsoft.com/office/powerpoint/2010/main" val="738175848"/>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4274" name="Rectangle 2"/>
          <p:cNvSpPr>
            <a:spLocks noGrp="1" noRot="1" noChangeAspect="1" noChangeArrowheads="1" noTextEdit="1"/>
          </p:cNvSpPr>
          <p:nvPr>
            <p:ph type="sldImg"/>
          </p:nvPr>
        </p:nvSpPr>
        <p:spPr/>
      </p:sp>
      <p:sp>
        <p:nvSpPr>
          <p:cNvPr id="54275" name="Rectangle 3"/>
          <p:cNvSpPr>
            <a:spLocks noGrp="1" noChangeArrowheads="1"/>
          </p:cNvSpPr>
          <p:nvPr>
            <p:ph type="body" idx="1"/>
          </p:nvPr>
        </p:nvSpPr>
        <p:spPr>
          <a:noFill/>
          <a:extLst>
            <a:ext uri="{91240B29-F687-4F45-9708-019B960494DF}">
              <a14:hiddenLine xmlns:a14="http://schemas.microsoft.com/office/drawing/2010/main" w="9525">
                <a:solidFill>
                  <a:srgbClr val="000000"/>
                </a:solidFill>
                <a:miter lim="800000"/>
                <a:headEnd/>
                <a:tailEnd/>
              </a14:hiddenLine>
            </a:ext>
          </a:extLst>
        </p:spPr>
        <p:txBody>
          <a:bodyPr lIns="93114" tIns="46558" rIns="93114" bIns="46558"/>
          <a:lstStyle/>
          <a:p>
            <a:r>
              <a:rPr lang="en-GB" altLang="de-DE" b="1" dirty="0"/>
              <a:t>Three prerequisites</a:t>
            </a:r>
          </a:p>
          <a:p>
            <a:r>
              <a:rPr lang="en-GB" altLang="de-DE" dirty="0"/>
              <a:t>an integration-friendly data structure:</a:t>
            </a:r>
          </a:p>
          <a:p>
            <a:pPr lvl="1"/>
            <a:r>
              <a:rPr lang="en-GB" altLang="de-DE" dirty="0"/>
              <a:t>independence of legal issues;</a:t>
            </a:r>
          </a:p>
          <a:p>
            <a:pPr lvl="1"/>
            <a:r>
              <a:rPr lang="en-GB" altLang="de-DE" dirty="0"/>
              <a:t>independence of institutions: they only provide data, but keep full responsibility for their own processes and data;</a:t>
            </a:r>
          </a:p>
          <a:p>
            <a:r>
              <a:rPr lang="en-GB" altLang="de-DE" dirty="0"/>
              <a:t>standardized data modelling concept;</a:t>
            </a:r>
          </a:p>
          <a:p>
            <a:r>
              <a:rPr lang="en-GB" altLang="de-DE" dirty="0"/>
              <a:t>common geodetic reference framework</a:t>
            </a:r>
            <a:r>
              <a:rPr lang="de-CH" altLang="de-DE" dirty="0"/>
              <a:t>.</a:t>
            </a:r>
            <a:endParaRPr lang="en-GB" altLang="de-DE" dirty="0"/>
          </a:p>
          <a:p>
            <a:endParaRPr lang="de-CH" altLang="de-DE" dirty="0"/>
          </a:p>
        </p:txBody>
      </p:sp>
      <p:sp>
        <p:nvSpPr>
          <p:cNvPr id="2" name="Fußzeilenplatzhalter 1"/>
          <p:cNvSpPr>
            <a:spLocks noGrp="1"/>
          </p:cNvSpPr>
          <p:nvPr>
            <p:ph type="ftr" sz="quarter" idx="10"/>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75358240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35</a:t>
            </a:fld>
            <a:endParaRPr lang="de-CH" dirty="0"/>
          </a:p>
        </p:txBody>
      </p:sp>
      <p:sp>
        <p:nvSpPr>
          <p:cNvPr id="7" name="Fußzeilenplatzhalter 6"/>
          <p:cNvSpPr>
            <a:spLocks noGrp="1"/>
          </p:cNvSpPr>
          <p:nvPr>
            <p:ph type="ftr" sz="quarter" idx="13"/>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3984729686"/>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36</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1964461413"/>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37</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3411850861"/>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38</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380649315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39</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479392621"/>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r>
              <a:rPr lang="en-GB" noProof="0" dirty="0"/>
              <a:t>World is evolving,</a:t>
            </a:r>
            <a:r>
              <a:rPr lang="en-GB" baseline="0" noProof="0" dirty="0"/>
              <a:t> more complex ownership and planning data are needed</a:t>
            </a:r>
          </a:p>
          <a:p>
            <a:r>
              <a:rPr lang="en-GB" baseline="0" noProof="0" dirty="0"/>
              <a:t>But cadastral representation is still in 2 only so far!</a:t>
            </a:r>
          </a:p>
          <a:p>
            <a:endParaRPr lang="en-GB" noProof="0" dirty="0"/>
          </a:p>
        </p:txBody>
      </p:sp>
      <p:sp>
        <p:nvSpPr>
          <p:cNvPr id="4" name="Foliennummernplatzhalter 3"/>
          <p:cNvSpPr>
            <a:spLocks noGrp="1"/>
          </p:cNvSpPr>
          <p:nvPr>
            <p:ph type="sldNum" sz="quarter" idx="10"/>
          </p:nvPr>
        </p:nvSpPr>
        <p:spPr/>
        <p:txBody>
          <a:bodyPr/>
          <a:lstStyle/>
          <a:p>
            <a:fld id="{3B0D1700-42C1-436B-A0AE-CF5F9294E079}" type="slidenum">
              <a:rPr lang="de-CH" smtClean="0"/>
              <a:t>40</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2285834937"/>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41</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3643871178"/>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42</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55916960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6804" name="Rectangle 6"/>
          <p:cNvSpPr>
            <a:spLocks noGrp="1" noChangeArrowheads="1"/>
          </p:cNvSpPr>
          <p:nvPr>
            <p:ph type="ftr" sz="quarter"/>
          </p:nvPr>
        </p:nvSpPr>
        <p:spPr>
          <a:noFill/>
        </p:spPr>
        <p:txBody>
          <a:bodyPr/>
          <a:lstStyle>
            <a:lvl1pPr>
              <a:tabLst>
                <a:tab pos="736206" algn="l"/>
                <a:tab pos="1472413" algn="l"/>
                <a:tab pos="2208619" algn="l"/>
                <a:tab pos="2944825" algn="l"/>
                <a:tab pos="3681032" algn="l"/>
                <a:tab pos="4417238" algn="l"/>
              </a:tabLst>
              <a:defRPr sz="2800">
                <a:solidFill>
                  <a:schemeClr val="bg1"/>
                </a:solidFill>
                <a:latin typeface="Arial" charset="0"/>
              </a:defRPr>
            </a:lvl1pPr>
            <a:lvl2pPr marL="755580" indent="-290608">
              <a:tabLst>
                <a:tab pos="736206" algn="l"/>
                <a:tab pos="1472413" algn="l"/>
                <a:tab pos="2208619" algn="l"/>
                <a:tab pos="2944825" algn="l"/>
                <a:tab pos="3681032" algn="l"/>
                <a:tab pos="4417238" algn="l"/>
              </a:tabLst>
              <a:defRPr sz="2800">
                <a:solidFill>
                  <a:schemeClr val="bg1"/>
                </a:solidFill>
                <a:latin typeface="Arial" charset="0"/>
              </a:defRPr>
            </a:lvl2pPr>
            <a:lvl3pPr marL="1162431" indent="-232486">
              <a:tabLst>
                <a:tab pos="736206" algn="l"/>
                <a:tab pos="1472413" algn="l"/>
                <a:tab pos="2208619" algn="l"/>
                <a:tab pos="2944825" algn="l"/>
                <a:tab pos="3681032" algn="l"/>
                <a:tab pos="4417238" algn="l"/>
              </a:tabLst>
              <a:defRPr sz="2800">
                <a:solidFill>
                  <a:schemeClr val="bg1"/>
                </a:solidFill>
                <a:latin typeface="Arial" charset="0"/>
              </a:defRPr>
            </a:lvl3pPr>
            <a:lvl4pPr marL="1627403" indent="-232486">
              <a:tabLst>
                <a:tab pos="736206" algn="l"/>
                <a:tab pos="1472413" algn="l"/>
                <a:tab pos="2208619" algn="l"/>
                <a:tab pos="2944825" algn="l"/>
                <a:tab pos="3681032" algn="l"/>
                <a:tab pos="4417238" algn="l"/>
              </a:tabLst>
              <a:defRPr sz="2800">
                <a:solidFill>
                  <a:schemeClr val="bg1"/>
                </a:solidFill>
                <a:latin typeface="Arial" charset="0"/>
              </a:defRPr>
            </a:lvl4pPr>
            <a:lvl5pPr marL="2092376" indent="-232486">
              <a:tabLst>
                <a:tab pos="736206" algn="l"/>
                <a:tab pos="1472413" algn="l"/>
                <a:tab pos="2208619" algn="l"/>
                <a:tab pos="2944825" algn="l"/>
                <a:tab pos="3681032" algn="l"/>
                <a:tab pos="4417238" algn="l"/>
              </a:tabLst>
              <a:defRPr sz="2800">
                <a:solidFill>
                  <a:schemeClr val="bg1"/>
                </a:solidFill>
                <a:latin typeface="Arial" charset="0"/>
              </a:defRPr>
            </a:lvl5pPr>
            <a:lvl6pPr marL="2557348"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6pPr>
            <a:lvl7pPr marL="3022321"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7pPr>
            <a:lvl8pPr marL="3487293"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8pPr>
            <a:lvl9pPr marL="3952265"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9pPr>
          </a:lstStyle>
          <a:p>
            <a:r>
              <a:rPr lang="en-GB" altLang="de-DE" sz="1200">
                <a:solidFill>
                  <a:srgbClr val="000000"/>
                </a:solidFill>
              </a:rPr>
              <a:t>Swiss Federal Directorate for Cadastral Surveying</a:t>
            </a:r>
          </a:p>
        </p:txBody>
      </p:sp>
      <p:sp>
        <p:nvSpPr>
          <p:cNvPr id="76805" name="Rectangle 7"/>
          <p:cNvSpPr>
            <a:spLocks noGrp="1" noChangeArrowheads="1"/>
          </p:cNvSpPr>
          <p:nvPr>
            <p:ph type="sldNum" sz="quarter"/>
          </p:nvPr>
        </p:nvSpPr>
        <p:spPr>
          <a:noFill/>
        </p:spPr>
        <p:txBody>
          <a:bodyPr/>
          <a:lstStyle>
            <a:lvl1pPr>
              <a:tabLst>
                <a:tab pos="736206" algn="l"/>
              </a:tabLst>
              <a:defRPr sz="2800">
                <a:solidFill>
                  <a:schemeClr val="bg1"/>
                </a:solidFill>
                <a:latin typeface="Arial" charset="0"/>
              </a:defRPr>
            </a:lvl1pPr>
            <a:lvl2pPr marL="755580" indent="-290608">
              <a:tabLst>
                <a:tab pos="736206" algn="l"/>
              </a:tabLst>
              <a:defRPr sz="2800">
                <a:solidFill>
                  <a:schemeClr val="bg1"/>
                </a:solidFill>
                <a:latin typeface="Arial" charset="0"/>
              </a:defRPr>
            </a:lvl2pPr>
            <a:lvl3pPr marL="1162431" indent="-232486">
              <a:tabLst>
                <a:tab pos="736206" algn="l"/>
              </a:tabLst>
              <a:defRPr sz="2800">
                <a:solidFill>
                  <a:schemeClr val="bg1"/>
                </a:solidFill>
                <a:latin typeface="Arial" charset="0"/>
              </a:defRPr>
            </a:lvl3pPr>
            <a:lvl4pPr marL="1627403" indent="-232486">
              <a:tabLst>
                <a:tab pos="736206" algn="l"/>
              </a:tabLst>
              <a:defRPr sz="2800">
                <a:solidFill>
                  <a:schemeClr val="bg1"/>
                </a:solidFill>
                <a:latin typeface="Arial" charset="0"/>
              </a:defRPr>
            </a:lvl4pPr>
            <a:lvl5pPr marL="2092376" indent="-232486">
              <a:tabLst>
                <a:tab pos="736206" algn="l"/>
              </a:tabLst>
              <a:defRPr sz="2800">
                <a:solidFill>
                  <a:schemeClr val="bg1"/>
                </a:solidFill>
                <a:latin typeface="Arial" charset="0"/>
              </a:defRPr>
            </a:lvl5pPr>
            <a:lvl6pPr marL="2557348"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6pPr>
            <a:lvl7pPr marL="3022321"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7pPr>
            <a:lvl8pPr marL="3487293"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8pPr>
            <a:lvl9pPr marL="3952265"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9pPr>
          </a:lstStyle>
          <a:p>
            <a:fld id="{5B1CE4B2-0A46-4D09-AC21-3270180E1A21}" type="slidenum">
              <a:rPr lang="en-GB" altLang="de-DE" sz="1200">
                <a:solidFill>
                  <a:srgbClr val="000000"/>
                </a:solidFill>
              </a:rPr>
              <a:pPr/>
              <a:t>4</a:t>
            </a:fld>
            <a:endParaRPr lang="en-GB" altLang="de-DE" sz="1200">
              <a:solidFill>
                <a:srgbClr val="000000"/>
              </a:solidFill>
            </a:endParaRPr>
          </a:p>
        </p:txBody>
      </p:sp>
      <p:sp>
        <p:nvSpPr>
          <p:cNvPr id="76806" name="Rectangle 2"/>
          <p:cNvSpPr>
            <a:spLocks noGrp="1" noRot="1" noChangeAspect="1" noChangeArrowheads="1" noTextEdit="1"/>
          </p:cNvSpPr>
          <p:nvPr>
            <p:ph type="sldImg"/>
          </p:nvPr>
        </p:nvSpPr>
        <p:spPr>
          <a:xfrm>
            <a:off x="90488" y="744538"/>
            <a:ext cx="6616700" cy="3722687"/>
          </a:xfrm>
        </p:spPr>
      </p:sp>
      <p:sp>
        <p:nvSpPr>
          <p:cNvPr id="76807" name="Rectangle 3"/>
          <p:cNvSpPr>
            <a:spLocks noGrp="1" noChangeArrowheads="1"/>
          </p:cNvSpPr>
          <p:nvPr>
            <p:ph type="body" idx="1"/>
          </p:nvPr>
        </p:nvSpPr>
        <p:spPr>
          <a:xfrm>
            <a:off x="907006" y="4715629"/>
            <a:ext cx="4983666" cy="4467940"/>
          </a:xfrm>
          <a:noFill/>
          <a:extLst>
            <a:ext uri="{91240B29-F687-4F45-9708-019B960494DF}">
              <a14:hiddenLine xmlns:a14="http://schemas.microsoft.com/office/drawing/2010/main" w="9525">
                <a:solidFill>
                  <a:srgbClr val="000000"/>
                </a:solidFill>
                <a:miter lim="800000"/>
                <a:headEnd/>
                <a:tailEnd/>
              </a14:hiddenLine>
            </a:ext>
          </a:extLst>
        </p:spPr>
        <p:txBody>
          <a:bodyPr/>
          <a:lstStyle/>
          <a:p>
            <a:pPr defTabSz="929945"/>
            <a:endParaRPr lang="fr-FR" altLang="de-DE" dirty="0"/>
          </a:p>
        </p:txBody>
      </p:sp>
    </p:spTree>
    <p:extLst>
      <p:ext uri="{BB962C8B-B14F-4D97-AF65-F5344CB8AC3E}">
        <p14:creationId xmlns:p14="http://schemas.microsoft.com/office/powerpoint/2010/main" val="49507604"/>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43</a:t>
            </a:fld>
            <a:endParaRPr lang="de-CH" dirty="0"/>
          </a:p>
        </p:txBody>
      </p:sp>
      <p:sp>
        <p:nvSpPr>
          <p:cNvPr id="5" name="Kopfzeilenplatzhalter 4"/>
          <p:cNvSpPr>
            <a:spLocks noGrp="1"/>
          </p:cNvSpPr>
          <p:nvPr>
            <p:ph type="hdr" sz="quarter" idx="11"/>
          </p:nvPr>
        </p:nvSpPr>
        <p:spPr/>
        <p:txBody>
          <a:bodyPr/>
          <a:lstStyle/>
          <a:p>
            <a:endParaRPr lang="de-CH" dirty="0"/>
          </a:p>
        </p:txBody>
      </p:sp>
      <p:sp>
        <p:nvSpPr>
          <p:cNvPr id="7" name="Fußzeilenplatzhalter 6"/>
          <p:cNvSpPr>
            <a:spLocks noGrp="1"/>
          </p:cNvSpPr>
          <p:nvPr>
            <p:ph type="ftr" sz="quarter" idx="13"/>
          </p:nvPr>
        </p:nvSpPr>
        <p:spPr/>
        <p:txBody>
          <a:bodyPr/>
          <a:lstStyle/>
          <a:p>
            <a:r>
              <a:rPr lang="de-CH"/>
              <a:t>Swiss Federal Directorate for Cadastral Surveying</a:t>
            </a:r>
            <a:endParaRPr lang="de-CH" dirty="0"/>
          </a:p>
        </p:txBody>
      </p:sp>
    </p:spTree>
    <p:extLst>
      <p:ext uri="{BB962C8B-B14F-4D97-AF65-F5344CB8AC3E}">
        <p14:creationId xmlns:p14="http://schemas.microsoft.com/office/powerpoint/2010/main" val="245062079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828" name="Rectangle 6"/>
          <p:cNvSpPr>
            <a:spLocks noGrp="1" noChangeArrowheads="1"/>
          </p:cNvSpPr>
          <p:nvPr>
            <p:ph type="ftr" sz="quarter"/>
          </p:nvPr>
        </p:nvSpPr>
        <p:spPr>
          <a:noFill/>
        </p:spPr>
        <p:txBody>
          <a:bodyPr/>
          <a:lstStyle>
            <a:lvl1pPr>
              <a:tabLst>
                <a:tab pos="736206" algn="l"/>
                <a:tab pos="1472413" algn="l"/>
                <a:tab pos="2208619" algn="l"/>
                <a:tab pos="2944825" algn="l"/>
                <a:tab pos="3681032" algn="l"/>
                <a:tab pos="4417238" algn="l"/>
              </a:tabLst>
              <a:defRPr sz="2800">
                <a:solidFill>
                  <a:schemeClr val="bg1"/>
                </a:solidFill>
                <a:latin typeface="Arial" charset="0"/>
              </a:defRPr>
            </a:lvl1pPr>
            <a:lvl2pPr marL="755580" indent="-290608">
              <a:tabLst>
                <a:tab pos="736206" algn="l"/>
                <a:tab pos="1472413" algn="l"/>
                <a:tab pos="2208619" algn="l"/>
                <a:tab pos="2944825" algn="l"/>
                <a:tab pos="3681032" algn="l"/>
                <a:tab pos="4417238" algn="l"/>
              </a:tabLst>
              <a:defRPr sz="2800">
                <a:solidFill>
                  <a:schemeClr val="bg1"/>
                </a:solidFill>
                <a:latin typeface="Arial" charset="0"/>
              </a:defRPr>
            </a:lvl2pPr>
            <a:lvl3pPr marL="1162431" indent="-232486">
              <a:tabLst>
                <a:tab pos="736206" algn="l"/>
                <a:tab pos="1472413" algn="l"/>
                <a:tab pos="2208619" algn="l"/>
                <a:tab pos="2944825" algn="l"/>
                <a:tab pos="3681032" algn="l"/>
                <a:tab pos="4417238" algn="l"/>
              </a:tabLst>
              <a:defRPr sz="2800">
                <a:solidFill>
                  <a:schemeClr val="bg1"/>
                </a:solidFill>
                <a:latin typeface="Arial" charset="0"/>
              </a:defRPr>
            </a:lvl3pPr>
            <a:lvl4pPr marL="1627403" indent="-232486">
              <a:tabLst>
                <a:tab pos="736206" algn="l"/>
                <a:tab pos="1472413" algn="l"/>
                <a:tab pos="2208619" algn="l"/>
                <a:tab pos="2944825" algn="l"/>
                <a:tab pos="3681032" algn="l"/>
                <a:tab pos="4417238" algn="l"/>
              </a:tabLst>
              <a:defRPr sz="2800">
                <a:solidFill>
                  <a:schemeClr val="bg1"/>
                </a:solidFill>
                <a:latin typeface="Arial" charset="0"/>
              </a:defRPr>
            </a:lvl4pPr>
            <a:lvl5pPr marL="2092376" indent="-232486">
              <a:tabLst>
                <a:tab pos="736206" algn="l"/>
                <a:tab pos="1472413" algn="l"/>
                <a:tab pos="2208619" algn="l"/>
                <a:tab pos="2944825" algn="l"/>
                <a:tab pos="3681032" algn="l"/>
                <a:tab pos="4417238" algn="l"/>
              </a:tabLst>
              <a:defRPr sz="2800">
                <a:solidFill>
                  <a:schemeClr val="bg1"/>
                </a:solidFill>
                <a:latin typeface="Arial" charset="0"/>
              </a:defRPr>
            </a:lvl5pPr>
            <a:lvl6pPr marL="2557348"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6pPr>
            <a:lvl7pPr marL="3022321"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7pPr>
            <a:lvl8pPr marL="3487293"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8pPr>
            <a:lvl9pPr marL="3952265"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 pos="1472413" algn="l"/>
                <a:tab pos="2208619" algn="l"/>
                <a:tab pos="2944825" algn="l"/>
                <a:tab pos="3681032" algn="l"/>
                <a:tab pos="4417238" algn="l"/>
              </a:tabLst>
              <a:defRPr sz="2800">
                <a:solidFill>
                  <a:schemeClr val="bg1"/>
                </a:solidFill>
                <a:latin typeface="Arial" charset="0"/>
              </a:defRPr>
            </a:lvl9pPr>
          </a:lstStyle>
          <a:p>
            <a:r>
              <a:rPr lang="en-GB" altLang="de-DE" sz="1200">
                <a:solidFill>
                  <a:srgbClr val="000000"/>
                </a:solidFill>
              </a:rPr>
              <a:t>Swiss Federal Directorate for Cadastral Surveying</a:t>
            </a:r>
          </a:p>
        </p:txBody>
      </p:sp>
      <p:sp>
        <p:nvSpPr>
          <p:cNvPr id="77829" name="Rectangle 7"/>
          <p:cNvSpPr>
            <a:spLocks noGrp="1" noChangeArrowheads="1"/>
          </p:cNvSpPr>
          <p:nvPr>
            <p:ph type="sldNum" sz="quarter"/>
          </p:nvPr>
        </p:nvSpPr>
        <p:spPr>
          <a:noFill/>
        </p:spPr>
        <p:txBody>
          <a:bodyPr/>
          <a:lstStyle>
            <a:lvl1pPr>
              <a:tabLst>
                <a:tab pos="736206" algn="l"/>
              </a:tabLst>
              <a:defRPr sz="2800">
                <a:solidFill>
                  <a:schemeClr val="bg1"/>
                </a:solidFill>
                <a:latin typeface="Arial" charset="0"/>
              </a:defRPr>
            </a:lvl1pPr>
            <a:lvl2pPr marL="755580" indent="-290608">
              <a:tabLst>
                <a:tab pos="736206" algn="l"/>
              </a:tabLst>
              <a:defRPr sz="2800">
                <a:solidFill>
                  <a:schemeClr val="bg1"/>
                </a:solidFill>
                <a:latin typeface="Arial" charset="0"/>
              </a:defRPr>
            </a:lvl2pPr>
            <a:lvl3pPr marL="1162431" indent="-232486">
              <a:tabLst>
                <a:tab pos="736206" algn="l"/>
              </a:tabLst>
              <a:defRPr sz="2800">
                <a:solidFill>
                  <a:schemeClr val="bg1"/>
                </a:solidFill>
                <a:latin typeface="Arial" charset="0"/>
              </a:defRPr>
            </a:lvl3pPr>
            <a:lvl4pPr marL="1627403" indent="-232486">
              <a:tabLst>
                <a:tab pos="736206" algn="l"/>
              </a:tabLst>
              <a:defRPr sz="2800">
                <a:solidFill>
                  <a:schemeClr val="bg1"/>
                </a:solidFill>
                <a:latin typeface="Arial" charset="0"/>
              </a:defRPr>
            </a:lvl4pPr>
            <a:lvl5pPr marL="2092376" indent="-232486">
              <a:tabLst>
                <a:tab pos="736206" algn="l"/>
              </a:tabLst>
              <a:defRPr sz="2800">
                <a:solidFill>
                  <a:schemeClr val="bg1"/>
                </a:solidFill>
                <a:latin typeface="Arial" charset="0"/>
              </a:defRPr>
            </a:lvl5pPr>
            <a:lvl6pPr marL="2557348"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6pPr>
            <a:lvl7pPr marL="3022321"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7pPr>
            <a:lvl8pPr marL="3487293"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8pPr>
            <a:lvl9pPr marL="3952265" indent="-232486" defTabSz="456900" eaLnBrk="0" fontAlgn="base" hangingPunct="0">
              <a:lnSpc>
                <a:spcPct val="93000"/>
              </a:lnSpc>
              <a:spcBef>
                <a:spcPct val="0"/>
              </a:spcBef>
              <a:spcAft>
                <a:spcPct val="0"/>
              </a:spcAft>
              <a:buClr>
                <a:srgbClr val="000000"/>
              </a:buClr>
              <a:buSzPct val="100000"/>
              <a:buFont typeface="Times New Roman" pitchFamily="18" charset="0"/>
              <a:tabLst>
                <a:tab pos="736206" algn="l"/>
              </a:tabLst>
              <a:defRPr sz="2800">
                <a:solidFill>
                  <a:schemeClr val="bg1"/>
                </a:solidFill>
                <a:latin typeface="Arial" charset="0"/>
              </a:defRPr>
            </a:lvl9pPr>
          </a:lstStyle>
          <a:p>
            <a:fld id="{74C223BA-D50D-48C3-B317-FD7FCAAC8E71}" type="slidenum">
              <a:rPr lang="en-GB" altLang="de-DE" sz="1200">
                <a:solidFill>
                  <a:srgbClr val="000000"/>
                </a:solidFill>
              </a:rPr>
              <a:pPr/>
              <a:t>5</a:t>
            </a:fld>
            <a:endParaRPr lang="en-GB" altLang="de-DE" sz="1200">
              <a:solidFill>
                <a:srgbClr val="000000"/>
              </a:solidFill>
            </a:endParaRPr>
          </a:p>
        </p:txBody>
      </p:sp>
      <p:sp>
        <p:nvSpPr>
          <p:cNvPr id="77830" name="Rectangle 2"/>
          <p:cNvSpPr>
            <a:spLocks noGrp="1" noRot="1" noChangeAspect="1" noChangeArrowheads="1" noTextEdit="1"/>
          </p:cNvSpPr>
          <p:nvPr>
            <p:ph type="sldImg"/>
          </p:nvPr>
        </p:nvSpPr>
        <p:spPr/>
      </p:sp>
      <p:sp>
        <p:nvSpPr>
          <p:cNvPr id="77831" name="Rectangle 3"/>
          <p:cNvSpPr>
            <a:spLocks noGrp="1" noChangeArrowheads="1"/>
          </p:cNvSpPr>
          <p:nvPr>
            <p:ph type="body" idx="1"/>
          </p:nvPr>
        </p:nvSpPr>
        <p:spPr>
          <a:noFill/>
          <a:extLst>
            <a:ext uri="{91240B29-F687-4F45-9708-019B960494DF}">
              <a14:hiddenLine xmlns:a14="http://schemas.microsoft.com/office/drawing/2010/main" w="9525">
                <a:solidFill>
                  <a:srgbClr val="000000"/>
                </a:solidFill>
                <a:miter lim="800000"/>
                <a:headEnd/>
                <a:tailEnd/>
              </a14:hiddenLine>
            </a:ext>
          </a:extLst>
        </p:spPr>
        <p:txBody>
          <a:bodyPr/>
          <a:lstStyle/>
          <a:p>
            <a:endParaRPr lang="de-CH" altLang="de-DE" dirty="0"/>
          </a:p>
        </p:txBody>
      </p:sp>
    </p:spTree>
    <p:extLst>
      <p:ext uri="{BB962C8B-B14F-4D97-AF65-F5344CB8AC3E}">
        <p14:creationId xmlns:p14="http://schemas.microsoft.com/office/powerpoint/2010/main" val="162053931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6</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182909158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8575" y="744538"/>
            <a:ext cx="6615113" cy="3722687"/>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7</a:t>
            </a:fld>
            <a:endParaRPr lang="de-CH" dirty="0"/>
          </a:p>
        </p:txBody>
      </p:sp>
      <p:sp>
        <p:nvSpPr>
          <p:cNvPr id="7" name="Fußzeilenplatzhalter 6"/>
          <p:cNvSpPr>
            <a:spLocks noGrp="1"/>
          </p:cNvSpPr>
          <p:nvPr>
            <p:ph type="ftr" sz="quarter" idx="13"/>
          </p:nvPr>
        </p:nvSpPr>
        <p:spPr/>
        <p:txBody>
          <a:bodyPr/>
          <a:lstStyle/>
          <a:p>
            <a:r>
              <a:rPr lang="de-CH"/>
              <a:t>Swiss Federal Office of Topography swisstopo</a:t>
            </a:r>
            <a:endParaRPr lang="de-CH" dirty="0"/>
          </a:p>
        </p:txBody>
      </p:sp>
    </p:spTree>
    <p:extLst>
      <p:ext uri="{BB962C8B-B14F-4D97-AF65-F5344CB8AC3E}">
        <p14:creationId xmlns:p14="http://schemas.microsoft.com/office/powerpoint/2010/main" val="254593218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854" name="Rectangle 2"/>
          <p:cNvSpPr>
            <a:spLocks noGrp="1" noRot="1" noChangeAspect="1" noChangeArrowheads="1" noTextEdit="1"/>
          </p:cNvSpPr>
          <p:nvPr>
            <p:ph type="sldImg"/>
          </p:nvPr>
        </p:nvSpPr>
        <p:spPr>
          <a:xfrm>
            <a:off x="174625" y="787400"/>
            <a:ext cx="6780213" cy="3814763"/>
          </a:xfrm>
        </p:spPr>
      </p:sp>
      <p:sp>
        <p:nvSpPr>
          <p:cNvPr id="78855" name="Rectangle 3"/>
          <p:cNvSpPr>
            <a:spLocks noGrp="1" noChangeArrowheads="1"/>
          </p:cNvSpPr>
          <p:nvPr>
            <p:ph type="body" idx="1"/>
          </p:nvPr>
        </p:nvSpPr>
        <p:spPr>
          <a:xfrm>
            <a:off x="950566" y="5180136"/>
            <a:ext cx="5472608" cy="4176464"/>
          </a:xfrm>
          <a:noFill/>
          <a:extLst>
            <a:ext uri="{91240B29-F687-4F45-9708-019B960494DF}">
              <a14:hiddenLine xmlns:a14="http://schemas.microsoft.com/office/drawing/2010/main" w="9525">
                <a:solidFill>
                  <a:srgbClr val="000000"/>
                </a:solidFill>
                <a:miter lim="800000"/>
                <a:headEnd/>
                <a:tailEnd/>
              </a14:hiddenLine>
            </a:ext>
          </a:extLst>
        </p:spPr>
        <p:txBody>
          <a:bodyPr/>
          <a:lstStyle/>
          <a:p>
            <a:pPr defTabSz="1350315"/>
            <a:r>
              <a:rPr lang="en-GB" altLang="de-DE" dirty="0"/>
              <a:t>The Federal Constitution calls Switzerland a “league of the peoples of the 23 sovereign cantons of the Swiss Confederation” (three cantons are subdivided into half-cantons). In short, Switzerland is a federative, democratic and constitutional state.</a:t>
            </a:r>
          </a:p>
          <a:p>
            <a:pPr defTabSz="1350315"/>
            <a:r>
              <a:rPr lang="en-GB" altLang="de-DE" dirty="0"/>
              <a:t>The Federal Constitution grants only limited power to the Confederation. The 26 cantons…. </a:t>
            </a:r>
            <a:endParaRPr lang="de-CH" altLang="de-DE" dirty="0"/>
          </a:p>
        </p:txBody>
      </p:sp>
    </p:spTree>
    <p:extLst>
      <p:ext uri="{BB962C8B-B14F-4D97-AF65-F5344CB8AC3E}">
        <p14:creationId xmlns:p14="http://schemas.microsoft.com/office/powerpoint/2010/main" val="183854636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9878" name="Rectangle 2"/>
          <p:cNvSpPr>
            <a:spLocks noGrp="1" noRot="1" noChangeAspect="1" noChangeArrowheads="1" noTextEdit="1"/>
          </p:cNvSpPr>
          <p:nvPr>
            <p:ph type="sldImg"/>
          </p:nvPr>
        </p:nvSpPr>
        <p:spPr>
          <a:xfrm>
            <a:off x="0" y="706438"/>
            <a:ext cx="7035800" cy="3959225"/>
          </a:xfrm>
        </p:spPr>
      </p:sp>
      <p:sp>
        <p:nvSpPr>
          <p:cNvPr id="79879" name="Rectangle 3"/>
          <p:cNvSpPr>
            <a:spLocks noGrp="1" noChangeArrowheads="1"/>
          </p:cNvSpPr>
          <p:nvPr>
            <p:ph type="body" idx="1"/>
          </p:nvPr>
        </p:nvSpPr>
        <p:spPr>
          <a:xfrm>
            <a:off x="878558" y="5252144"/>
            <a:ext cx="5544616" cy="3672408"/>
          </a:xfrm>
          <a:noFill/>
          <a:extLst>
            <a:ext uri="{91240B29-F687-4F45-9708-019B960494DF}">
              <a14:hiddenLine xmlns:a14="http://schemas.microsoft.com/office/drawing/2010/main" w="9525">
                <a:solidFill>
                  <a:srgbClr val="000000"/>
                </a:solidFill>
                <a:miter lim="800000"/>
                <a:headEnd/>
                <a:tailEnd/>
              </a14:hiddenLine>
            </a:ext>
          </a:extLst>
        </p:spPr>
        <p:txBody>
          <a:bodyPr/>
          <a:lstStyle/>
          <a:p>
            <a:pPr defTabSz="1350315"/>
            <a:r>
              <a:rPr lang="en-GB" altLang="de-DE" dirty="0"/>
              <a:t>… and the approximately 2100 communities exercise a large degree of autonomy. The cantons are autonomous. They have their own constitutions, parliaments, governments and courts. The communities are autonomous too. They have their own constitutions and communal statutes, although they are under the supervision of their cantons.</a:t>
            </a:r>
            <a:endParaRPr lang="de-CH" altLang="de-DE" dirty="0"/>
          </a:p>
          <a:p>
            <a:pPr defTabSz="1350315"/>
            <a:endParaRPr lang="de-CH" altLang="de-DE" dirty="0"/>
          </a:p>
        </p:txBody>
      </p:sp>
    </p:spTree>
    <p:extLst>
      <p:ext uri="{BB962C8B-B14F-4D97-AF65-F5344CB8AC3E}">
        <p14:creationId xmlns:p14="http://schemas.microsoft.com/office/powerpoint/2010/main" val="18247127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slideMaster" Target="../slideMasters/slideMaster1.xml"/><Relationship Id="rId1" Type="http://schemas.openxmlformats.org/officeDocument/2006/relationships/tags" Target="../tags/tag5.xml"/><Relationship Id="rId4" Type="http://schemas.openxmlformats.org/officeDocument/2006/relationships/image" Target="../media/image2.gif"/></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wmf"/><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pic>
        <p:nvPicPr>
          <p:cNvPr id="8" name="Picture 5" descr="Schweiz_Eidgenossen_rgb"/>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27099" y="290514"/>
            <a:ext cx="1980000" cy="486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Grafik 9"/>
          <p:cNvPicPr>
            <a:picLocks/>
          </p:cNvPicPr>
          <p:nvPr/>
        </p:nvPicPr>
        <p:blipFill>
          <a:blip r:embed="rId4" cstate="print">
            <a:extLst>
              <a:ext uri="{28A0092B-C50C-407E-A947-70E740481C1C}">
                <a14:useLocalDpi xmlns:a14="http://schemas.microsoft.com/office/drawing/2010/main" val="0"/>
              </a:ext>
            </a:extLst>
          </a:blip>
          <a:stretch>
            <a:fillRect/>
          </a:stretch>
        </p:blipFill>
        <p:spPr>
          <a:xfrm>
            <a:off x="-6" y="1545636"/>
            <a:ext cx="1224000" cy="2304000"/>
          </a:xfrm>
          <a:prstGeom prst="rect">
            <a:avLst/>
          </a:prstGeom>
        </p:spPr>
      </p:pic>
      <p:sp>
        <p:nvSpPr>
          <p:cNvPr id="11" name="Text Box 4"/>
          <p:cNvSpPr txBox="1">
            <a:spLocks noChangeArrowheads="1"/>
          </p:cNvSpPr>
          <p:nvPr>
            <p:custDataLst>
              <p:tags r:id="rId1"/>
            </p:custDataLst>
          </p:nvPr>
        </p:nvSpPr>
        <p:spPr bwMode="auto">
          <a:xfrm>
            <a:off x="4560888" y="283412"/>
            <a:ext cx="3611512" cy="33708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a:defRPr sz="2800">
                <a:solidFill>
                  <a:schemeClr val="tx1"/>
                </a:solidFill>
                <a:latin typeface="Arial" charset="0"/>
              </a:defRPr>
            </a:lvl1pPr>
            <a:lvl2pPr marL="742950" indent="-285750">
              <a:defRPr sz="2800">
                <a:solidFill>
                  <a:schemeClr val="tx1"/>
                </a:solidFill>
                <a:latin typeface="Arial" charset="0"/>
              </a:defRPr>
            </a:lvl2pPr>
            <a:lvl3pPr marL="1143000" indent="-228600">
              <a:defRPr sz="2800">
                <a:solidFill>
                  <a:schemeClr val="tx1"/>
                </a:solidFill>
                <a:latin typeface="Arial" charset="0"/>
              </a:defRPr>
            </a:lvl3pPr>
            <a:lvl4pPr marL="1600200" indent="-228600">
              <a:defRPr sz="2800">
                <a:solidFill>
                  <a:schemeClr val="tx1"/>
                </a:solidFill>
                <a:latin typeface="Arial" charset="0"/>
              </a:defRPr>
            </a:lvl4pPr>
            <a:lvl5pPr marL="2057400" indent="-228600">
              <a:defRPr sz="2800">
                <a:solidFill>
                  <a:schemeClr val="tx1"/>
                </a:solidFill>
                <a:latin typeface="Arial" charset="0"/>
              </a:defRPr>
            </a:lvl5pPr>
            <a:lvl6pPr marL="2514600" indent="-228600" eaLnBrk="0" fontAlgn="base" hangingPunct="0">
              <a:spcBef>
                <a:spcPct val="0"/>
              </a:spcBef>
              <a:spcAft>
                <a:spcPct val="0"/>
              </a:spcAft>
              <a:defRPr sz="2800">
                <a:solidFill>
                  <a:schemeClr val="tx1"/>
                </a:solidFill>
                <a:latin typeface="Arial" charset="0"/>
              </a:defRPr>
            </a:lvl6pPr>
            <a:lvl7pPr marL="2971800" indent="-228600" eaLnBrk="0" fontAlgn="base" hangingPunct="0">
              <a:spcBef>
                <a:spcPct val="0"/>
              </a:spcBef>
              <a:spcAft>
                <a:spcPct val="0"/>
              </a:spcAft>
              <a:defRPr sz="2800">
                <a:solidFill>
                  <a:schemeClr val="tx1"/>
                </a:solidFill>
                <a:latin typeface="Arial" charset="0"/>
              </a:defRPr>
            </a:lvl7pPr>
            <a:lvl8pPr marL="3429000" indent="-228600" eaLnBrk="0" fontAlgn="base" hangingPunct="0">
              <a:spcBef>
                <a:spcPct val="0"/>
              </a:spcBef>
              <a:spcAft>
                <a:spcPct val="0"/>
              </a:spcAft>
              <a:defRPr sz="2800">
                <a:solidFill>
                  <a:schemeClr val="tx1"/>
                </a:solidFill>
                <a:latin typeface="Arial" charset="0"/>
              </a:defRPr>
            </a:lvl8pPr>
            <a:lvl9pPr marL="3886200" indent="-228600" eaLnBrk="0" fontAlgn="base" hangingPunct="0">
              <a:spcBef>
                <a:spcPct val="0"/>
              </a:spcBef>
              <a:spcAft>
                <a:spcPct val="0"/>
              </a:spcAft>
              <a:defRPr sz="2800">
                <a:solidFill>
                  <a:schemeClr val="tx1"/>
                </a:solidFill>
                <a:latin typeface="Arial" charset="0"/>
              </a:defRPr>
            </a:lvl9pPr>
          </a:lstStyle>
          <a:p>
            <a:pPr>
              <a:lnSpc>
                <a:spcPts val="900"/>
              </a:lnSpc>
              <a:spcBef>
                <a:spcPts val="0"/>
              </a:spcBef>
              <a:defRPr/>
            </a:pPr>
            <a:r>
              <a:rPr lang="de-CH" sz="675" b="1" noProof="0" dirty="0"/>
              <a:t>Bundesamt für Landestopografie swisstopo</a:t>
            </a:r>
          </a:p>
          <a:p>
            <a:pPr marL="0" marR="0" indent="0" algn="l" defTabSz="685800" rtl="0" eaLnBrk="1" fontAlgn="auto" latinLnBrk="0" hangingPunct="1">
              <a:lnSpc>
                <a:spcPts val="900"/>
              </a:lnSpc>
              <a:spcBef>
                <a:spcPts val="0"/>
              </a:spcBef>
              <a:spcAft>
                <a:spcPts val="0"/>
              </a:spcAft>
              <a:buClrTx/>
              <a:buSzTx/>
              <a:buFontTx/>
              <a:buNone/>
              <a:tabLst/>
              <a:defRPr/>
            </a:pPr>
            <a:r>
              <a:rPr lang="de-CH" sz="675" b="0" noProof="0" dirty="0"/>
              <a:t>Geodäsie und Eidgenössische Vermessungsdirektion</a:t>
            </a:r>
          </a:p>
          <a:p>
            <a:pPr>
              <a:lnSpc>
                <a:spcPts val="900"/>
              </a:lnSpc>
              <a:spcBef>
                <a:spcPts val="0"/>
              </a:spcBef>
              <a:defRPr/>
            </a:pPr>
            <a:endParaRPr lang="de-CH" sz="675" b="1" noProof="0" dirty="0"/>
          </a:p>
        </p:txBody>
      </p:sp>
    </p:spTree>
    <p:extLst>
      <p:ext uri="{BB962C8B-B14F-4D97-AF65-F5344CB8AC3E}">
        <p14:creationId xmlns:p14="http://schemas.microsoft.com/office/powerpoint/2010/main" val="256145345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Only">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a:t>Titelmasterformat durch Klicken bearbeiten</a:t>
            </a:r>
            <a:endParaRPr lang="de-CH"/>
          </a:p>
        </p:txBody>
      </p:sp>
      <p:sp>
        <p:nvSpPr>
          <p:cNvPr id="3" name="Rectangle 42"/>
          <p:cNvSpPr>
            <a:spLocks noGrp="1" noChangeArrowheads="1"/>
          </p:cNvSpPr>
          <p:nvPr>
            <p:ph type="dt" sz="half" idx="10"/>
          </p:nvPr>
        </p:nvSpPr>
        <p:spPr>
          <a:ln/>
        </p:spPr>
        <p:txBody>
          <a:bodyPr/>
          <a:lstStyle>
            <a:lvl1pPr>
              <a:defRPr/>
            </a:lvl1pPr>
          </a:lstStyle>
          <a:p>
            <a:pPr>
              <a:defRPr/>
            </a:pPr>
            <a:r>
              <a:rPr lang="de-DE" altLang="de-DE">
                <a:solidFill>
                  <a:srgbClr val="000000"/>
                </a:solidFill>
              </a:rPr>
              <a:t>Séminaire de direction II / 26.04.2010</a:t>
            </a:r>
          </a:p>
        </p:txBody>
      </p:sp>
    </p:spTree>
    <p:extLst>
      <p:ext uri="{BB962C8B-B14F-4D97-AF65-F5344CB8AC3E}">
        <p14:creationId xmlns:p14="http://schemas.microsoft.com/office/powerpoint/2010/main" val="15033909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defRPr lang="de-CH" dirty="0"/>
            </a:lvl1pPr>
          </a:lstStyle>
          <a:p>
            <a:pPr lvl="0"/>
            <a:r>
              <a:rPr lang="de-DE" dirty="0"/>
              <a:t>Titelmasterformat durch Klicken bearbeiten</a:t>
            </a:r>
            <a:endParaRPr lang="de-CH" dirty="0"/>
          </a:p>
        </p:txBody>
      </p:sp>
      <p:sp>
        <p:nvSpPr>
          <p:cNvPr id="3" name="Inhaltsplatzhalter 2"/>
          <p:cNvSpPr>
            <a:spLocks noGrp="1"/>
          </p:cNvSpPr>
          <p:nvPr>
            <p:ph idx="1"/>
          </p:nvPr>
        </p:nvSpPr>
        <p:spPr/>
        <p:txBody>
          <a:bodyPr/>
          <a:lstStyle>
            <a:lvl5pPr>
              <a:defRPr sz="1500">
                <a:latin typeface="Calibri" panose="020F0502020204030204" pitchFamily="34" charset="0"/>
                <a:cs typeface="Calibri" panose="020F0502020204030204" pitchFamily="34" charset="0"/>
              </a:defRPr>
            </a:lvl5pPr>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Tree>
    <p:extLst>
      <p:ext uri="{BB962C8B-B14F-4D97-AF65-F5344CB8AC3E}">
        <p14:creationId xmlns:p14="http://schemas.microsoft.com/office/powerpoint/2010/main" val="193863186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dirty="0"/>
              <a:t>Titelmasterformat durch Klicken bearbeiten</a:t>
            </a:r>
            <a:endParaRPr lang="de-CH" dirty="0"/>
          </a:p>
        </p:txBody>
      </p:sp>
    </p:spTree>
    <p:extLst>
      <p:ext uri="{BB962C8B-B14F-4D97-AF65-F5344CB8AC3E}">
        <p14:creationId xmlns:p14="http://schemas.microsoft.com/office/powerpoint/2010/main" val="293278711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Tree>
    <p:extLst>
      <p:ext uri="{BB962C8B-B14F-4D97-AF65-F5344CB8AC3E}">
        <p14:creationId xmlns:p14="http://schemas.microsoft.com/office/powerpoint/2010/main" val="33716293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grpSp>
        <p:nvGrpSpPr>
          <p:cNvPr id="10" name="Group 9"/>
          <p:cNvGrpSpPr/>
          <p:nvPr userDrawn="1"/>
        </p:nvGrpSpPr>
        <p:grpSpPr>
          <a:xfrm>
            <a:off x="2987824" y="3868434"/>
            <a:ext cx="5904656" cy="1133586"/>
            <a:chOff x="2987824" y="5157192"/>
            <a:chExt cx="5904656" cy="1511448"/>
          </a:xfrm>
        </p:grpSpPr>
        <p:pic>
          <p:nvPicPr>
            <p:cNvPr id="11" name="Picture 3" descr="D:\!Documents\!Customers\EuroGeographics\New Brand Guidelines\EG_brand_graphic\EG_brand_graphic_small_positive.eps"/>
            <p:cNvPicPr>
              <a:picLocks noChangeAspect="1" noChangeArrowheads="1"/>
            </p:cNvPicPr>
            <p:nvPr userDrawn="1"/>
          </p:nvPicPr>
          <p:blipFill rotWithShape="1">
            <a:blip r:embed="rId2">
              <a:duotone>
                <a:schemeClr val="accent6">
                  <a:shade val="45000"/>
                  <a:satMod val="135000"/>
                </a:schemeClr>
                <a:prstClr val="white"/>
              </a:duotone>
              <a:lum bright="40000" contrast="-40000"/>
              <a:extLst>
                <a:ext uri="{28A0092B-C50C-407E-A947-70E740481C1C}">
                  <a14:useLocalDpi xmlns:a14="http://schemas.microsoft.com/office/drawing/2010/main" val="0"/>
                </a:ext>
              </a:extLst>
            </a:blip>
            <a:srcRect l="439" t="-1808" r="12641" b="1808"/>
            <a:stretch/>
          </p:blipFill>
          <p:spPr bwMode="auto">
            <a:xfrm>
              <a:off x="2987824" y="5567795"/>
              <a:ext cx="5904656" cy="1100845"/>
            </a:xfrm>
            <a:prstGeom prst="roundRect">
              <a:avLst/>
            </a:prstGeom>
            <a:noFill/>
            <a:effectLst>
              <a:glow>
                <a:schemeClr val="bg1"/>
              </a:glow>
            </a:effectLst>
          </p:spPr>
        </p:pic>
        <p:sp>
          <p:nvSpPr>
            <p:cNvPr id="17" name="Rectangle 16"/>
            <p:cNvSpPr/>
            <p:nvPr userDrawn="1"/>
          </p:nvSpPr>
          <p:spPr>
            <a:xfrm>
              <a:off x="5508104" y="5157192"/>
              <a:ext cx="1080120" cy="8640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k-SK" sz="1350"/>
            </a:p>
          </p:txBody>
        </p:sp>
      </p:grpSp>
      <p:pic>
        <p:nvPicPr>
          <p:cNvPr id="13" name="Picture 2" descr="D:\!Documents\!Customers\EuroGeographics\New Brand Guidelines\logos for Sallie\Eurogeographics logo RGB.png"/>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467544" y="4677985"/>
            <a:ext cx="1008112" cy="240608"/>
          </a:xfrm>
          <a:prstGeom prst="rect">
            <a:avLst/>
          </a:prstGeom>
          <a:noFill/>
          <a:extLst>
            <a:ext uri="{909E8E84-426E-40DD-AFC4-6F175D3DCCD1}">
              <a14:hiddenFill xmlns:a14="http://schemas.microsoft.com/office/drawing/2010/main">
                <a:solidFill>
                  <a:srgbClr val="FFFFFF"/>
                </a:solidFill>
              </a14:hiddenFill>
            </a:ext>
          </a:extLst>
        </p:spPr>
      </p:pic>
      <p:sp>
        <p:nvSpPr>
          <p:cNvPr id="12" name="Rounded Rectangle 11"/>
          <p:cNvSpPr/>
          <p:nvPr userDrawn="1"/>
        </p:nvSpPr>
        <p:spPr>
          <a:xfrm>
            <a:off x="252000" y="141480"/>
            <a:ext cx="8640000" cy="4860000"/>
          </a:xfrm>
          <a:prstGeom prst="roundRect">
            <a:avLst>
              <a:gd name="adj" fmla="val 3010"/>
            </a:avLst>
          </a:prstGeom>
          <a:noFill/>
          <a:ln>
            <a:solidFill>
              <a:srgbClr val="CC5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k-SK" sz="1350"/>
          </a:p>
        </p:txBody>
      </p:sp>
      <p:sp>
        <p:nvSpPr>
          <p:cNvPr id="14" name="TextBox 13"/>
          <p:cNvSpPr txBox="1"/>
          <p:nvPr userDrawn="1"/>
        </p:nvSpPr>
        <p:spPr>
          <a:xfrm>
            <a:off x="1475656" y="4629315"/>
            <a:ext cx="1152128" cy="346249"/>
          </a:xfrm>
          <a:prstGeom prst="rect">
            <a:avLst/>
          </a:prstGeom>
          <a:noFill/>
        </p:spPr>
        <p:txBody>
          <a:bodyPr wrap="square" rtlCol="0">
            <a:spAutoFit/>
          </a:bodyPr>
          <a:lstStyle/>
          <a:p>
            <a:pPr algn="l"/>
            <a:r>
              <a:rPr lang="en-US" sz="750" b="1" kern="1200" dirty="0">
                <a:solidFill>
                  <a:srgbClr val="333399"/>
                </a:solidFill>
                <a:effectLst/>
                <a:latin typeface="+mn-lt"/>
                <a:ea typeface="+mn-ea"/>
                <a:cs typeface="+mn-cs"/>
              </a:rPr>
              <a:t>CLRKEN</a:t>
            </a:r>
            <a:endParaRPr lang="de-CH" sz="750" kern="1200" dirty="0">
              <a:solidFill>
                <a:srgbClr val="333399"/>
              </a:solidFill>
              <a:effectLst/>
              <a:latin typeface="+mn-lt"/>
              <a:ea typeface="+mn-ea"/>
              <a:cs typeface="+mn-cs"/>
            </a:endParaRPr>
          </a:p>
          <a:p>
            <a:pPr algn="l"/>
            <a:r>
              <a:rPr lang="en-US" sz="450" b="1" kern="1200" dirty="0">
                <a:solidFill>
                  <a:schemeClr val="tx1"/>
                </a:solidFill>
                <a:effectLst/>
                <a:latin typeface="+mn-lt"/>
                <a:ea typeface="+mn-ea"/>
                <a:cs typeface="+mn-cs"/>
              </a:rPr>
              <a:t>Cadastre + Land Registry</a:t>
            </a:r>
            <a:endParaRPr lang="de-CH" sz="450" kern="1200" dirty="0">
              <a:solidFill>
                <a:schemeClr val="tx1"/>
              </a:solidFill>
              <a:effectLst/>
              <a:latin typeface="+mn-lt"/>
              <a:ea typeface="+mn-ea"/>
              <a:cs typeface="+mn-cs"/>
            </a:endParaRPr>
          </a:p>
          <a:p>
            <a:pPr algn="l"/>
            <a:r>
              <a:rPr lang="en-US" sz="450" b="1" kern="1200" dirty="0">
                <a:solidFill>
                  <a:schemeClr val="tx1"/>
                </a:solidFill>
                <a:effectLst/>
                <a:latin typeface="+mn-lt"/>
                <a:ea typeface="+mn-ea"/>
                <a:cs typeface="+mn-cs"/>
              </a:rPr>
              <a:t>Knowledge Exchange Network</a:t>
            </a:r>
            <a:endParaRPr lang="de-CH" sz="450" kern="1200" dirty="0">
              <a:solidFill>
                <a:schemeClr val="tx1"/>
              </a:solidFill>
              <a:effectLst/>
              <a:latin typeface="+mn-lt"/>
              <a:ea typeface="+mn-ea"/>
              <a:cs typeface="+mn-cs"/>
            </a:endParaRPr>
          </a:p>
        </p:txBody>
      </p:sp>
      <p:sp>
        <p:nvSpPr>
          <p:cNvPr id="16" name="Title 1"/>
          <p:cNvSpPr>
            <a:spLocks noGrp="1"/>
          </p:cNvSpPr>
          <p:nvPr>
            <p:ph type="title"/>
          </p:nvPr>
        </p:nvSpPr>
        <p:spPr>
          <a:xfrm>
            <a:off x="457200" y="303498"/>
            <a:ext cx="8229600" cy="597713"/>
          </a:xfrm>
        </p:spPr>
        <p:txBody>
          <a:bodyPr/>
          <a:lstStyle>
            <a:lvl1pPr algn="l">
              <a:defRPr/>
            </a:lvl1pPr>
          </a:lstStyle>
          <a:p>
            <a:endParaRPr lang="sk-SK" dirty="0"/>
          </a:p>
        </p:txBody>
      </p:sp>
      <p:sp>
        <p:nvSpPr>
          <p:cNvPr id="18" name="Content Placeholder 2"/>
          <p:cNvSpPr>
            <a:spLocks noGrp="1"/>
          </p:cNvSpPr>
          <p:nvPr>
            <p:ph idx="1"/>
          </p:nvPr>
        </p:nvSpPr>
        <p:spPr>
          <a:xfrm>
            <a:off x="467544" y="1005577"/>
            <a:ext cx="8229600" cy="3510391"/>
          </a:xfrm>
        </p:spPr>
        <p:txBody>
          <a:bodyPr/>
          <a:lstStyle/>
          <a:p>
            <a:endParaRPr lang="sk-SK" dirty="0"/>
          </a:p>
        </p:txBody>
      </p:sp>
    </p:spTree>
    <p:extLst>
      <p:ext uri="{BB962C8B-B14F-4D97-AF65-F5344CB8AC3E}">
        <p14:creationId xmlns:p14="http://schemas.microsoft.com/office/powerpoint/2010/main" val="299114095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15" name="Rounded Rectangle 14"/>
          <p:cNvSpPr/>
          <p:nvPr userDrawn="1"/>
        </p:nvSpPr>
        <p:spPr>
          <a:xfrm>
            <a:off x="252000" y="141480"/>
            <a:ext cx="8640000" cy="4860000"/>
          </a:xfrm>
          <a:prstGeom prst="roundRect">
            <a:avLst>
              <a:gd name="adj" fmla="val 3010"/>
            </a:avLst>
          </a:prstGeom>
          <a:solidFill>
            <a:schemeClr val="bg1"/>
          </a:solidFill>
          <a:ln>
            <a:solidFill>
              <a:srgbClr val="CC5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k-SK" sz="1350"/>
          </a:p>
        </p:txBody>
      </p:sp>
      <p:pic>
        <p:nvPicPr>
          <p:cNvPr id="9" name="Picture 2" descr="D:\!Documents\!Customers\EuroGeographics\New Brand Guidelines\logos for Sallie\Eurogeographics logo RGB.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467544" y="4677985"/>
            <a:ext cx="1008112" cy="240608"/>
          </a:xfrm>
          <a:prstGeom prst="rect">
            <a:avLst/>
          </a:prstGeom>
          <a:noFill/>
          <a:extLst>
            <a:ext uri="{909E8E84-426E-40DD-AFC4-6F175D3DCCD1}">
              <a14:hiddenFill xmlns:a14="http://schemas.microsoft.com/office/drawing/2010/main">
                <a:solidFill>
                  <a:srgbClr val="FFFFFF"/>
                </a:solidFill>
              </a14:hiddenFill>
            </a:ext>
          </a:extLst>
        </p:spPr>
      </p:pic>
      <p:sp>
        <p:nvSpPr>
          <p:cNvPr id="7" name="Title 1"/>
          <p:cNvSpPr>
            <a:spLocks noGrp="1"/>
          </p:cNvSpPr>
          <p:nvPr>
            <p:ph type="title"/>
          </p:nvPr>
        </p:nvSpPr>
        <p:spPr>
          <a:xfrm>
            <a:off x="457200" y="303498"/>
            <a:ext cx="8229600" cy="597713"/>
          </a:xfrm>
        </p:spPr>
        <p:txBody>
          <a:bodyPr/>
          <a:lstStyle>
            <a:lvl1pPr algn="l">
              <a:defRPr/>
            </a:lvl1pPr>
          </a:lstStyle>
          <a:p>
            <a:endParaRPr lang="sk-SK" dirty="0"/>
          </a:p>
        </p:txBody>
      </p:sp>
      <p:sp>
        <p:nvSpPr>
          <p:cNvPr id="10" name="Content Placeholder 2"/>
          <p:cNvSpPr>
            <a:spLocks noGrp="1"/>
          </p:cNvSpPr>
          <p:nvPr>
            <p:ph idx="1"/>
          </p:nvPr>
        </p:nvSpPr>
        <p:spPr>
          <a:xfrm>
            <a:off x="467544" y="1005577"/>
            <a:ext cx="8229600" cy="3510391"/>
          </a:xfrm>
        </p:spPr>
        <p:txBody>
          <a:bodyPr/>
          <a:lstStyle/>
          <a:p>
            <a:endParaRPr lang="sk-SK" dirty="0"/>
          </a:p>
        </p:txBody>
      </p:sp>
      <p:sp>
        <p:nvSpPr>
          <p:cNvPr id="11" name="TextBox 13"/>
          <p:cNvSpPr txBox="1"/>
          <p:nvPr userDrawn="1"/>
        </p:nvSpPr>
        <p:spPr>
          <a:xfrm>
            <a:off x="1475656" y="4629315"/>
            <a:ext cx="1152128" cy="346249"/>
          </a:xfrm>
          <a:prstGeom prst="rect">
            <a:avLst/>
          </a:prstGeom>
          <a:noFill/>
        </p:spPr>
        <p:txBody>
          <a:bodyPr wrap="square" rtlCol="0">
            <a:spAutoFit/>
          </a:bodyPr>
          <a:lstStyle/>
          <a:p>
            <a:pPr algn="l"/>
            <a:r>
              <a:rPr lang="en-US" sz="750" b="1" kern="1200" dirty="0">
                <a:solidFill>
                  <a:srgbClr val="333399"/>
                </a:solidFill>
                <a:effectLst/>
                <a:latin typeface="+mn-lt"/>
                <a:ea typeface="+mn-ea"/>
                <a:cs typeface="+mn-cs"/>
              </a:rPr>
              <a:t>CLRKEN</a:t>
            </a:r>
            <a:endParaRPr lang="de-CH" sz="750" kern="1200" dirty="0">
              <a:solidFill>
                <a:srgbClr val="333399"/>
              </a:solidFill>
              <a:effectLst/>
              <a:latin typeface="+mn-lt"/>
              <a:ea typeface="+mn-ea"/>
              <a:cs typeface="+mn-cs"/>
            </a:endParaRPr>
          </a:p>
          <a:p>
            <a:pPr algn="l"/>
            <a:r>
              <a:rPr lang="en-US" sz="450" b="1" kern="1200" dirty="0">
                <a:solidFill>
                  <a:schemeClr val="tx1"/>
                </a:solidFill>
                <a:effectLst/>
                <a:latin typeface="+mn-lt"/>
                <a:ea typeface="+mn-ea"/>
                <a:cs typeface="+mn-cs"/>
              </a:rPr>
              <a:t>Cadastre + Land Registry</a:t>
            </a:r>
            <a:endParaRPr lang="de-CH" sz="450" kern="1200" dirty="0">
              <a:solidFill>
                <a:schemeClr val="tx1"/>
              </a:solidFill>
              <a:effectLst/>
              <a:latin typeface="+mn-lt"/>
              <a:ea typeface="+mn-ea"/>
              <a:cs typeface="+mn-cs"/>
            </a:endParaRPr>
          </a:p>
          <a:p>
            <a:pPr algn="l"/>
            <a:r>
              <a:rPr lang="en-US" sz="450" b="1" kern="1200" dirty="0">
                <a:solidFill>
                  <a:schemeClr val="tx1"/>
                </a:solidFill>
                <a:effectLst/>
                <a:latin typeface="+mn-lt"/>
                <a:ea typeface="+mn-ea"/>
                <a:cs typeface="+mn-cs"/>
              </a:rPr>
              <a:t>Knowledge Exchange Network</a:t>
            </a:r>
            <a:endParaRPr lang="de-CH" sz="450" kern="1200" dirty="0">
              <a:solidFill>
                <a:schemeClr val="tx1"/>
              </a:solidFill>
              <a:effectLst/>
              <a:latin typeface="+mn-lt"/>
              <a:ea typeface="+mn-ea"/>
              <a:cs typeface="+mn-cs"/>
            </a:endParaRPr>
          </a:p>
        </p:txBody>
      </p:sp>
    </p:spTree>
    <p:extLst>
      <p:ext uri="{BB962C8B-B14F-4D97-AF65-F5344CB8AC3E}">
        <p14:creationId xmlns:p14="http://schemas.microsoft.com/office/powerpoint/2010/main" val="87102016"/>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ags" Target="../tags/tag4.xml"/><Relationship Id="rId5" Type="http://schemas.openxmlformats.org/officeDocument/2006/relationships/tags" Target="../tags/tag3.xml"/><Relationship Id="rId4" Type="http://schemas.openxmlformats.org/officeDocument/2006/relationships/tags" Target="../tags/tag2.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slideLayout" Target="../slideLayouts/slideLayout4.xml"/><Relationship Id="rId1" Type="http://schemas.openxmlformats.org/officeDocument/2006/relationships/slideLayout" Target="../slideLayouts/slideLayout3.xml"/><Relationship Id="rId5" Type="http://schemas.openxmlformats.org/officeDocument/2006/relationships/image" Target="../media/image3.png"/><Relationship Id="rId4"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3" Type="http://schemas.openxmlformats.org/officeDocument/2006/relationships/theme" Target="../theme/theme3.xml"/><Relationship Id="rId2" Type="http://schemas.openxmlformats.org/officeDocument/2006/relationships/slideLayout" Target="../slideLayouts/slideLayout7.xml"/><Relationship Id="rId1" Type="http://schemas.openxmlformats.org/officeDocument/2006/relationships/slideLayout" Target="../slideLayouts/slideLayout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4"/>
            </p:custDataLst>
          </p:nvPr>
        </p:nvSpPr>
        <p:spPr>
          <a:xfrm>
            <a:off x="1296000" y="243000"/>
            <a:ext cx="7488000" cy="729000"/>
          </a:xfrm>
          <a:prstGeom prst="rect">
            <a:avLst/>
          </a:prstGeom>
        </p:spPr>
        <p:txBody>
          <a:bodyPr vert="horz" lIns="91440" tIns="45720" rIns="91440" bIns="45720" rtlCol="0" anchor="ctr">
            <a:noAutofit/>
          </a:bodyPr>
          <a:lstStyle/>
          <a:p>
            <a:r>
              <a:rPr lang="de-CH" dirty="0"/>
              <a:t>Titelmasterformat durch Klicken bearbeiten</a:t>
            </a:r>
          </a:p>
        </p:txBody>
      </p:sp>
      <p:sp>
        <p:nvSpPr>
          <p:cNvPr id="3" name="Textplatzhalter 2"/>
          <p:cNvSpPr>
            <a:spLocks noGrp="1"/>
          </p:cNvSpPr>
          <p:nvPr>
            <p:ph type="body" idx="1"/>
            <p:custDataLst>
              <p:tags r:id="rId5"/>
            </p:custDataLst>
          </p:nvPr>
        </p:nvSpPr>
        <p:spPr>
          <a:xfrm>
            <a:off x="1296000" y="1080000"/>
            <a:ext cx="7488000" cy="3645000"/>
          </a:xfrm>
          <a:prstGeom prst="rect">
            <a:avLst/>
          </a:prstGeom>
        </p:spPr>
        <p:txBody>
          <a:bodyPr vert="horz" lIns="91440" tIns="45720" rIns="91440" bIns="45720" rtlCol="0">
            <a:normAutofit/>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5" name="Slide Number Placeholder 4"/>
          <p:cNvSpPr>
            <a:spLocks noGrp="1"/>
          </p:cNvSpPr>
          <p:nvPr>
            <p:ph type="sldNum" sz="quarter" idx="4"/>
            <p:custDataLst>
              <p:tags r:id="rId6"/>
            </p:custDataLst>
          </p:nvPr>
        </p:nvSpPr>
        <p:spPr>
          <a:xfrm>
            <a:off x="6553200" y="4767264"/>
            <a:ext cx="21336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FDAEC522-1920-4A7F-86F1-556555E3AD95}" type="slidenum">
              <a:rPr lang="de-CH" smtClean="0"/>
              <a:t>‹Nr.›</a:t>
            </a:fld>
            <a:endParaRPr lang="de-CH" dirty="0"/>
          </a:p>
        </p:txBody>
      </p:sp>
    </p:spTree>
    <p:extLst>
      <p:ext uri="{BB962C8B-B14F-4D97-AF65-F5344CB8AC3E}">
        <p14:creationId xmlns:p14="http://schemas.microsoft.com/office/powerpoint/2010/main" val="3627537500"/>
      </p:ext>
    </p:extLst>
  </p:cSld>
  <p:clrMap bg1="lt1" tx1="dk1" bg2="lt2" tx2="dk2" accent1="accent1" accent2="accent2" accent3="accent3" accent4="accent4" accent5="accent5" accent6="accent6" hlink="hlink" folHlink="folHlink"/>
  <p:sldLayoutIdLst>
    <p:sldLayoutId id="2147484212" r:id="rId1"/>
    <p:sldLayoutId id="2147484241" r:id="rId2"/>
  </p:sldLayoutIdLst>
  <p:hf hdr="0" ftr="0" dt="0"/>
  <p:txStyles>
    <p:titleStyle>
      <a:lvl1pPr algn="l" defTabSz="685800" rtl="0" eaLnBrk="1" latinLnBrk="0" hangingPunct="1">
        <a:spcBef>
          <a:spcPct val="0"/>
        </a:spcBef>
        <a:buNone/>
        <a:defRPr sz="2400" b="1" kern="1200">
          <a:solidFill>
            <a:schemeClr val="tx1"/>
          </a:solidFill>
          <a:latin typeface="Arial" pitchFamily="34" charset="0"/>
          <a:ea typeface="+mj-ea"/>
          <a:cs typeface="Arial" pitchFamily="34" charset="0"/>
        </a:defRPr>
      </a:lvl1pPr>
    </p:titleStyle>
    <p:bodyStyle>
      <a:lvl1pPr marL="189000" indent="-189000" algn="l" defTabSz="685800" rtl="0" eaLnBrk="1" latinLnBrk="0" hangingPunct="1">
        <a:spcBef>
          <a:spcPts val="0"/>
        </a:spcBef>
        <a:buFont typeface="Arial" pitchFamily="34" charset="0"/>
        <a:buChar char="•"/>
        <a:defRPr sz="2100" kern="1200">
          <a:solidFill>
            <a:schemeClr val="tx1"/>
          </a:solidFill>
          <a:latin typeface="Arial" pitchFamily="34" charset="0"/>
          <a:ea typeface="+mn-ea"/>
          <a:cs typeface="Arial" pitchFamily="34" charset="0"/>
        </a:defRPr>
      </a:lvl1pPr>
      <a:lvl2pPr marL="405000" indent="-189000" algn="l" defTabSz="685800" rtl="0" eaLnBrk="1" latinLnBrk="0" hangingPunct="1">
        <a:spcBef>
          <a:spcPts val="0"/>
        </a:spcBef>
        <a:buFont typeface="Arial" pitchFamily="34" charset="0"/>
        <a:buChar char="•"/>
        <a:defRPr sz="2100" kern="1200">
          <a:solidFill>
            <a:schemeClr val="tx1"/>
          </a:solidFill>
          <a:latin typeface="Arial" pitchFamily="34" charset="0"/>
          <a:ea typeface="+mn-ea"/>
          <a:cs typeface="Arial" pitchFamily="34" charset="0"/>
        </a:defRPr>
      </a:lvl2pPr>
      <a:lvl3pPr marL="621000" indent="-189000" algn="l" defTabSz="685800" rtl="0" eaLnBrk="1" latinLnBrk="0" hangingPunct="1">
        <a:spcBef>
          <a:spcPts val="0"/>
        </a:spcBef>
        <a:buFont typeface="Arial" pitchFamily="34" charset="0"/>
        <a:buChar char="•"/>
        <a:defRPr sz="2100" kern="1200">
          <a:solidFill>
            <a:schemeClr val="tx1"/>
          </a:solidFill>
          <a:latin typeface="Arial" pitchFamily="34" charset="0"/>
          <a:ea typeface="+mn-ea"/>
          <a:cs typeface="Arial" pitchFamily="34" charset="0"/>
        </a:defRPr>
      </a:lvl3pPr>
      <a:lvl4pPr marL="837000" indent="-189000" algn="l" defTabSz="685800" rtl="0" eaLnBrk="1" latinLnBrk="0" hangingPunct="1">
        <a:spcBef>
          <a:spcPts val="0"/>
        </a:spcBef>
        <a:buFont typeface="Arial" pitchFamily="34" charset="0"/>
        <a:buChar char="•"/>
        <a:defRPr sz="2100" kern="1200">
          <a:solidFill>
            <a:schemeClr val="tx1"/>
          </a:solidFill>
          <a:latin typeface="Arial" pitchFamily="34" charset="0"/>
          <a:ea typeface="+mn-ea"/>
          <a:cs typeface="Arial" pitchFamily="34" charset="0"/>
        </a:defRPr>
      </a:lvl4pPr>
      <a:lvl5pPr marL="1053000" indent="-189000" algn="l" defTabSz="685800" rtl="0" eaLnBrk="1" latinLnBrk="0" hangingPunct="1">
        <a:spcBef>
          <a:spcPts val="0"/>
        </a:spcBef>
        <a:buFont typeface="Arial" pitchFamily="34" charset="0"/>
        <a:buChar char="•"/>
        <a:defRPr sz="1950" kern="1200">
          <a:solidFill>
            <a:schemeClr val="tx1"/>
          </a:solidFill>
          <a:latin typeface="Arial" pitchFamily="34" charset="0"/>
          <a:ea typeface="+mn-ea"/>
          <a:cs typeface="Arial" pitchFamily="34" charset="0"/>
        </a:defRPr>
      </a:lvl5pPr>
      <a:lvl6pPr marL="18859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9pPr>
    </p:bodyStyle>
    <p:otherStyle>
      <a:defPPr>
        <a:defRPr lang="de-DE"/>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7" name="Rectangle 27"/>
          <p:cNvSpPr>
            <a:spLocks noGrp="1" noChangeArrowheads="1"/>
          </p:cNvSpPr>
          <p:nvPr>
            <p:ph type="title"/>
          </p:nvPr>
        </p:nvSpPr>
        <p:spPr bwMode="auto">
          <a:xfrm>
            <a:off x="1296989" y="242889"/>
            <a:ext cx="7461250" cy="7417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es-419" altLang="de-DE" noProof="0" dirty="0"/>
              <a:t>Der Titel kann einzeilig sein</a:t>
            </a:r>
          </a:p>
        </p:txBody>
      </p:sp>
      <p:sp>
        <p:nvSpPr>
          <p:cNvPr id="1028" name="Rectangle 28"/>
          <p:cNvSpPr>
            <a:spLocks noGrp="1" noChangeArrowheads="1"/>
          </p:cNvSpPr>
          <p:nvPr>
            <p:ph type="body" idx="1"/>
          </p:nvPr>
        </p:nvSpPr>
        <p:spPr bwMode="auto">
          <a:xfrm>
            <a:off x="1285876" y="1087041"/>
            <a:ext cx="7472363" cy="340875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es-419" altLang="de-DE" noProof="0" dirty="0"/>
              <a:t>Um den Fliesstext übersichtlich zu halten, sollten Abschnitte gemacht werden. Diese werden zur besseren Lesbarkeit jeweils mit einer Blindzeile getrennt.</a:t>
            </a:r>
            <a:br>
              <a:rPr lang="es-419" altLang="de-DE" noProof="0" dirty="0"/>
            </a:br>
            <a:endParaRPr lang="es-419" altLang="de-DE" noProof="0" dirty="0"/>
          </a:p>
          <a:p>
            <a:pPr lvl="0"/>
            <a:r>
              <a:rPr lang="es-419" altLang="de-DE" noProof="0" dirty="0"/>
              <a:t>Klicken Sie, um die Formate des Vorlagentextes zu bearbeiten</a:t>
            </a:r>
          </a:p>
          <a:p>
            <a:pPr lvl="1"/>
            <a:r>
              <a:rPr lang="es-419" altLang="de-DE" noProof="0" dirty="0"/>
              <a:t>Zweite Ebene</a:t>
            </a:r>
          </a:p>
          <a:p>
            <a:pPr lvl="2"/>
            <a:r>
              <a:rPr lang="es-419" altLang="de-DE" noProof="0" dirty="0"/>
              <a:t>Dritte Ebene</a:t>
            </a:r>
          </a:p>
          <a:p>
            <a:pPr lvl="3"/>
            <a:r>
              <a:rPr lang="es-419" altLang="de-DE" noProof="0" dirty="0"/>
              <a:t>Vierte Ebene</a:t>
            </a:r>
          </a:p>
        </p:txBody>
      </p:sp>
      <p:sp>
        <p:nvSpPr>
          <p:cNvPr id="1029" name="Text Box 33"/>
          <p:cNvSpPr txBox="1">
            <a:spLocks noChangeArrowheads="1"/>
          </p:cNvSpPr>
          <p:nvPr/>
        </p:nvSpPr>
        <p:spPr bwMode="auto">
          <a:xfrm>
            <a:off x="6448425" y="4820842"/>
            <a:ext cx="2266950" cy="10150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algn="r" eaLnBrk="0" fontAlgn="base" hangingPunct="0">
              <a:lnSpc>
                <a:spcPct val="105000"/>
              </a:lnSpc>
              <a:spcBef>
                <a:spcPct val="50000"/>
              </a:spcBef>
              <a:spcAft>
                <a:spcPct val="0"/>
              </a:spcAft>
              <a:defRPr/>
            </a:pPr>
            <a:fld id="{17361FBE-071B-442B-B263-C0973DBDDC20}" type="slidenum">
              <a:rPr lang="es-419" altLang="de-DE" sz="675" noProof="0" smtClean="0">
                <a:solidFill>
                  <a:srgbClr val="000000"/>
                </a:solidFill>
                <a:latin typeface="Arial" charset="0"/>
              </a:rPr>
              <a:pPr algn="r" eaLnBrk="0" fontAlgn="base" hangingPunct="0">
                <a:lnSpc>
                  <a:spcPct val="105000"/>
                </a:lnSpc>
                <a:spcBef>
                  <a:spcPct val="50000"/>
                </a:spcBef>
                <a:spcAft>
                  <a:spcPct val="0"/>
                </a:spcAft>
                <a:defRPr/>
              </a:pPr>
              <a:t>‹Nr.›</a:t>
            </a:fld>
            <a:r>
              <a:rPr lang="es-419" altLang="de-DE" sz="675" noProof="0" dirty="0">
                <a:solidFill>
                  <a:srgbClr val="000000"/>
                </a:solidFill>
                <a:latin typeface="Arial" charset="0"/>
              </a:rPr>
              <a:t> </a:t>
            </a:r>
          </a:p>
        </p:txBody>
      </p:sp>
      <p:sp>
        <p:nvSpPr>
          <p:cNvPr id="1030" name="AutoShape 34"/>
          <p:cNvSpPr>
            <a:spLocks noChangeArrowheads="1"/>
          </p:cNvSpPr>
          <p:nvPr/>
        </p:nvSpPr>
        <p:spPr bwMode="auto">
          <a:xfrm>
            <a:off x="1308794" y="4797029"/>
            <a:ext cx="3551238" cy="142732"/>
          </a:xfrm>
          <a:prstGeom prst="octagon">
            <a:avLst>
              <a:gd name="adj" fmla="val 29287"/>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eaLnBrk="0" fontAlgn="base" hangingPunct="0">
              <a:lnSpc>
                <a:spcPct val="105000"/>
              </a:lnSpc>
              <a:spcBef>
                <a:spcPct val="50000"/>
              </a:spcBef>
              <a:spcAft>
                <a:spcPct val="0"/>
              </a:spcAft>
              <a:defRPr/>
            </a:pPr>
            <a:r>
              <a:rPr lang="es-419" altLang="de-DE" sz="675" b="1" noProof="0" dirty="0">
                <a:solidFill>
                  <a:srgbClr val="000000"/>
                </a:solidFill>
                <a:latin typeface="Arial" charset="0"/>
              </a:rPr>
              <a:t>Federal Office of Topography swisstopo</a:t>
            </a:r>
            <a:endParaRPr lang="es-419" altLang="de-DE" sz="675" noProof="0" dirty="0">
              <a:solidFill>
                <a:srgbClr val="000000"/>
              </a:solidFill>
              <a:latin typeface="Arial" charset="0"/>
            </a:endParaRPr>
          </a:p>
        </p:txBody>
      </p:sp>
      <p:sp>
        <p:nvSpPr>
          <p:cNvPr id="1031" name="Line 40"/>
          <p:cNvSpPr>
            <a:spLocks noChangeShapeType="1"/>
          </p:cNvSpPr>
          <p:nvPr/>
        </p:nvSpPr>
        <p:spPr bwMode="auto">
          <a:xfrm flipH="1">
            <a:off x="1325564" y="4788694"/>
            <a:ext cx="7496175"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eaLnBrk="0" fontAlgn="base" hangingPunct="0">
              <a:spcBef>
                <a:spcPct val="0"/>
              </a:spcBef>
              <a:spcAft>
                <a:spcPct val="0"/>
              </a:spcAft>
            </a:pPr>
            <a:endParaRPr lang="es-419" sz="1800" noProof="0" dirty="0">
              <a:solidFill>
                <a:srgbClr val="000000"/>
              </a:solidFill>
              <a:latin typeface="Times" pitchFamily="18" charset="0"/>
            </a:endParaRPr>
          </a:p>
        </p:txBody>
      </p:sp>
      <p:sp>
        <p:nvSpPr>
          <p:cNvPr id="1032" name="AutoShape 41"/>
          <p:cNvSpPr>
            <a:spLocks noChangeArrowheads="1"/>
          </p:cNvSpPr>
          <p:nvPr/>
        </p:nvSpPr>
        <p:spPr bwMode="auto">
          <a:xfrm>
            <a:off x="1270001" y="4970860"/>
            <a:ext cx="3506788" cy="77001"/>
          </a:xfrm>
          <a:prstGeom prst="octagon">
            <a:avLst>
              <a:gd name="adj" fmla="val 29287"/>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eaLnBrk="0" fontAlgn="base" hangingPunct="0">
              <a:lnSpc>
                <a:spcPct val="45000"/>
              </a:lnSpc>
              <a:spcBef>
                <a:spcPct val="50000"/>
              </a:spcBef>
              <a:spcAft>
                <a:spcPct val="0"/>
              </a:spcAft>
              <a:defRPr/>
            </a:pPr>
            <a:endParaRPr lang="es-419" altLang="de-DE" sz="675" noProof="0" dirty="0">
              <a:solidFill>
                <a:srgbClr val="000000"/>
              </a:solidFill>
              <a:latin typeface="Arial" charset="0"/>
            </a:endParaRPr>
          </a:p>
        </p:txBody>
      </p:sp>
      <p:pic>
        <p:nvPicPr>
          <p:cNvPr id="1034" name="Picture 44" descr="Schweizerkreuz_rgb"/>
          <p:cNvPicPr>
            <a:picLocks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58775" y="294086"/>
            <a:ext cx="270000" cy="29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AutoShape 34"/>
          <p:cNvSpPr>
            <a:spLocks noChangeArrowheads="1"/>
          </p:cNvSpPr>
          <p:nvPr userDrawn="1"/>
        </p:nvSpPr>
        <p:spPr bwMode="auto">
          <a:xfrm>
            <a:off x="4672806" y="4803047"/>
            <a:ext cx="3551238" cy="126863"/>
          </a:xfrm>
          <a:prstGeom prst="octagon">
            <a:avLst>
              <a:gd name="adj" fmla="val 29287"/>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lvl1pPr>
              <a:defRPr sz="2400">
                <a:solidFill>
                  <a:schemeClr val="tx1"/>
                </a:solidFill>
                <a:latin typeface="Times" pitchFamily="18" charset="0"/>
              </a:defRPr>
            </a:lvl1pPr>
            <a:lvl2pPr marL="742950" indent="-285750">
              <a:defRPr sz="2400">
                <a:solidFill>
                  <a:schemeClr val="tx1"/>
                </a:solidFill>
                <a:latin typeface="Times" pitchFamily="18" charset="0"/>
              </a:defRPr>
            </a:lvl2pPr>
            <a:lvl3pPr marL="1143000" indent="-228600">
              <a:defRPr sz="2400">
                <a:solidFill>
                  <a:schemeClr val="tx1"/>
                </a:solidFill>
                <a:latin typeface="Times" pitchFamily="18" charset="0"/>
              </a:defRPr>
            </a:lvl3pPr>
            <a:lvl4pPr marL="1600200" indent="-228600">
              <a:defRPr sz="2400">
                <a:solidFill>
                  <a:schemeClr val="tx1"/>
                </a:solidFill>
                <a:latin typeface="Times" pitchFamily="18" charset="0"/>
              </a:defRPr>
            </a:lvl4pPr>
            <a:lvl5pPr marL="2057400" indent="-228600">
              <a:defRPr sz="2400">
                <a:solidFill>
                  <a:schemeClr val="tx1"/>
                </a:solidFill>
                <a:latin typeface="Times" pitchFamily="18" charset="0"/>
              </a:defRPr>
            </a:lvl5pPr>
            <a:lvl6pPr marL="2514600" indent="-228600" eaLnBrk="0" fontAlgn="base" hangingPunct="0">
              <a:spcBef>
                <a:spcPct val="0"/>
              </a:spcBef>
              <a:spcAft>
                <a:spcPct val="0"/>
              </a:spcAft>
              <a:defRPr sz="2400">
                <a:solidFill>
                  <a:schemeClr val="tx1"/>
                </a:solidFill>
                <a:latin typeface="Times" pitchFamily="18" charset="0"/>
              </a:defRPr>
            </a:lvl6pPr>
            <a:lvl7pPr marL="2971800" indent="-228600" eaLnBrk="0" fontAlgn="base" hangingPunct="0">
              <a:spcBef>
                <a:spcPct val="0"/>
              </a:spcBef>
              <a:spcAft>
                <a:spcPct val="0"/>
              </a:spcAft>
              <a:defRPr sz="2400">
                <a:solidFill>
                  <a:schemeClr val="tx1"/>
                </a:solidFill>
                <a:latin typeface="Times" pitchFamily="18" charset="0"/>
              </a:defRPr>
            </a:lvl7pPr>
            <a:lvl8pPr marL="3429000" indent="-228600" eaLnBrk="0" fontAlgn="base" hangingPunct="0">
              <a:spcBef>
                <a:spcPct val="0"/>
              </a:spcBef>
              <a:spcAft>
                <a:spcPct val="0"/>
              </a:spcAft>
              <a:defRPr sz="2400">
                <a:solidFill>
                  <a:schemeClr val="tx1"/>
                </a:solidFill>
                <a:latin typeface="Times" pitchFamily="18" charset="0"/>
              </a:defRPr>
            </a:lvl8pPr>
            <a:lvl9pPr marL="3886200" indent="-228600" eaLnBrk="0" fontAlgn="base" hangingPunct="0">
              <a:spcBef>
                <a:spcPct val="0"/>
              </a:spcBef>
              <a:spcAft>
                <a:spcPct val="0"/>
              </a:spcAft>
              <a:defRPr sz="2400">
                <a:solidFill>
                  <a:schemeClr val="tx1"/>
                </a:solidFill>
                <a:latin typeface="Times" pitchFamily="18" charset="0"/>
              </a:defRPr>
            </a:lvl9pPr>
          </a:lstStyle>
          <a:p>
            <a:pPr eaLnBrk="0" fontAlgn="base" hangingPunct="0">
              <a:lnSpc>
                <a:spcPct val="105000"/>
              </a:lnSpc>
              <a:spcBef>
                <a:spcPct val="50000"/>
              </a:spcBef>
              <a:spcAft>
                <a:spcPct val="0"/>
              </a:spcAft>
              <a:defRPr/>
            </a:pPr>
            <a:r>
              <a:rPr lang="es-419" altLang="de-DE" sz="600" b="0" noProof="0" dirty="0">
                <a:solidFill>
                  <a:srgbClr val="000000"/>
                </a:solidFill>
                <a:latin typeface="Arial" charset="0"/>
              </a:rPr>
              <a:t>Delegaciones de colombia y peru, 2 de septiembre 2024</a:t>
            </a:r>
          </a:p>
        </p:txBody>
      </p:sp>
    </p:spTree>
    <p:extLst>
      <p:ext uri="{BB962C8B-B14F-4D97-AF65-F5344CB8AC3E}">
        <p14:creationId xmlns:p14="http://schemas.microsoft.com/office/powerpoint/2010/main" val="1864386015"/>
      </p:ext>
    </p:extLst>
  </p:cSld>
  <p:clrMap bg1="lt1" tx1="dk1" bg2="lt2" tx2="dk2" accent1="accent1" accent2="accent2" accent3="accent3" accent4="accent4" accent5="accent5" accent6="accent6" hlink="hlink" folHlink="folHlink"/>
  <p:sldLayoutIdLst>
    <p:sldLayoutId id="2147484216" r:id="rId1"/>
    <p:sldLayoutId id="2147484220" r:id="rId2"/>
    <p:sldLayoutId id="2147484221" r:id="rId3"/>
  </p:sldLayoutIdLst>
  <p:hf sldNum="0" hdr="0" ftr="0"/>
  <p:txStyles>
    <p:titleStyle>
      <a:lvl1pPr algn="l" rtl="0" eaLnBrk="0" fontAlgn="base" hangingPunct="0">
        <a:spcBef>
          <a:spcPct val="0"/>
        </a:spcBef>
        <a:spcAft>
          <a:spcPct val="0"/>
        </a:spcAft>
        <a:defRPr sz="2400" b="1">
          <a:solidFill>
            <a:srgbClr val="C00000"/>
          </a:solidFill>
          <a:latin typeface="+mn-lt"/>
          <a:ea typeface="+mj-ea"/>
          <a:cs typeface="Calibri" panose="020F0502020204030204" pitchFamily="34" charset="0"/>
        </a:defRPr>
      </a:lvl1pPr>
      <a:lvl2pPr algn="l" rtl="0" eaLnBrk="0" fontAlgn="base" hangingPunct="0">
        <a:spcBef>
          <a:spcPct val="0"/>
        </a:spcBef>
        <a:spcAft>
          <a:spcPct val="0"/>
        </a:spcAft>
        <a:defRPr sz="2400" b="1">
          <a:solidFill>
            <a:schemeClr val="tx1"/>
          </a:solidFill>
          <a:latin typeface="Arial" charset="0"/>
        </a:defRPr>
      </a:lvl2pPr>
      <a:lvl3pPr algn="l" rtl="0" eaLnBrk="0" fontAlgn="base" hangingPunct="0">
        <a:spcBef>
          <a:spcPct val="0"/>
        </a:spcBef>
        <a:spcAft>
          <a:spcPct val="0"/>
        </a:spcAft>
        <a:defRPr sz="2400" b="1">
          <a:solidFill>
            <a:schemeClr val="tx1"/>
          </a:solidFill>
          <a:latin typeface="Arial" charset="0"/>
        </a:defRPr>
      </a:lvl3pPr>
      <a:lvl4pPr algn="l" rtl="0" eaLnBrk="0" fontAlgn="base" hangingPunct="0">
        <a:spcBef>
          <a:spcPct val="0"/>
        </a:spcBef>
        <a:spcAft>
          <a:spcPct val="0"/>
        </a:spcAft>
        <a:defRPr sz="2400" b="1">
          <a:solidFill>
            <a:schemeClr val="tx1"/>
          </a:solidFill>
          <a:latin typeface="Arial" charset="0"/>
        </a:defRPr>
      </a:lvl4pPr>
      <a:lvl5pPr algn="l" rtl="0" eaLnBrk="0" fontAlgn="base" hangingPunct="0">
        <a:spcBef>
          <a:spcPct val="0"/>
        </a:spcBef>
        <a:spcAft>
          <a:spcPct val="0"/>
        </a:spcAft>
        <a:defRPr sz="2400" b="1">
          <a:solidFill>
            <a:schemeClr val="tx1"/>
          </a:solidFill>
          <a:latin typeface="Arial" charset="0"/>
        </a:defRPr>
      </a:lvl5pPr>
      <a:lvl6pPr marL="342900" algn="l" rtl="0" fontAlgn="base">
        <a:spcBef>
          <a:spcPct val="0"/>
        </a:spcBef>
        <a:spcAft>
          <a:spcPct val="0"/>
        </a:spcAft>
        <a:defRPr sz="2400" b="1">
          <a:solidFill>
            <a:schemeClr val="tx1"/>
          </a:solidFill>
          <a:latin typeface="Arial" charset="0"/>
        </a:defRPr>
      </a:lvl6pPr>
      <a:lvl7pPr marL="685800" algn="l" rtl="0" fontAlgn="base">
        <a:spcBef>
          <a:spcPct val="0"/>
        </a:spcBef>
        <a:spcAft>
          <a:spcPct val="0"/>
        </a:spcAft>
        <a:defRPr sz="2400" b="1">
          <a:solidFill>
            <a:schemeClr val="tx1"/>
          </a:solidFill>
          <a:latin typeface="Arial" charset="0"/>
        </a:defRPr>
      </a:lvl7pPr>
      <a:lvl8pPr marL="1028700" algn="l" rtl="0" fontAlgn="base">
        <a:spcBef>
          <a:spcPct val="0"/>
        </a:spcBef>
        <a:spcAft>
          <a:spcPct val="0"/>
        </a:spcAft>
        <a:defRPr sz="2400" b="1">
          <a:solidFill>
            <a:schemeClr val="tx1"/>
          </a:solidFill>
          <a:latin typeface="Arial" charset="0"/>
        </a:defRPr>
      </a:lvl8pPr>
      <a:lvl9pPr marL="1371600" algn="l" rtl="0" fontAlgn="base">
        <a:spcBef>
          <a:spcPct val="0"/>
        </a:spcBef>
        <a:spcAft>
          <a:spcPct val="0"/>
        </a:spcAft>
        <a:defRPr sz="2400" b="1">
          <a:solidFill>
            <a:schemeClr val="tx1"/>
          </a:solidFill>
          <a:latin typeface="Arial" charset="0"/>
        </a:defRPr>
      </a:lvl9pPr>
    </p:titleStyle>
    <p:bodyStyle>
      <a:lvl1pPr marL="257175" indent="-257175" algn="l" rtl="0" eaLnBrk="0" fontAlgn="base" hangingPunct="0">
        <a:spcBef>
          <a:spcPct val="20000"/>
        </a:spcBef>
        <a:spcAft>
          <a:spcPct val="0"/>
        </a:spcAft>
        <a:buChar char="•"/>
        <a:defRPr sz="2000">
          <a:solidFill>
            <a:schemeClr val="tx1"/>
          </a:solidFill>
          <a:latin typeface="+mn-lt"/>
          <a:ea typeface="+mn-ea"/>
          <a:cs typeface="Calibri" panose="020F0502020204030204" pitchFamily="34" charset="0"/>
        </a:defRPr>
      </a:lvl1pPr>
      <a:lvl2pPr marL="557213" indent="-214313" algn="l" rtl="0" eaLnBrk="0" fontAlgn="base" hangingPunct="0">
        <a:spcBef>
          <a:spcPct val="20000"/>
        </a:spcBef>
        <a:spcAft>
          <a:spcPct val="0"/>
        </a:spcAft>
        <a:buClr>
          <a:schemeClr val="tx1"/>
        </a:buClr>
        <a:buChar char="•"/>
        <a:defRPr sz="2000">
          <a:solidFill>
            <a:schemeClr val="tx1"/>
          </a:solidFill>
          <a:latin typeface="Calibri" panose="020F0502020204030204" pitchFamily="34" charset="0"/>
          <a:cs typeface="Calibri" panose="020F0502020204030204" pitchFamily="34" charset="0"/>
        </a:defRPr>
      </a:lvl2pPr>
      <a:lvl3pPr marL="857250" indent="-171450" algn="l" rtl="0" eaLnBrk="0" fontAlgn="base" hangingPunct="0">
        <a:spcBef>
          <a:spcPct val="20000"/>
        </a:spcBef>
        <a:spcAft>
          <a:spcPct val="0"/>
        </a:spcAft>
        <a:buClr>
          <a:schemeClr val="tx1"/>
        </a:buClr>
        <a:buChar char="•"/>
        <a:defRPr sz="2000">
          <a:solidFill>
            <a:schemeClr val="tx1"/>
          </a:solidFill>
          <a:latin typeface="Calibri" panose="020F0502020204030204" pitchFamily="34" charset="0"/>
          <a:cs typeface="Calibri" panose="020F0502020204030204" pitchFamily="34" charset="0"/>
        </a:defRPr>
      </a:lvl3pPr>
      <a:lvl4pPr marL="1200150" indent="-171450" algn="l" rtl="0" eaLnBrk="0" fontAlgn="base" hangingPunct="0">
        <a:spcBef>
          <a:spcPct val="20000"/>
        </a:spcBef>
        <a:spcAft>
          <a:spcPct val="0"/>
        </a:spcAft>
        <a:buClr>
          <a:schemeClr val="tx1"/>
        </a:buClr>
        <a:buChar char="•"/>
        <a:defRPr sz="2000">
          <a:solidFill>
            <a:schemeClr val="tx1"/>
          </a:solidFill>
          <a:latin typeface="Calibri" panose="020F0502020204030204" pitchFamily="34" charset="0"/>
          <a:cs typeface="Calibri" panose="020F0502020204030204" pitchFamily="34" charset="0"/>
        </a:defRPr>
      </a:lvl4pPr>
      <a:lvl5pPr marL="1543050" indent="-171450" algn="l" rtl="0" eaLnBrk="0" fontAlgn="base" hangingPunct="0">
        <a:spcBef>
          <a:spcPct val="20000"/>
        </a:spcBef>
        <a:spcAft>
          <a:spcPct val="0"/>
        </a:spcAft>
        <a:buClr>
          <a:srgbClr val="DDDDDD"/>
        </a:buClr>
        <a:buChar char="•"/>
        <a:defRPr sz="1950">
          <a:solidFill>
            <a:schemeClr val="tx1"/>
          </a:solidFill>
          <a:latin typeface="+mn-lt"/>
        </a:defRPr>
      </a:lvl5pPr>
      <a:lvl6pPr marL="1885950" indent="-171450" algn="l" rtl="0" fontAlgn="base">
        <a:spcBef>
          <a:spcPct val="20000"/>
        </a:spcBef>
        <a:spcAft>
          <a:spcPct val="0"/>
        </a:spcAft>
        <a:buClr>
          <a:srgbClr val="DDDDDD"/>
        </a:buClr>
        <a:buChar char="•"/>
        <a:defRPr sz="1950">
          <a:solidFill>
            <a:schemeClr val="tx1"/>
          </a:solidFill>
          <a:latin typeface="+mn-lt"/>
        </a:defRPr>
      </a:lvl6pPr>
      <a:lvl7pPr marL="2228850" indent="-171450" algn="l" rtl="0" fontAlgn="base">
        <a:spcBef>
          <a:spcPct val="20000"/>
        </a:spcBef>
        <a:spcAft>
          <a:spcPct val="0"/>
        </a:spcAft>
        <a:buClr>
          <a:srgbClr val="DDDDDD"/>
        </a:buClr>
        <a:buChar char="•"/>
        <a:defRPr sz="1950">
          <a:solidFill>
            <a:schemeClr val="tx1"/>
          </a:solidFill>
          <a:latin typeface="+mn-lt"/>
        </a:defRPr>
      </a:lvl7pPr>
      <a:lvl8pPr marL="2571750" indent="-171450" algn="l" rtl="0" fontAlgn="base">
        <a:spcBef>
          <a:spcPct val="20000"/>
        </a:spcBef>
        <a:spcAft>
          <a:spcPct val="0"/>
        </a:spcAft>
        <a:buClr>
          <a:srgbClr val="DDDDDD"/>
        </a:buClr>
        <a:buChar char="•"/>
        <a:defRPr sz="1950">
          <a:solidFill>
            <a:schemeClr val="tx1"/>
          </a:solidFill>
          <a:latin typeface="+mn-lt"/>
        </a:defRPr>
      </a:lvl8pPr>
      <a:lvl9pPr marL="2914650" indent="-171450" algn="l" rtl="0" fontAlgn="base">
        <a:spcBef>
          <a:spcPct val="20000"/>
        </a:spcBef>
        <a:spcAft>
          <a:spcPct val="0"/>
        </a:spcAft>
        <a:buClr>
          <a:srgbClr val="DDDDDD"/>
        </a:buClr>
        <a:buChar char="•"/>
        <a:defRPr sz="1950">
          <a:solidFill>
            <a:schemeClr val="tx1"/>
          </a:solidFill>
          <a:latin typeface="+mn-lt"/>
        </a:defRPr>
      </a:lvl9pPr>
    </p:bodyStyle>
    <p:otherStyle>
      <a:defPPr>
        <a:defRPr lang="de-DE"/>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05979"/>
            <a:ext cx="8229600" cy="857250"/>
          </a:xfrm>
          <a:prstGeom prst="rect">
            <a:avLst/>
          </a:prstGeom>
        </p:spPr>
        <p:txBody>
          <a:bodyPr vert="horz" lIns="91440" tIns="45720" rIns="91440" bIns="45720" rtlCol="0" anchor="ctr">
            <a:normAutofit/>
          </a:bodyPr>
          <a:lstStyle/>
          <a:p>
            <a:r>
              <a:rPr lang="en-US" dirty="0"/>
              <a:t>Click to edit Master title style</a:t>
            </a:r>
            <a:endParaRPr lang="sk-SK" dirty="0"/>
          </a:p>
        </p:txBody>
      </p:sp>
      <p:sp>
        <p:nvSpPr>
          <p:cNvPr id="3" name="Text Placeholder 2"/>
          <p:cNvSpPr>
            <a:spLocks noGrp="1"/>
          </p:cNvSpPr>
          <p:nvPr>
            <p:ph type="body" idx="1"/>
          </p:nvPr>
        </p:nvSpPr>
        <p:spPr>
          <a:xfrm>
            <a:off x="457200" y="1200151"/>
            <a:ext cx="8229600" cy="3394472"/>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sk-SK" dirty="0"/>
          </a:p>
        </p:txBody>
      </p:sp>
    </p:spTree>
    <p:extLst>
      <p:ext uri="{BB962C8B-B14F-4D97-AF65-F5344CB8AC3E}">
        <p14:creationId xmlns:p14="http://schemas.microsoft.com/office/powerpoint/2010/main" val="657722810"/>
      </p:ext>
    </p:extLst>
  </p:cSld>
  <p:clrMap bg1="lt1" tx1="dk1" bg2="lt2" tx2="dk2" accent1="accent1" accent2="accent2" accent3="accent3" accent4="accent4" accent5="accent5" accent6="accent6" hlink="hlink" folHlink="folHlink"/>
  <p:sldLayoutIdLst>
    <p:sldLayoutId id="2147484238" r:id="rId1"/>
    <p:sldLayoutId id="2147484239" r:id="rId2"/>
  </p:sldLayoutIdLst>
  <p:txStyles>
    <p:titleStyle>
      <a:lvl1pPr algn="ctr" defTabSz="685800" rtl="0" eaLnBrk="1" latinLnBrk="0" hangingPunct="1">
        <a:spcBef>
          <a:spcPct val="0"/>
        </a:spcBef>
        <a:buNone/>
        <a:defRPr sz="2100" b="1" kern="1200">
          <a:solidFill>
            <a:srgbClr val="333399"/>
          </a:solidFill>
          <a:latin typeface="Verdana" pitchFamily="34" charset="0"/>
          <a:ea typeface="Verdana" pitchFamily="34" charset="0"/>
          <a:cs typeface="Verdana" pitchFamily="34" charset="0"/>
        </a:defRPr>
      </a:lvl1pPr>
    </p:titleStyle>
    <p:bodyStyle>
      <a:lvl1pPr marL="257175" indent="-257175" algn="l" defTabSz="685800" rtl="0" eaLnBrk="1" latinLnBrk="0" hangingPunct="1">
        <a:spcBef>
          <a:spcPct val="20000"/>
        </a:spcBef>
        <a:buFont typeface="Arial" pitchFamily="34" charset="0"/>
        <a:buChar char="•"/>
        <a:defRPr sz="1500" kern="1200">
          <a:solidFill>
            <a:schemeClr val="tx1"/>
          </a:solidFill>
          <a:latin typeface="Verdana" pitchFamily="34" charset="0"/>
          <a:ea typeface="Verdana" pitchFamily="34" charset="0"/>
          <a:cs typeface="Verdana" pitchFamily="34" charset="0"/>
        </a:defRPr>
      </a:lvl1pPr>
      <a:lvl2pPr marL="557213" indent="-214313" algn="l" defTabSz="685800" rtl="0" eaLnBrk="1" latinLnBrk="0" hangingPunct="1">
        <a:spcBef>
          <a:spcPct val="20000"/>
        </a:spcBef>
        <a:buFont typeface="Arial" pitchFamily="34" charset="0"/>
        <a:buChar char="–"/>
        <a:defRPr sz="1500" kern="1200">
          <a:solidFill>
            <a:schemeClr val="tx1"/>
          </a:solidFill>
          <a:latin typeface="Verdana" pitchFamily="34" charset="0"/>
          <a:ea typeface="Verdana" pitchFamily="34" charset="0"/>
          <a:cs typeface="Verdana" pitchFamily="34" charset="0"/>
        </a:defRPr>
      </a:lvl2pPr>
      <a:lvl3pPr marL="857250" indent="-171450" algn="l" defTabSz="685800" rtl="0" eaLnBrk="1" latinLnBrk="0" hangingPunct="1">
        <a:spcBef>
          <a:spcPct val="20000"/>
        </a:spcBef>
        <a:buFont typeface="Arial" pitchFamily="34" charset="0"/>
        <a:buChar char="•"/>
        <a:defRPr sz="1500" kern="1200">
          <a:solidFill>
            <a:schemeClr val="tx1"/>
          </a:solidFill>
          <a:latin typeface="Verdana" pitchFamily="34" charset="0"/>
          <a:ea typeface="Verdana" pitchFamily="34" charset="0"/>
          <a:cs typeface="Verdana" pitchFamily="34" charset="0"/>
        </a:defRPr>
      </a:lvl3pPr>
      <a:lvl4pPr marL="1200150" indent="-171450" algn="l" defTabSz="685800" rtl="0" eaLnBrk="1" latinLnBrk="0" hangingPunct="1">
        <a:spcBef>
          <a:spcPct val="20000"/>
        </a:spcBef>
        <a:buFont typeface="Arial" pitchFamily="34" charset="0"/>
        <a:buChar char="–"/>
        <a:defRPr sz="1500" kern="1200">
          <a:solidFill>
            <a:schemeClr val="tx1"/>
          </a:solidFill>
          <a:latin typeface="Verdana" pitchFamily="34" charset="0"/>
          <a:ea typeface="Verdana" pitchFamily="34" charset="0"/>
          <a:cs typeface="Verdana" pitchFamily="34" charset="0"/>
        </a:defRPr>
      </a:lvl4pPr>
      <a:lvl5pPr marL="1543050" indent="-171450" algn="l" defTabSz="685800" rtl="0" eaLnBrk="1" latinLnBrk="0" hangingPunct="1">
        <a:spcBef>
          <a:spcPct val="20000"/>
        </a:spcBef>
        <a:buFont typeface="Arial" pitchFamily="34" charset="0"/>
        <a:buChar char="»"/>
        <a:defRPr sz="1500" kern="1200">
          <a:solidFill>
            <a:schemeClr val="tx1"/>
          </a:solidFill>
          <a:latin typeface="Verdana" pitchFamily="34" charset="0"/>
          <a:ea typeface="Verdana" pitchFamily="34" charset="0"/>
          <a:cs typeface="Verdana" pitchFamily="34" charset="0"/>
        </a:defRPr>
      </a:lvl5pPr>
      <a:lvl6pPr marL="18859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9pPr>
    </p:bodyStyle>
    <p:otherStyle>
      <a:defPPr>
        <a:defRPr lang="sk-SK"/>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6.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notesSlide" Target="../notesSlides/notesSlide13.xml"/><Relationship Id="rId1" Type="http://schemas.openxmlformats.org/officeDocument/2006/relationships/slideLayout" Target="../slideLayouts/slideLayout4.xml"/><Relationship Id="rId4" Type="http://schemas.openxmlformats.org/officeDocument/2006/relationships/image" Target="../media/image12.wmf"/></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5.xml"/><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7.xml"/><Relationship Id="rId1" Type="http://schemas.openxmlformats.org/officeDocument/2006/relationships/slideLayout" Target="../slideLayouts/slideLayout4.xml"/><Relationship Id="rId4" Type="http://schemas.openxmlformats.org/officeDocument/2006/relationships/image" Target="../media/image15.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notesSlide" Target="../notesSlides/notesSlide19.xml"/><Relationship Id="rId1" Type="http://schemas.openxmlformats.org/officeDocument/2006/relationships/slideLayout" Target="../slideLayouts/slideLayout4.xml"/><Relationship Id="rId5" Type="http://schemas.openxmlformats.org/officeDocument/2006/relationships/image" Target="../media/image17.wmf"/><Relationship Id="rId4" Type="http://schemas.openxmlformats.org/officeDocument/2006/relationships/oleObject" Target="../embeddings/oleObject2.bin"/></Relationships>
</file>

<file path=ppt/slides/_rels/slide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21.xml"/><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23.xml"/><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8" Type="http://schemas.openxmlformats.org/officeDocument/2006/relationships/image" Target="../media/image26.wmf"/><Relationship Id="rId3" Type="http://schemas.openxmlformats.org/officeDocument/2006/relationships/oleObject" Target="../embeddings/oleObject3.bin"/><Relationship Id="rId7" Type="http://schemas.openxmlformats.org/officeDocument/2006/relationships/oleObject" Target="../embeddings/oleObject4.bin"/><Relationship Id="rId2" Type="http://schemas.openxmlformats.org/officeDocument/2006/relationships/notesSlide" Target="../notesSlides/notesSlide24.xml"/><Relationship Id="rId1" Type="http://schemas.openxmlformats.org/officeDocument/2006/relationships/slideLayout" Target="../slideLayouts/slideLayout4.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wmf"/></Relationships>
</file>

<file path=ppt/slides/_rels/slide28.xml.rels><?xml version="1.0" encoding="UTF-8" standalone="yes"?>
<Relationships xmlns="http://schemas.openxmlformats.org/package/2006/relationships"><Relationship Id="rId3" Type="http://schemas.openxmlformats.org/officeDocument/2006/relationships/image" Target="../media/image27.wmf"/><Relationship Id="rId2" Type="http://schemas.openxmlformats.org/officeDocument/2006/relationships/notesSlide" Target="../notesSlides/notesSlide25.xml"/><Relationship Id="rId1" Type="http://schemas.openxmlformats.org/officeDocument/2006/relationships/slideLayout" Target="../slideLayouts/slideLayout4.xml"/><Relationship Id="rId5" Type="http://schemas.openxmlformats.org/officeDocument/2006/relationships/image" Target="../media/image28.png"/><Relationship Id="rId4" Type="http://schemas.openxmlformats.org/officeDocument/2006/relationships/oleObject" Target="../embeddings/oleObject5.bin"/></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29.xml"/><Relationship Id="rId1" Type="http://schemas.openxmlformats.org/officeDocument/2006/relationships/slideLayout" Target="../slideLayouts/slideLayout4.xml"/></Relationships>
</file>

<file path=ppt/slides/_rels/slide33.xml.rels><?xml version="1.0" encoding="UTF-8" standalone="yes"?>
<Relationships xmlns="http://schemas.openxmlformats.org/package/2006/relationships"><Relationship Id="rId3" Type="http://schemas.openxmlformats.org/officeDocument/2006/relationships/image" Target="../media/image27.wmf"/><Relationship Id="rId2" Type="http://schemas.openxmlformats.org/officeDocument/2006/relationships/notesSlide" Target="../notesSlides/notesSlide30.xml"/><Relationship Id="rId1" Type="http://schemas.openxmlformats.org/officeDocument/2006/relationships/slideLayout" Target="../slideLayouts/slideLayout3.xml"/><Relationship Id="rId5" Type="http://schemas.openxmlformats.org/officeDocument/2006/relationships/image" Target="../media/image28.png"/><Relationship Id="rId4" Type="http://schemas.openxmlformats.org/officeDocument/2006/relationships/oleObject" Target="../embeddings/oleObject5.bin"/></Relationships>
</file>

<file path=ppt/slides/_rels/slide34.xml.rels><?xml version="1.0" encoding="UTF-8" standalone="yes"?>
<Relationships xmlns="http://schemas.openxmlformats.org/package/2006/relationships"><Relationship Id="rId3" Type="http://schemas.openxmlformats.org/officeDocument/2006/relationships/oleObject" Target="../embeddings/oleObject5.bin"/><Relationship Id="rId2" Type="http://schemas.openxmlformats.org/officeDocument/2006/relationships/notesSlide" Target="../notesSlides/notesSlide31.xml"/><Relationship Id="rId1" Type="http://schemas.openxmlformats.org/officeDocument/2006/relationships/slideLayout" Target="../slideLayouts/slideLayout4.xml"/><Relationship Id="rId4" Type="http://schemas.openxmlformats.org/officeDocument/2006/relationships/image" Target="../media/image28.png"/></Relationships>
</file>

<file path=ppt/slides/_rels/slide35.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32.xml"/><Relationship Id="rId1" Type="http://schemas.openxmlformats.org/officeDocument/2006/relationships/slideLayout" Target="../slideLayouts/slideLayout3.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3.xml"/></Relationships>
</file>

<file path=ppt/slides/_rels/slide37.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3" Type="http://schemas.microsoft.com/office/2018/10/relationships/comments" Target="../comments/modernComment_181_B1C0CA80.xml"/><Relationship Id="rId2" Type="http://schemas.openxmlformats.org/officeDocument/2006/relationships/notesSlide" Target="../notesSlides/notesSlide35.xml"/><Relationship Id="rId1" Type="http://schemas.openxmlformats.org/officeDocument/2006/relationships/slideLayout" Target="../slideLayouts/slideLayout3.xml"/><Relationship Id="rId4" Type="http://schemas.openxmlformats.org/officeDocument/2006/relationships/image" Target="../media/image32.jpeg"/></Relationships>
</file>

<file path=ppt/slides/_rels/slide39.xml.rels><?xml version="1.0" encoding="UTF-8" standalone="yes"?>
<Relationships xmlns="http://schemas.openxmlformats.org/package/2006/relationships"><Relationship Id="rId8" Type="http://schemas.openxmlformats.org/officeDocument/2006/relationships/image" Target="../media/image38.png"/><Relationship Id="rId3" Type="http://schemas.openxmlformats.org/officeDocument/2006/relationships/image" Target="../media/image33.jpeg"/><Relationship Id="rId7" Type="http://schemas.openxmlformats.org/officeDocument/2006/relationships/image" Target="../media/image37.png"/><Relationship Id="rId2" Type="http://schemas.openxmlformats.org/officeDocument/2006/relationships/notesSlide" Target="../notesSlides/notesSlide36.xml"/><Relationship Id="rId1" Type="http://schemas.openxmlformats.org/officeDocument/2006/relationships/slideLayout" Target="../slideLayouts/slideLayout3.xml"/><Relationship Id="rId6" Type="http://schemas.openxmlformats.org/officeDocument/2006/relationships/image" Target="../media/image36.png"/><Relationship Id="rId11" Type="http://schemas.openxmlformats.org/officeDocument/2006/relationships/image" Target="../media/image41.png"/><Relationship Id="rId5" Type="http://schemas.openxmlformats.org/officeDocument/2006/relationships/image" Target="../media/image35.png"/><Relationship Id="rId10" Type="http://schemas.openxmlformats.org/officeDocument/2006/relationships/image" Target="../media/image40.png"/><Relationship Id="rId4" Type="http://schemas.openxmlformats.org/officeDocument/2006/relationships/image" Target="../media/image34.jpeg"/><Relationship Id="rId9" Type="http://schemas.openxmlformats.org/officeDocument/2006/relationships/image" Target="../media/image39.png"/></Relationships>
</file>

<file path=ppt/slides/_rels/slide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40.xml.rels><?xml version="1.0" encoding="UTF-8" standalone="yes"?>
<Relationships xmlns="http://schemas.openxmlformats.org/package/2006/relationships"><Relationship Id="rId3" Type="http://schemas.openxmlformats.org/officeDocument/2006/relationships/image" Target="../media/image42.tmp"/><Relationship Id="rId2" Type="http://schemas.openxmlformats.org/officeDocument/2006/relationships/notesSlide" Target="../notesSlides/notesSlide37.xml"/><Relationship Id="rId1" Type="http://schemas.openxmlformats.org/officeDocument/2006/relationships/slideLayout" Target="../slideLayouts/slideLayout3.xml"/><Relationship Id="rId5" Type="http://schemas.openxmlformats.org/officeDocument/2006/relationships/image" Target="../media/image44.jpeg"/><Relationship Id="rId4" Type="http://schemas.openxmlformats.org/officeDocument/2006/relationships/image" Target="../media/image43.png"/></Relationships>
</file>

<file path=ppt/slides/_rels/slide41.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notesSlide" Target="../notesSlides/notesSlide38.xml"/><Relationship Id="rId1" Type="http://schemas.openxmlformats.org/officeDocument/2006/relationships/slideLayout" Target="../slideLayouts/slideLayout3.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3.xml"/></Relationships>
</file>

<file path=ppt/slides/_rels/slide44.xml.rels><?xml version="1.0" encoding="UTF-8" standalone="yes"?>
<Relationships xmlns="http://schemas.openxmlformats.org/package/2006/relationships"><Relationship Id="rId3" Type="http://schemas.openxmlformats.org/officeDocument/2006/relationships/hyperlink" Target="http://www.cadastraltemplate.org/" TargetMode="External"/><Relationship Id="rId2" Type="http://schemas.openxmlformats.org/officeDocument/2006/relationships/hyperlink" Target="http://www.cadastre.ch/" TargetMode="External"/><Relationship Id="rId1" Type="http://schemas.openxmlformats.org/officeDocument/2006/relationships/slideLayout" Target="../slideLayouts/slideLayout3.xml"/><Relationship Id="rId4" Type="http://schemas.openxmlformats.org/officeDocument/2006/relationships/hyperlink" Target="https://www.cadastre.ch/de/rechtliche-grundlagen" TargetMode="Externa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feld 1"/>
          <p:cNvSpPr txBox="1"/>
          <p:nvPr/>
        </p:nvSpPr>
        <p:spPr>
          <a:xfrm>
            <a:off x="2267744" y="1453428"/>
            <a:ext cx="6408712" cy="553998"/>
          </a:xfrm>
          <a:prstGeom prst="rect">
            <a:avLst/>
          </a:prstGeom>
          <a:noFill/>
        </p:spPr>
        <p:txBody>
          <a:bodyPr wrap="square" rtlCol="0">
            <a:spAutoFit/>
          </a:bodyPr>
          <a:lstStyle/>
          <a:p>
            <a:pPr eaLnBrk="1" hangingPunct="1">
              <a:spcBef>
                <a:spcPct val="20000"/>
              </a:spcBef>
            </a:pPr>
            <a:r>
              <a:rPr lang="es-419" altLang="fr-FR" sz="3000" b="1" dirty="0">
                <a:solidFill>
                  <a:srgbClr val="C00000"/>
                </a:solidFill>
                <a:latin typeface="Arial" panose="020B0604020202020204" pitchFamily="34" charset="0"/>
                <a:cs typeface="Arial" panose="020B0604020202020204" pitchFamily="34" charset="0"/>
              </a:rPr>
              <a:t>Sistema Cadastral Suiza</a:t>
            </a:r>
          </a:p>
        </p:txBody>
      </p:sp>
      <p:sp>
        <p:nvSpPr>
          <p:cNvPr id="3" name="TextBox 5"/>
          <p:cNvSpPr txBox="1"/>
          <p:nvPr>
            <p:custDataLst>
              <p:tags r:id="rId1"/>
            </p:custDataLst>
          </p:nvPr>
        </p:nvSpPr>
        <p:spPr>
          <a:xfrm>
            <a:off x="2267744" y="4155926"/>
            <a:ext cx="3863880" cy="323165"/>
          </a:xfrm>
          <a:prstGeom prst="rect">
            <a:avLst/>
          </a:prstGeom>
          <a:noFill/>
        </p:spPr>
        <p:txBody>
          <a:bodyPr wrap="square" rtlCol="0" anchor="t">
            <a:spAutoFit/>
          </a:bodyPr>
          <a:lstStyle/>
          <a:p>
            <a:pPr>
              <a:spcBef>
                <a:spcPts val="504"/>
              </a:spcBef>
              <a:defRPr/>
            </a:pPr>
            <a:r>
              <a:rPr lang="es-419" sz="1500" dirty="0">
                <a:latin typeface="Arial" pitchFamily="34" charset="0"/>
                <a:cs typeface="Arial" pitchFamily="34" charset="0"/>
              </a:rPr>
              <a:t>Dr. Daniel Steudler</a:t>
            </a:r>
          </a:p>
        </p:txBody>
      </p:sp>
      <p:sp>
        <p:nvSpPr>
          <p:cNvPr id="4" name="Text Box 15"/>
          <p:cNvSpPr txBox="1">
            <a:spLocks noChangeArrowheads="1"/>
          </p:cNvSpPr>
          <p:nvPr/>
        </p:nvSpPr>
        <p:spPr bwMode="auto">
          <a:xfrm>
            <a:off x="2267744" y="2427734"/>
            <a:ext cx="3647152" cy="646331"/>
          </a:xfrm>
          <a:prstGeom prst="rect">
            <a:avLst/>
          </a:prstGeom>
          <a:noFill/>
          <a:ln>
            <a:noFill/>
          </a:ln>
          <a:effectLst/>
          <a:extLst>
            <a:ext uri="{909E8E84-426E-40DD-AFC4-6F175D3DCCD1}">
              <a14:hiddenFill xmlns:a14="http://schemas.microsoft.com/office/drawing/2010/main">
                <a:solidFill>
                  <a:srgbClr val="00B8FF"/>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es-419" altLang="de-DE" sz="1800" dirty="0">
                <a:solidFill>
                  <a:srgbClr val="000000"/>
                </a:solidFill>
              </a:rPr>
              <a:t>Delegaciones de Colombia y Perú</a:t>
            </a:r>
          </a:p>
          <a:p>
            <a:r>
              <a:rPr lang="es-419" altLang="de-DE" sz="1800" dirty="0">
                <a:solidFill>
                  <a:srgbClr val="000000"/>
                </a:solidFill>
              </a:rPr>
              <a:t>2 de septiembre 2024</a:t>
            </a:r>
          </a:p>
        </p:txBody>
      </p:sp>
    </p:spTree>
    <p:extLst>
      <p:ext uri="{BB962C8B-B14F-4D97-AF65-F5344CB8AC3E}">
        <p14:creationId xmlns:p14="http://schemas.microsoft.com/office/powerpoint/2010/main" val="37865751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40354" name="Rectangle 2"/>
          <p:cNvSpPr>
            <a:spLocks noGrp="1" noChangeArrowheads="1"/>
          </p:cNvSpPr>
          <p:nvPr>
            <p:ph type="title" idx="4294967295"/>
          </p:nvPr>
        </p:nvSpPr>
        <p:spPr>
          <a:xfrm>
            <a:off x="1296988" y="242889"/>
            <a:ext cx="7595491" cy="741760"/>
          </a:xfrm>
        </p:spPr>
        <p:txBody>
          <a:bodyPr/>
          <a:lstStyle/>
          <a:p>
            <a:pPr eaLnBrk="1" hangingPunct="1">
              <a:defRPr/>
            </a:pPr>
            <a:r>
              <a:rPr lang="es-419" dirty="0">
                <a:latin typeface="+mj-lt"/>
              </a:rPr>
              <a:t>Administración de Tierras </a:t>
            </a:r>
            <a:r>
              <a:rPr lang="es-419" sz="2000" dirty="0">
                <a:latin typeface="+mj-lt"/>
              </a:rPr>
              <a:t>– </a:t>
            </a:r>
            <a:br>
              <a:rPr lang="es-419" sz="2000" dirty="0">
                <a:latin typeface="+mj-lt"/>
              </a:rPr>
            </a:br>
            <a:r>
              <a:rPr lang="es-419" sz="2000" dirty="0">
                <a:latin typeface="+mj-lt"/>
              </a:rPr>
              <a:t>un esfuerzo conjunto en un contexto confederado</a:t>
            </a:r>
          </a:p>
        </p:txBody>
      </p:sp>
      <p:graphicFrame>
        <p:nvGraphicFramePr>
          <p:cNvPr id="2" name="Tabelle 1"/>
          <p:cNvGraphicFramePr>
            <a:graphicFrameLocks noGrp="1"/>
          </p:cNvGraphicFramePr>
          <p:nvPr>
            <p:extLst>
              <p:ext uri="{D42A27DB-BD31-4B8C-83A1-F6EECF244321}">
                <p14:modId xmlns:p14="http://schemas.microsoft.com/office/powerpoint/2010/main" val="1358580836"/>
              </p:ext>
            </p:extLst>
          </p:nvPr>
        </p:nvGraphicFramePr>
        <p:xfrm>
          <a:off x="1043608" y="1238984"/>
          <a:ext cx="7704855" cy="3348990"/>
        </p:xfrm>
        <a:graphic>
          <a:graphicData uri="http://schemas.openxmlformats.org/drawingml/2006/table">
            <a:tbl>
              <a:tblPr firstRow="1" bandRow="1">
                <a:tableStyleId>{93296810-A885-4BE3-A3E7-6D5BEEA58F35}</a:tableStyleId>
              </a:tblPr>
              <a:tblGrid>
                <a:gridCol w="1314806">
                  <a:extLst>
                    <a:ext uri="{9D8B030D-6E8A-4147-A177-3AD203B41FA5}">
                      <a16:colId xmlns:a16="http://schemas.microsoft.com/office/drawing/2014/main" val="20000"/>
                    </a:ext>
                  </a:extLst>
                </a:gridCol>
                <a:gridCol w="1387852">
                  <a:extLst>
                    <a:ext uri="{9D8B030D-6E8A-4147-A177-3AD203B41FA5}">
                      <a16:colId xmlns:a16="http://schemas.microsoft.com/office/drawing/2014/main" val="20001"/>
                    </a:ext>
                  </a:extLst>
                </a:gridCol>
                <a:gridCol w="1667399">
                  <a:extLst>
                    <a:ext uri="{9D8B030D-6E8A-4147-A177-3AD203B41FA5}">
                      <a16:colId xmlns:a16="http://schemas.microsoft.com/office/drawing/2014/main" val="20002"/>
                    </a:ext>
                  </a:extLst>
                </a:gridCol>
                <a:gridCol w="1667399">
                  <a:extLst>
                    <a:ext uri="{9D8B030D-6E8A-4147-A177-3AD203B41FA5}">
                      <a16:colId xmlns:a16="http://schemas.microsoft.com/office/drawing/2014/main" val="20003"/>
                    </a:ext>
                  </a:extLst>
                </a:gridCol>
                <a:gridCol w="1667399">
                  <a:extLst>
                    <a:ext uri="{9D8B030D-6E8A-4147-A177-3AD203B41FA5}">
                      <a16:colId xmlns:a16="http://schemas.microsoft.com/office/drawing/2014/main" val="20004"/>
                    </a:ext>
                  </a:extLst>
                </a:gridCol>
              </a:tblGrid>
              <a:tr h="617220">
                <a:tc>
                  <a:txBody>
                    <a:bodyPr/>
                    <a:lstStyle/>
                    <a:p>
                      <a:r>
                        <a:rPr lang="es-ES" sz="1200" noProof="0" dirty="0">
                          <a:solidFill>
                            <a:schemeClr val="tx1"/>
                          </a:solidFill>
                        </a:rPr>
                        <a:t>Administración de Tierras</a:t>
                      </a:r>
                    </a:p>
                  </a:txBody>
                  <a:tcPr marL="68580" marR="68580" marT="34290" marB="34290">
                    <a:solidFill>
                      <a:schemeClr val="bg1">
                        <a:lumMod val="75000"/>
                      </a:schemeClr>
                    </a:solidFill>
                  </a:tcPr>
                </a:tc>
                <a:tc>
                  <a:txBody>
                    <a:bodyPr/>
                    <a:lstStyle/>
                    <a:p>
                      <a:r>
                        <a:rPr lang="es-ES" sz="1200" noProof="0" dirty="0">
                          <a:solidFill>
                            <a:schemeClr val="tx1"/>
                          </a:solidFill>
                        </a:rPr>
                        <a:t>Mandatos</a:t>
                      </a:r>
                      <a:endParaRPr lang="en-GB" sz="1200" dirty="0">
                        <a:solidFill>
                          <a:schemeClr val="tx1"/>
                        </a:solidFill>
                      </a:endParaRPr>
                    </a:p>
                  </a:txBody>
                  <a:tcPr marL="68580" marR="68580" marT="34290" marB="34290">
                    <a:solidFill>
                      <a:schemeClr val="bg1">
                        <a:lumMod val="75000"/>
                      </a:schemeClr>
                    </a:solidFill>
                  </a:tcPr>
                </a:tc>
                <a:tc>
                  <a:txBody>
                    <a:bodyPr/>
                    <a:lstStyle/>
                    <a:p>
                      <a:r>
                        <a:rPr lang="es-ES" sz="1200" noProof="0" dirty="0">
                          <a:solidFill>
                            <a:schemeClr val="tx1"/>
                          </a:solidFill>
                        </a:rPr>
                        <a:t>Nivel federal</a:t>
                      </a:r>
                    </a:p>
                  </a:txBody>
                  <a:tcPr marL="68580" marR="68580" marT="34290" marB="34290">
                    <a:solidFill>
                      <a:schemeClr val="bg1">
                        <a:lumMod val="75000"/>
                      </a:schemeClr>
                    </a:solidFill>
                  </a:tcPr>
                </a:tc>
                <a:tc>
                  <a:txBody>
                    <a:bodyPr/>
                    <a:lstStyle/>
                    <a:p>
                      <a:r>
                        <a:rPr lang="es-ES" sz="1200" noProof="0" dirty="0">
                          <a:solidFill>
                            <a:schemeClr val="tx1"/>
                          </a:solidFill>
                        </a:rPr>
                        <a:t>Nivel cantonal</a:t>
                      </a:r>
                    </a:p>
                  </a:txBody>
                  <a:tcPr marL="68580" marR="68580" marT="34290" marB="34290">
                    <a:solidFill>
                      <a:schemeClr val="bg1">
                        <a:lumMod val="75000"/>
                      </a:schemeClr>
                    </a:solidFill>
                  </a:tcPr>
                </a:tc>
                <a:tc>
                  <a:txBody>
                    <a:bodyPr/>
                    <a:lstStyle/>
                    <a:p>
                      <a:r>
                        <a:rPr lang="es-ES" sz="1200" noProof="0" dirty="0">
                          <a:solidFill>
                            <a:schemeClr val="tx1"/>
                          </a:solidFill>
                        </a:rPr>
                        <a:t>Nivel municipal</a:t>
                      </a:r>
                    </a:p>
                  </a:txBody>
                  <a:tcPr marL="68580" marR="68580" marT="34290" marB="34290">
                    <a:solidFill>
                      <a:schemeClr val="bg1">
                        <a:lumMod val="75000"/>
                      </a:schemeClr>
                    </a:solidFill>
                  </a:tcPr>
                </a:tc>
                <a:extLst>
                  <a:ext uri="{0D108BD9-81ED-4DB2-BD59-A6C34878D82A}">
                    <a16:rowId xmlns:a16="http://schemas.microsoft.com/office/drawing/2014/main" val="10000"/>
                  </a:ext>
                </a:extLst>
              </a:tr>
              <a:tr h="480060">
                <a:tc rowSpan="2">
                  <a:txBody>
                    <a:bodyPr/>
                    <a:lstStyle/>
                    <a:p>
                      <a:r>
                        <a:rPr lang="es-419" sz="1100" b="1" noProof="0" dirty="0"/>
                        <a:t>Tenencia</a:t>
                      </a:r>
                    </a:p>
                  </a:txBody>
                  <a:tcPr marL="68580" marR="68580" marT="34290" marB="34290">
                    <a:solidFill>
                      <a:schemeClr val="bg1">
                        <a:lumMod val="85000"/>
                      </a:schemeClr>
                    </a:solidFill>
                  </a:tcPr>
                </a:tc>
                <a:tc>
                  <a:txBody>
                    <a:bodyPr/>
                    <a:lstStyle/>
                    <a:p>
                      <a:r>
                        <a:rPr lang="es-419" sz="900" noProof="0" dirty="0"/>
                        <a:t>Registro de Propiedad</a:t>
                      </a:r>
                    </a:p>
                  </a:txBody>
                  <a:tcPr marL="68580" marR="68580" marT="34290" marB="34290">
                    <a:solidFill>
                      <a:schemeClr val="bg2">
                        <a:lumMod val="20000"/>
                        <a:lumOff val="80000"/>
                      </a:schemeClr>
                    </a:solidFill>
                  </a:tcPr>
                </a:tc>
                <a:tc>
                  <a:txBody>
                    <a:bodyPr/>
                    <a:lstStyle/>
                    <a:p>
                      <a:r>
                        <a:rPr lang="es-ES" sz="900" noProof="0" dirty="0"/>
                        <a:t>Oficina Registro Propiedad y Ley Propiedad Inmueble (~8 personas)</a:t>
                      </a:r>
                    </a:p>
                  </a:txBody>
                  <a:tcPr marL="68580" marR="68580" marT="34290" marB="34290">
                    <a:solidFill>
                      <a:srgbClr val="FFCCCC"/>
                    </a:solidFill>
                  </a:tcPr>
                </a:tc>
                <a:tc>
                  <a:txBody>
                    <a:bodyPr/>
                    <a:lstStyle/>
                    <a:p>
                      <a:r>
                        <a:rPr lang="es-ES" sz="900" noProof="0" dirty="0"/>
                        <a:t>26 registros cantonales + ~250 oficinas regionales</a:t>
                      </a:r>
                    </a:p>
                  </a:txBody>
                  <a:tcPr marL="68580" marR="68580" marT="34290" marB="34290">
                    <a:solidFill>
                      <a:srgbClr val="FFCCCC"/>
                    </a:solidFill>
                  </a:tcPr>
                </a:tc>
                <a:tc>
                  <a:txBody>
                    <a:bodyPr/>
                    <a:lstStyle/>
                    <a:p>
                      <a:r>
                        <a:rPr lang="es-ES" sz="900" noProof="0" dirty="0"/>
                        <a:t>Notarios</a:t>
                      </a:r>
                    </a:p>
                  </a:txBody>
                  <a:tcPr marL="68580" marR="68580" marT="34290" marB="34290">
                    <a:solidFill>
                      <a:srgbClr val="FFCCCC"/>
                    </a:solidFill>
                  </a:tcPr>
                </a:tc>
                <a:extLst>
                  <a:ext uri="{0D108BD9-81ED-4DB2-BD59-A6C34878D82A}">
                    <a16:rowId xmlns:a16="http://schemas.microsoft.com/office/drawing/2014/main" val="10001"/>
                  </a:ext>
                </a:extLst>
              </a:tr>
              <a:tr h="342900">
                <a:tc vMerge="1">
                  <a:txBody>
                    <a:bodyPr/>
                    <a:lstStyle/>
                    <a:p>
                      <a:endParaRPr lang="en-GB" sz="1400" dirty="0"/>
                    </a:p>
                  </a:txBody>
                  <a:tcPr/>
                </a:tc>
                <a:tc>
                  <a:txBody>
                    <a:bodyPr/>
                    <a:lstStyle/>
                    <a:p>
                      <a:r>
                        <a:rPr lang="es-419" sz="900" noProof="0" dirty="0"/>
                        <a:t>Catastro</a:t>
                      </a:r>
                    </a:p>
                  </a:txBody>
                  <a:tcPr marL="68580" marR="68580" marT="34290" marB="34290">
                    <a:solidFill>
                      <a:schemeClr val="bg2">
                        <a:lumMod val="20000"/>
                        <a:lumOff val="80000"/>
                      </a:schemeClr>
                    </a:solidFill>
                  </a:tcPr>
                </a:tc>
                <a:tc>
                  <a:txBody>
                    <a:bodyPr/>
                    <a:lstStyle/>
                    <a:p>
                      <a:r>
                        <a:rPr lang="es-ES" sz="900" noProof="0" dirty="0"/>
                        <a:t>Dirección Federal de Catastro</a:t>
                      </a:r>
                      <a:r>
                        <a:rPr lang="es-ES" sz="900" baseline="0" noProof="0" dirty="0"/>
                        <a:t> (~10 personas)</a:t>
                      </a:r>
                      <a:endParaRPr lang="es-ES" sz="900" noProof="0" dirty="0"/>
                    </a:p>
                  </a:txBody>
                  <a:tcPr marL="68580" marR="68580" marT="34290" marB="34290">
                    <a:solidFill>
                      <a:srgbClr val="FFCCCC">
                        <a:alpha val="60000"/>
                      </a:srgbClr>
                    </a:solidFill>
                  </a:tcPr>
                </a:tc>
                <a:tc>
                  <a:txBody>
                    <a:bodyPr/>
                    <a:lstStyle/>
                    <a:p>
                      <a:r>
                        <a:rPr lang="es-ES" sz="900" noProof="0" dirty="0"/>
                        <a:t>20 oficinas cantonales de catastro (~300 personas)</a:t>
                      </a:r>
                    </a:p>
                  </a:txBody>
                  <a:tcPr marL="68580" marR="68580" marT="34290" marB="34290">
                    <a:solidFill>
                      <a:srgbClr val="FFCCCC">
                        <a:alpha val="60000"/>
                      </a:srgbClr>
                    </a:solidFill>
                  </a:tcPr>
                </a:tc>
                <a:tc>
                  <a:txBody>
                    <a:bodyPr/>
                    <a:lstStyle/>
                    <a:p>
                      <a:r>
                        <a:rPr lang="es-ES" sz="900" noProof="0" dirty="0"/>
                        <a:t>Sector privado (~2700 personas)</a:t>
                      </a:r>
                    </a:p>
                  </a:txBody>
                  <a:tcPr marL="68580" marR="68580" marT="34290" marB="34290">
                    <a:solidFill>
                      <a:srgbClr val="FFCCCC">
                        <a:alpha val="60000"/>
                      </a:srgbClr>
                    </a:solidFill>
                  </a:tcPr>
                </a:tc>
                <a:extLst>
                  <a:ext uri="{0D108BD9-81ED-4DB2-BD59-A6C34878D82A}">
                    <a16:rowId xmlns:a16="http://schemas.microsoft.com/office/drawing/2014/main" val="10002"/>
                  </a:ext>
                </a:extLst>
              </a:tr>
              <a:tr h="278130">
                <a:tc rowSpan="2">
                  <a:txBody>
                    <a:bodyPr/>
                    <a:lstStyle/>
                    <a:p>
                      <a:r>
                        <a:rPr lang="es-419" sz="1100" b="1" noProof="0" dirty="0"/>
                        <a:t>Valoración de tierra</a:t>
                      </a:r>
                    </a:p>
                  </a:txBody>
                  <a:tcPr marL="68580" marR="68580" marT="34290" marB="34290">
                    <a:solidFill>
                      <a:schemeClr val="bg1">
                        <a:lumMod val="85000"/>
                      </a:schemeClr>
                    </a:solidFill>
                  </a:tcPr>
                </a:tc>
                <a:tc>
                  <a:txBody>
                    <a:bodyPr/>
                    <a:lstStyle/>
                    <a:p>
                      <a:r>
                        <a:rPr lang="es-419" sz="900" noProof="0" dirty="0"/>
                        <a:t>Avaluó</a:t>
                      </a:r>
                    </a:p>
                  </a:txBody>
                  <a:tcPr marL="68580" marR="68580" marT="34290" marB="34290">
                    <a:solidFill>
                      <a:schemeClr val="bg2">
                        <a:lumMod val="20000"/>
                        <a:lumOff val="80000"/>
                      </a:schemeClr>
                    </a:solidFill>
                  </a:tcPr>
                </a:tc>
                <a:tc>
                  <a:txBody>
                    <a:bodyPr/>
                    <a:lstStyle/>
                    <a:p>
                      <a:r>
                        <a:rPr lang="es-ES" sz="900" noProof="0" dirty="0"/>
                        <a:t>Administración Federal Fiscal</a:t>
                      </a:r>
                    </a:p>
                  </a:txBody>
                  <a:tcPr marL="68580" marR="68580" marT="34290" marB="34290">
                    <a:solidFill>
                      <a:srgbClr val="FFCCCC"/>
                    </a:solidFill>
                  </a:tcPr>
                </a:tc>
                <a:tc>
                  <a:txBody>
                    <a:bodyPr/>
                    <a:lstStyle/>
                    <a:p>
                      <a:r>
                        <a:rPr lang="es-ES" sz="900" noProof="0" dirty="0"/>
                        <a:t>Oficinas cantonales fiscales</a:t>
                      </a:r>
                    </a:p>
                  </a:txBody>
                  <a:tcPr marL="68580" marR="68580" marT="34290" marB="34290">
                    <a:solidFill>
                      <a:srgbClr val="FFCCCC"/>
                    </a:solidFill>
                  </a:tcPr>
                </a:tc>
                <a:tc>
                  <a:txBody>
                    <a:bodyPr/>
                    <a:lstStyle/>
                    <a:p>
                      <a:r>
                        <a:rPr lang="en-GB" sz="900" dirty="0"/>
                        <a:t>---</a:t>
                      </a:r>
                    </a:p>
                  </a:txBody>
                  <a:tcPr marL="68580" marR="68580" marT="34290" marB="34290">
                    <a:solidFill>
                      <a:srgbClr val="FFCCCC"/>
                    </a:solidFill>
                  </a:tcPr>
                </a:tc>
                <a:extLst>
                  <a:ext uri="{0D108BD9-81ED-4DB2-BD59-A6C34878D82A}">
                    <a16:rowId xmlns:a16="http://schemas.microsoft.com/office/drawing/2014/main" val="10003"/>
                  </a:ext>
                </a:extLst>
              </a:tr>
              <a:tr h="278130">
                <a:tc vMerge="1">
                  <a:txBody>
                    <a:bodyPr/>
                    <a:lstStyle/>
                    <a:p>
                      <a:endParaRPr lang="en-GB" sz="1400" dirty="0"/>
                    </a:p>
                  </a:txBody>
                  <a:tcPr/>
                </a:tc>
                <a:tc>
                  <a:txBody>
                    <a:bodyPr/>
                    <a:lstStyle/>
                    <a:p>
                      <a:r>
                        <a:rPr lang="es-419" sz="900" noProof="0" dirty="0"/>
                        <a:t>Evaluación de tierras</a:t>
                      </a:r>
                    </a:p>
                  </a:txBody>
                  <a:tcPr marL="68580" marR="68580" marT="34290" marB="34290">
                    <a:solidFill>
                      <a:schemeClr val="bg2">
                        <a:lumMod val="20000"/>
                        <a:lumOff val="80000"/>
                      </a:schemeClr>
                    </a:solidFill>
                  </a:tcPr>
                </a:tc>
                <a:tc>
                  <a:txBody>
                    <a:bodyPr/>
                    <a:lstStyle/>
                    <a:p>
                      <a:r>
                        <a:rPr lang="en-GB" sz="900" dirty="0"/>
                        <a:t>---</a:t>
                      </a:r>
                    </a:p>
                  </a:txBody>
                  <a:tcPr marL="68580" marR="68580" marT="34290" marB="34290">
                    <a:solidFill>
                      <a:srgbClr val="FFCCCC">
                        <a:alpha val="60000"/>
                      </a:srgbClr>
                    </a:solidFill>
                  </a:tcPr>
                </a:tc>
                <a:tc>
                  <a:txBody>
                    <a:bodyPr/>
                    <a:lstStyle/>
                    <a:p>
                      <a:r>
                        <a:rPr lang="en-GB" sz="900" dirty="0" err="1"/>
                        <a:t>Agencias</a:t>
                      </a:r>
                      <a:r>
                        <a:rPr lang="en-GB" sz="900" dirty="0"/>
                        <a:t> </a:t>
                      </a:r>
                      <a:r>
                        <a:rPr lang="en-GB" sz="900" dirty="0" err="1"/>
                        <a:t>cantonales</a:t>
                      </a:r>
                      <a:endParaRPr lang="en-GB" sz="900" dirty="0"/>
                    </a:p>
                  </a:txBody>
                  <a:tcPr marL="68580" marR="68580" marT="34290" marB="34290">
                    <a:solidFill>
                      <a:srgbClr val="FFCCCC">
                        <a:alpha val="60000"/>
                      </a:srgbClr>
                    </a:solidFill>
                  </a:tcPr>
                </a:tc>
                <a:tc>
                  <a:txBody>
                    <a:bodyPr/>
                    <a:lstStyle/>
                    <a:p>
                      <a:r>
                        <a:rPr lang="es-ES" sz="900" noProof="0" dirty="0"/>
                        <a:t>Agentes mandatarios</a:t>
                      </a:r>
                    </a:p>
                  </a:txBody>
                  <a:tcPr marL="68580" marR="68580" marT="34290" marB="34290">
                    <a:solidFill>
                      <a:srgbClr val="FFCCCC">
                        <a:alpha val="60000"/>
                      </a:srgbClr>
                    </a:solidFill>
                  </a:tcPr>
                </a:tc>
                <a:extLst>
                  <a:ext uri="{0D108BD9-81ED-4DB2-BD59-A6C34878D82A}">
                    <a16:rowId xmlns:a16="http://schemas.microsoft.com/office/drawing/2014/main" val="10004"/>
                  </a:ext>
                </a:extLst>
              </a:tr>
              <a:tr h="342900">
                <a:tc rowSpan="3">
                  <a:txBody>
                    <a:bodyPr/>
                    <a:lstStyle/>
                    <a:p>
                      <a:r>
                        <a:rPr lang="es-419" sz="1100" b="1" noProof="0" dirty="0"/>
                        <a:t>Ordenamiento Territorial</a:t>
                      </a:r>
                    </a:p>
                  </a:txBody>
                  <a:tcPr marL="68580" marR="68580" marT="34290" marB="34290">
                    <a:solidFill>
                      <a:schemeClr val="bg1">
                        <a:lumMod val="85000"/>
                      </a:schemeClr>
                    </a:solidFill>
                  </a:tcPr>
                </a:tc>
                <a:tc>
                  <a:txBody>
                    <a:bodyPr/>
                    <a:lstStyle/>
                    <a:p>
                      <a:r>
                        <a:rPr lang="es-419" sz="900" noProof="0" dirty="0"/>
                        <a:t>Planeación usos de suelo</a:t>
                      </a:r>
                    </a:p>
                  </a:txBody>
                  <a:tcPr marL="68580" marR="68580" marT="34290" marB="34290">
                    <a:solidFill>
                      <a:schemeClr val="bg2">
                        <a:lumMod val="20000"/>
                        <a:lumOff val="80000"/>
                      </a:schemeClr>
                    </a:solidFill>
                  </a:tcPr>
                </a:tc>
                <a:tc>
                  <a:txBody>
                    <a:bodyPr/>
                    <a:lstStyle/>
                    <a:p>
                      <a:r>
                        <a:rPr lang="es-ES" sz="900" noProof="0" dirty="0"/>
                        <a:t>Oficina Federal Desarrollo Territorial</a:t>
                      </a:r>
                    </a:p>
                  </a:txBody>
                  <a:tcPr marL="68580" marR="68580" marT="34290" marB="34290">
                    <a:solidFill>
                      <a:srgbClr val="FFCCCC"/>
                    </a:solidFill>
                  </a:tcPr>
                </a:tc>
                <a:tc>
                  <a:txBody>
                    <a:bodyPr/>
                    <a:lstStyle/>
                    <a:p>
                      <a:r>
                        <a:rPr lang="es-ES" sz="900" noProof="0" dirty="0"/>
                        <a:t>Oficinas cantonales</a:t>
                      </a:r>
                    </a:p>
                  </a:txBody>
                  <a:tcPr marL="68580" marR="68580" marT="34290" marB="34290">
                    <a:solidFill>
                      <a:srgbClr val="FFCCCC"/>
                    </a:solidFill>
                  </a:tcPr>
                </a:tc>
                <a:tc>
                  <a:txBody>
                    <a:bodyPr/>
                    <a:lstStyle/>
                    <a:p>
                      <a:r>
                        <a:rPr lang="es-ES" sz="900" noProof="0" dirty="0"/>
                        <a:t>Sector privado</a:t>
                      </a:r>
                    </a:p>
                  </a:txBody>
                  <a:tcPr marL="68580" marR="68580" marT="34290" marB="34290">
                    <a:solidFill>
                      <a:srgbClr val="FFCCCC"/>
                    </a:solidFill>
                  </a:tcPr>
                </a:tc>
                <a:extLst>
                  <a:ext uri="{0D108BD9-81ED-4DB2-BD59-A6C34878D82A}">
                    <a16:rowId xmlns:a16="http://schemas.microsoft.com/office/drawing/2014/main" val="10005"/>
                  </a:ext>
                </a:extLst>
              </a:tr>
              <a:tr h="278130">
                <a:tc vMerge="1">
                  <a:txBody>
                    <a:bodyPr/>
                    <a:lstStyle/>
                    <a:p>
                      <a:endParaRPr lang="en-GB" sz="1400" dirty="0"/>
                    </a:p>
                  </a:txBody>
                  <a:tcPr/>
                </a:tc>
                <a:tc>
                  <a:txBody>
                    <a:bodyPr/>
                    <a:lstStyle/>
                    <a:p>
                      <a:r>
                        <a:rPr lang="es-419" sz="900" noProof="0" dirty="0"/>
                        <a:t>agricultura</a:t>
                      </a:r>
                    </a:p>
                  </a:txBody>
                  <a:tcPr marL="68580" marR="68580" marT="34290" marB="34290">
                    <a:solidFill>
                      <a:schemeClr val="bg2">
                        <a:lumMod val="20000"/>
                        <a:lumOff val="80000"/>
                      </a:schemeClr>
                    </a:solidFill>
                  </a:tcPr>
                </a:tc>
                <a:tc>
                  <a:txBody>
                    <a:bodyPr/>
                    <a:lstStyle/>
                    <a:p>
                      <a:r>
                        <a:rPr lang="es-ES" sz="900" noProof="0" dirty="0"/>
                        <a:t>Oficina Federal Agricultura</a:t>
                      </a:r>
                    </a:p>
                  </a:txBody>
                  <a:tcPr marL="68580" marR="68580" marT="34290" marB="34290">
                    <a:solidFill>
                      <a:srgbClr val="FFCCCC">
                        <a:alpha val="60000"/>
                      </a:srgbClr>
                    </a:solidFill>
                  </a:tcPr>
                </a:tc>
                <a:tc>
                  <a:txBody>
                    <a:bodyPr/>
                    <a:lstStyle/>
                    <a:p>
                      <a:r>
                        <a:rPr lang="es-ES" sz="900" noProof="0" dirty="0"/>
                        <a:t>Oficinas cantonales</a:t>
                      </a:r>
                    </a:p>
                  </a:txBody>
                  <a:tcPr marL="68580" marR="68580" marT="34290" marB="34290">
                    <a:solidFill>
                      <a:srgbClr val="FFCCCC">
                        <a:alpha val="60000"/>
                      </a:srgbClr>
                    </a:solidFill>
                  </a:tcPr>
                </a:tc>
                <a:tc>
                  <a:txBody>
                    <a:bodyPr/>
                    <a:lstStyle/>
                    <a:p>
                      <a:r>
                        <a:rPr lang="es-ES" sz="900" noProof="0" dirty="0"/>
                        <a:t>Sector privado</a:t>
                      </a:r>
                    </a:p>
                  </a:txBody>
                  <a:tcPr marL="68580" marR="68580" marT="34290" marB="34290">
                    <a:solidFill>
                      <a:srgbClr val="FFCCCC">
                        <a:alpha val="60000"/>
                      </a:srgbClr>
                    </a:solidFill>
                  </a:tcPr>
                </a:tc>
                <a:extLst>
                  <a:ext uri="{0D108BD9-81ED-4DB2-BD59-A6C34878D82A}">
                    <a16:rowId xmlns:a16="http://schemas.microsoft.com/office/drawing/2014/main" val="10006"/>
                  </a:ext>
                </a:extLst>
              </a:tr>
              <a:tr h="278130">
                <a:tc vMerge="1">
                  <a:txBody>
                    <a:bodyPr/>
                    <a:lstStyle/>
                    <a:p>
                      <a:endParaRPr lang="en-GB" sz="1400" dirty="0"/>
                    </a:p>
                  </a:txBody>
                  <a:tcPr/>
                </a:tc>
                <a:tc>
                  <a:txBody>
                    <a:bodyPr/>
                    <a:lstStyle/>
                    <a:p>
                      <a:r>
                        <a:rPr lang="es-419" sz="900" noProof="0" dirty="0"/>
                        <a:t>silvicultura, medio ambiente</a:t>
                      </a:r>
                    </a:p>
                  </a:txBody>
                  <a:tcPr marL="68580" marR="68580" marT="34290" marB="34290">
                    <a:solidFill>
                      <a:schemeClr val="bg2">
                        <a:lumMod val="20000"/>
                        <a:lumOff val="80000"/>
                      </a:schemeClr>
                    </a:solidFill>
                  </a:tcPr>
                </a:tc>
                <a:tc>
                  <a:txBody>
                    <a:bodyPr/>
                    <a:lstStyle/>
                    <a:p>
                      <a:r>
                        <a:rPr lang="es-ES" sz="900" noProof="0" dirty="0"/>
                        <a:t>Oficina Federal Medioambiente </a:t>
                      </a:r>
                    </a:p>
                  </a:txBody>
                  <a:tcPr marL="68580" marR="68580" marT="34290" marB="34290">
                    <a:solidFill>
                      <a:srgbClr val="FFCCCC"/>
                    </a:solidFill>
                  </a:tcPr>
                </a:tc>
                <a:tc>
                  <a:txBody>
                    <a:bodyPr/>
                    <a:lstStyle/>
                    <a:p>
                      <a:r>
                        <a:rPr lang="es-ES" sz="900" noProof="0" dirty="0"/>
                        <a:t>Oficinas cantonales</a:t>
                      </a:r>
                    </a:p>
                  </a:txBody>
                  <a:tcPr marL="68580" marR="68580" marT="34290" marB="34290">
                    <a:solidFill>
                      <a:srgbClr val="FFCCCC"/>
                    </a:solidFill>
                  </a:tcPr>
                </a:tc>
                <a:tc>
                  <a:txBody>
                    <a:bodyPr/>
                    <a:lstStyle/>
                    <a:p>
                      <a:r>
                        <a:rPr lang="es-ES" sz="900" noProof="0" dirty="0"/>
                        <a:t>Sector privado</a:t>
                      </a:r>
                    </a:p>
                  </a:txBody>
                  <a:tcPr marL="68580" marR="68580" marT="34290" marB="34290">
                    <a:solidFill>
                      <a:srgbClr val="FFCCCC"/>
                    </a:solidFill>
                  </a:tcPr>
                </a:tc>
                <a:extLst>
                  <a:ext uri="{0D108BD9-81ED-4DB2-BD59-A6C34878D82A}">
                    <a16:rowId xmlns:a16="http://schemas.microsoft.com/office/drawing/2014/main" val="10007"/>
                  </a:ext>
                </a:extLst>
              </a:tr>
              <a:tr h="388620">
                <a:tc>
                  <a:txBody>
                    <a:bodyPr/>
                    <a:lstStyle/>
                    <a:p>
                      <a:r>
                        <a:rPr lang="es-419" sz="1100" b="1" noProof="0" dirty="0"/>
                        <a:t>Geoinformación</a:t>
                      </a:r>
                    </a:p>
                  </a:txBody>
                  <a:tcPr marL="68580" marR="68580" marT="34290" marB="34290">
                    <a:solidFill>
                      <a:schemeClr val="bg1">
                        <a:lumMod val="85000"/>
                      </a:schemeClr>
                    </a:solidFill>
                  </a:tcPr>
                </a:tc>
                <a:tc>
                  <a:txBody>
                    <a:bodyPr/>
                    <a:lstStyle/>
                    <a:p>
                      <a:pPr marL="0" algn="l" defTabSz="914400" rtl="0" eaLnBrk="1" latinLnBrk="0" hangingPunct="1"/>
                      <a:r>
                        <a:rPr lang="es-419" sz="900" kern="1200" noProof="0" dirty="0"/>
                        <a:t>SDI, NGDI</a:t>
                      </a:r>
                      <a:endParaRPr lang="es-419" sz="900" kern="1200" noProof="0" dirty="0">
                        <a:solidFill>
                          <a:schemeClr val="dk1"/>
                        </a:solidFill>
                        <a:latin typeface="+mn-lt"/>
                        <a:ea typeface="+mn-ea"/>
                        <a:cs typeface="+mn-cs"/>
                      </a:endParaRPr>
                    </a:p>
                  </a:txBody>
                  <a:tcPr marL="68580" marR="68580" marT="34290" marB="34290">
                    <a:solidFill>
                      <a:schemeClr val="bg2">
                        <a:lumMod val="20000"/>
                        <a:lumOff val="80000"/>
                      </a:schemeClr>
                    </a:solidFill>
                  </a:tcPr>
                </a:tc>
                <a:tc>
                  <a:txBody>
                    <a:bodyPr/>
                    <a:lstStyle/>
                    <a:p>
                      <a:r>
                        <a:rPr lang="es-ES" sz="900" noProof="0" dirty="0"/>
                        <a:t>Oficina Federal de Topografía swisstopo (~400 personas)</a:t>
                      </a:r>
                    </a:p>
                  </a:txBody>
                  <a:tcPr marL="68580" marR="68580" marT="34290" marB="34290">
                    <a:solidFill>
                      <a:srgbClr val="FFCCCC">
                        <a:alpha val="60000"/>
                      </a:srgbClr>
                    </a:solidFill>
                  </a:tcPr>
                </a:tc>
                <a:tc>
                  <a:txBody>
                    <a:bodyPr/>
                    <a:lstStyle/>
                    <a:p>
                      <a:r>
                        <a:rPr lang="es-ES" sz="900" noProof="0" dirty="0"/>
                        <a:t>Oficina cantonal de Geo-información</a:t>
                      </a:r>
                    </a:p>
                  </a:txBody>
                  <a:tcPr marL="68580" marR="68580" marT="34290" marB="34290">
                    <a:solidFill>
                      <a:srgbClr val="FFCCCC">
                        <a:alpha val="60000"/>
                      </a:srgbClr>
                    </a:solidFill>
                  </a:tcPr>
                </a:tc>
                <a:tc>
                  <a:txBody>
                    <a:bodyPr/>
                    <a:lstStyle/>
                    <a:p>
                      <a:r>
                        <a:rPr lang="es-ES" sz="900" noProof="0" dirty="0"/>
                        <a:t>Administración municipal</a:t>
                      </a:r>
                    </a:p>
                  </a:txBody>
                  <a:tcPr marL="68580" marR="68580" marT="34290" marB="34290">
                    <a:solidFill>
                      <a:srgbClr val="FFCCCC">
                        <a:alpha val="60000"/>
                      </a:srgbClr>
                    </a:solidFill>
                  </a:tcPr>
                </a:tc>
                <a:extLst>
                  <a:ext uri="{0D108BD9-81ED-4DB2-BD59-A6C34878D82A}">
                    <a16:rowId xmlns:a16="http://schemas.microsoft.com/office/drawing/2014/main" val="10008"/>
                  </a:ext>
                </a:extLst>
              </a:tr>
            </a:tbl>
          </a:graphicData>
        </a:graphic>
      </p:graphicFrame>
    </p:spTree>
    <p:extLst>
      <p:ext uri="{BB962C8B-B14F-4D97-AF65-F5344CB8AC3E}">
        <p14:creationId xmlns:p14="http://schemas.microsoft.com/office/powerpoint/2010/main" val="11174514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uppieren 2"/>
          <p:cNvGrpSpPr/>
          <p:nvPr/>
        </p:nvGrpSpPr>
        <p:grpSpPr>
          <a:xfrm>
            <a:off x="1259632" y="771550"/>
            <a:ext cx="6840760" cy="3906384"/>
            <a:chOff x="-1275403" y="908050"/>
            <a:chExt cx="10419403" cy="5949950"/>
          </a:xfrm>
        </p:grpSpPr>
        <p:sp>
          <p:nvSpPr>
            <p:cNvPr id="25603" name="Rectangle 2"/>
            <p:cNvSpPr>
              <a:spLocks noChangeArrowheads="1"/>
            </p:cNvSpPr>
            <p:nvPr/>
          </p:nvSpPr>
          <p:spPr bwMode="auto">
            <a:xfrm>
              <a:off x="-1275403" y="908050"/>
              <a:ext cx="10419403" cy="3098615"/>
            </a:xfrm>
            <a:prstGeom prst="rect">
              <a:avLst/>
            </a:prstGeom>
            <a:solidFill>
              <a:srgbClr val="E6E6E6"/>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es-419" altLang="de-DE" sz="1500" dirty="0">
                <a:solidFill>
                  <a:schemeClr val="tx1"/>
                </a:solidFill>
              </a:endParaRPr>
            </a:p>
          </p:txBody>
        </p:sp>
        <p:sp>
          <p:nvSpPr>
            <p:cNvPr id="25604" name="Rectangle 3"/>
            <p:cNvSpPr>
              <a:spLocks noChangeArrowheads="1"/>
            </p:cNvSpPr>
            <p:nvPr/>
          </p:nvSpPr>
          <p:spPr bwMode="auto">
            <a:xfrm>
              <a:off x="-1275403" y="5799138"/>
              <a:ext cx="10419403" cy="1058862"/>
            </a:xfrm>
            <a:prstGeom prst="rect">
              <a:avLst/>
            </a:prstGeom>
            <a:solidFill>
              <a:srgbClr val="E6E6E6"/>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es-419" altLang="de-DE" sz="1500" dirty="0">
                <a:solidFill>
                  <a:schemeClr val="tx1"/>
                </a:solidFill>
              </a:endParaRPr>
            </a:p>
          </p:txBody>
        </p:sp>
        <p:sp>
          <p:nvSpPr>
            <p:cNvPr id="25605" name="Rectangle 4"/>
            <p:cNvSpPr>
              <a:spLocks noChangeArrowheads="1"/>
            </p:cNvSpPr>
            <p:nvPr/>
          </p:nvSpPr>
          <p:spPr bwMode="auto">
            <a:xfrm>
              <a:off x="-1275403" y="3966178"/>
              <a:ext cx="10419403" cy="1839310"/>
            </a:xfrm>
            <a:prstGeom prst="rect">
              <a:avLst/>
            </a:prstGeom>
            <a:solidFill>
              <a:srgbClr val="B2B2B2"/>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es-419" altLang="de-DE" sz="1500" dirty="0">
                <a:solidFill>
                  <a:schemeClr val="tx1"/>
                </a:solidFill>
              </a:endParaRPr>
            </a:p>
          </p:txBody>
        </p:sp>
        <p:sp>
          <p:nvSpPr>
            <p:cNvPr id="79" name="Textfeld 78"/>
            <p:cNvSpPr txBox="1"/>
            <p:nvPr/>
          </p:nvSpPr>
          <p:spPr>
            <a:xfrm>
              <a:off x="-912629" y="1049140"/>
              <a:ext cx="2227220" cy="515663"/>
            </a:xfrm>
            <a:prstGeom prst="rect">
              <a:avLst/>
            </a:prstGeom>
            <a:noFill/>
          </p:spPr>
          <p:txBody>
            <a:bodyPr wrap="none" rtlCol="0">
              <a:spAutoFit/>
            </a:bodyPr>
            <a:lstStyle/>
            <a:p>
              <a:r>
                <a:rPr lang="es-419" sz="1600" b="1" dirty="0">
                  <a:solidFill>
                    <a:schemeClr val="bg1">
                      <a:lumMod val="50000"/>
                    </a:schemeClr>
                  </a:solidFill>
                </a:rPr>
                <a:t>Nivel Federal</a:t>
              </a:r>
            </a:p>
          </p:txBody>
        </p:sp>
        <p:sp>
          <p:nvSpPr>
            <p:cNvPr id="80" name="Textfeld 79"/>
            <p:cNvSpPr txBox="1"/>
            <p:nvPr/>
          </p:nvSpPr>
          <p:spPr>
            <a:xfrm>
              <a:off x="-946369" y="6121371"/>
              <a:ext cx="2559275" cy="515663"/>
            </a:xfrm>
            <a:prstGeom prst="rect">
              <a:avLst/>
            </a:prstGeom>
            <a:noFill/>
          </p:spPr>
          <p:txBody>
            <a:bodyPr wrap="none" rtlCol="0">
              <a:spAutoFit/>
            </a:bodyPr>
            <a:lstStyle/>
            <a:p>
              <a:r>
                <a:rPr lang="es-419" sz="1600" b="1" dirty="0">
                  <a:solidFill>
                    <a:schemeClr val="bg1">
                      <a:lumMod val="50000"/>
                    </a:schemeClr>
                  </a:solidFill>
                </a:rPr>
                <a:t>Nivel Municipal</a:t>
              </a:r>
            </a:p>
          </p:txBody>
        </p:sp>
        <p:sp>
          <p:nvSpPr>
            <p:cNvPr id="81" name="Textfeld 80"/>
            <p:cNvSpPr txBox="1"/>
            <p:nvPr/>
          </p:nvSpPr>
          <p:spPr>
            <a:xfrm>
              <a:off x="-963377" y="4653136"/>
              <a:ext cx="2451846" cy="515663"/>
            </a:xfrm>
            <a:prstGeom prst="rect">
              <a:avLst/>
            </a:prstGeom>
            <a:noFill/>
          </p:spPr>
          <p:txBody>
            <a:bodyPr wrap="none" rtlCol="0">
              <a:spAutoFit/>
            </a:bodyPr>
            <a:lstStyle/>
            <a:p>
              <a:r>
                <a:rPr lang="es-419" sz="1600" b="1" dirty="0">
                  <a:solidFill>
                    <a:schemeClr val="bg1">
                      <a:lumMod val="50000"/>
                    </a:schemeClr>
                  </a:solidFill>
                </a:rPr>
                <a:t>Nivel Cantonal</a:t>
              </a:r>
            </a:p>
          </p:txBody>
        </p:sp>
      </p:grpSp>
      <p:sp>
        <p:nvSpPr>
          <p:cNvPr id="675846" name="Rectangle 6"/>
          <p:cNvSpPr>
            <a:spLocks noGrp="1" noChangeArrowheads="1"/>
          </p:cNvSpPr>
          <p:nvPr>
            <p:ph type="title" idx="4294967295"/>
          </p:nvPr>
        </p:nvSpPr>
        <p:spPr>
          <a:xfrm>
            <a:off x="1296000" y="242888"/>
            <a:ext cx="7812504" cy="729000"/>
          </a:xfrm>
        </p:spPr>
        <p:txBody>
          <a:bodyPr/>
          <a:lstStyle/>
          <a:p>
            <a:pPr eaLnBrk="1" hangingPunct="1">
              <a:defRPr/>
            </a:pPr>
            <a:r>
              <a:rPr lang="es-419" sz="2400" dirty="0">
                <a:latin typeface="+mj-lt"/>
              </a:rPr>
              <a:t>Organizaciones involucradas</a:t>
            </a:r>
            <a:endParaRPr lang="es-419" dirty="0">
              <a:latin typeface="+mj-lt"/>
            </a:endParaRPr>
          </a:p>
        </p:txBody>
      </p:sp>
      <p:grpSp>
        <p:nvGrpSpPr>
          <p:cNvPr id="4" name="Gruppieren 3"/>
          <p:cNvGrpSpPr/>
          <p:nvPr/>
        </p:nvGrpSpPr>
        <p:grpSpPr>
          <a:xfrm>
            <a:off x="1331640" y="879899"/>
            <a:ext cx="6726389" cy="1656343"/>
            <a:chOff x="-1124923" y="1052513"/>
            <a:chExt cx="10245200" cy="2522836"/>
          </a:xfrm>
        </p:grpSpPr>
        <p:sp>
          <p:nvSpPr>
            <p:cNvPr id="25608" name="Rectangle 7"/>
            <p:cNvSpPr>
              <a:spLocks noChangeArrowheads="1"/>
            </p:cNvSpPr>
            <p:nvPr/>
          </p:nvSpPr>
          <p:spPr bwMode="auto">
            <a:xfrm>
              <a:off x="3556746" y="1052513"/>
              <a:ext cx="2389284" cy="360362"/>
            </a:xfrm>
            <a:prstGeom prst="rect">
              <a:avLst/>
            </a:prstGeom>
            <a:solidFill>
              <a:srgbClr val="FF9999"/>
            </a:solid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200" b="1" dirty="0">
                  <a:solidFill>
                    <a:srgbClr val="000000"/>
                  </a:solidFill>
                </a:rPr>
                <a:t>Gobierno Federal</a:t>
              </a:r>
            </a:p>
          </p:txBody>
        </p:sp>
        <p:sp>
          <p:nvSpPr>
            <p:cNvPr id="25609" name="Rectangle 8"/>
            <p:cNvSpPr>
              <a:spLocks noChangeArrowheads="1"/>
            </p:cNvSpPr>
            <p:nvPr/>
          </p:nvSpPr>
          <p:spPr bwMode="auto">
            <a:xfrm>
              <a:off x="825804" y="1700213"/>
              <a:ext cx="876007" cy="647700"/>
            </a:xfrm>
            <a:prstGeom prst="rect">
              <a:avLst/>
            </a:prstGeom>
            <a:solidFill>
              <a:schemeClr val="bg1">
                <a:lumMod val="75000"/>
                <a:alpha val="60000"/>
              </a:schemeClr>
            </a:solidFill>
            <a:ln>
              <a:noFill/>
            </a:ln>
            <a:effec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900" dirty="0">
                  <a:solidFill>
                    <a:srgbClr val="000000"/>
                  </a:solidFill>
                </a:rPr>
                <a:t>Exteriores</a:t>
              </a:r>
            </a:p>
          </p:txBody>
        </p:sp>
        <p:sp>
          <p:nvSpPr>
            <p:cNvPr id="25610" name="Rectangle 9"/>
            <p:cNvSpPr>
              <a:spLocks noChangeArrowheads="1"/>
            </p:cNvSpPr>
            <p:nvPr/>
          </p:nvSpPr>
          <p:spPr bwMode="auto">
            <a:xfrm>
              <a:off x="1837478" y="1700213"/>
              <a:ext cx="751025" cy="647700"/>
            </a:xfrm>
            <a:prstGeom prst="rect">
              <a:avLst/>
            </a:prstGeom>
            <a:solidFill>
              <a:schemeClr val="bg1">
                <a:lumMod val="75000"/>
                <a:alpha val="60000"/>
              </a:scheme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900" dirty="0">
                  <a:solidFill>
                    <a:srgbClr val="000000"/>
                  </a:solidFill>
                  <a:latin typeface="Arial" charset="0"/>
                </a:rPr>
                <a:t>Interiores</a:t>
              </a:r>
            </a:p>
          </p:txBody>
        </p:sp>
        <p:sp>
          <p:nvSpPr>
            <p:cNvPr id="25611" name="Rectangle 10"/>
            <p:cNvSpPr>
              <a:spLocks noChangeArrowheads="1"/>
            </p:cNvSpPr>
            <p:nvPr/>
          </p:nvSpPr>
          <p:spPr bwMode="auto">
            <a:xfrm>
              <a:off x="5017041" y="1692506"/>
              <a:ext cx="794763" cy="647700"/>
            </a:xfrm>
            <a:prstGeom prst="rect">
              <a:avLst/>
            </a:prstGeom>
            <a:solidFill>
              <a:srgbClr val="FF999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900" dirty="0">
                  <a:solidFill>
                    <a:srgbClr val="000000"/>
                  </a:solidFill>
                  <a:latin typeface="Arial" charset="0"/>
                </a:rPr>
                <a:t>Finanzas</a:t>
              </a:r>
            </a:p>
          </p:txBody>
        </p:sp>
        <p:sp>
          <p:nvSpPr>
            <p:cNvPr id="25612" name="Rectangle 11"/>
            <p:cNvSpPr>
              <a:spLocks noChangeArrowheads="1"/>
            </p:cNvSpPr>
            <p:nvPr/>
          </p:nvSpPr>
          <p:spPr bwMode="auto">
            <a:xfrm>
              <a:off x="7496727" y="1690919"/>
              <a:ext cx="1359042" cy="647700"/>
            </a:xfrm>
            <a:prstGeom prst="rect">
              <a:avLst/>
            </a:prstGeom>
            <a:solidFill>
              <a:srgbClr val="FF999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800" dirty="0">
                  <a:solidFill>
                    <a:srgbClr val="000000"/>
                  </a:solidFill>
                  <a:latin typeface="Arial" charset="0"/>
                </a:rPr>
                <a:t>Ambiente, </a:t>
              </a:r>
            </a:p>
            <a:p>
              <a:pPr algn="ctr"/>
              <a:r>
                <a:rPr lang="es-419" altLang="de-DE" sz="800" dirty="0">
                  <a:solidFill>
                    <a:srgbClr val="000000"/>
                  </a:solidFill>
                  <a:latin typeface="Arial" charset="0"/>
                </a:rPr>
                <a:t>Transporte, Energia </a:t>
              </a:r>
            </a:p>
            <a:p>
              <a:pPr algn="ctr"/>
              <a:r>
                <a:rPr lang="es-419" altLang="de-DE" sz="800" dirty="0">
                  <a:solidFill>
                    <a:srgbClr val="000000"/>
                  </a:solidFill>
                  <a:latin typeface="Arial" charset="0"/>
                </a:rPr>
                <a:t>y Comunicación</a:t>
              </a:r>
            </a:p>
          </p:txBody>
        </p:sp>
        <p:sp>
          <p:nvSpPr>
            <p:cNvPr id="25613" name="Rectangle 12"/>
            <p:cNvSpPr>
              <a:spLocks noChangeArrowheads="1"/>
            </p:cNvSpPr>
            <p:nvPr/>
          </p:nvSpPr>
          <p:spPr bwMode="auto">
            <a:xfrm>
              <a:off x="2713805" y="1700213"/>
              <a:ext cx="942972" cy="647700"/>
            </a:xfrm>
            <a:prstGeom prst="rect">
              <a:avLst/>
            </a:prstGeom>
            <a:solidFill>
              <a:srgbClr val="FF999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900" dirty="0">
                  <a:solidFill>
                    <a:srgbClr val="000000"/>
                  </a:solidFill>
                  <a:latin typeface="Arial" charset="0"/>
                </a:rPr>
                <a:t>Justicia y</a:t>
              </a:r>
            </a:p>
            <a:p>
              <a:pPr algn="ctr"/>
              <a:r>
                <a:rPr lang="es-419" altLang="de-DE" sz="900" dirty="0">
                  <a:solidFill>
                    <a:srgbClr val="000000"/>
                  </a:solidFill>
                  <a:latin typeface="Arial" charset="0"/>
                </a:rPr>
                <a:t> Policia</a:t>
              </a:r>
            </a:p>
          </p:txBody>
        </p:sp>
        <p:sp>
          <p:nvSpPr>
            <p:cNvPr id="25614" name="Rectangle 13"/>
            <p:cNvSpPr>
              <a:spLocks noChangeArrowheads="1"/>
            </p:cNvSpPr>
            <p:nvPr/>
          </p:nvSpPr>
          <p:spPr bwMode="auto">
            <a:xfrm>
              <a:off x="3817205" y="1693069"/>
              <a:ext cx="1090158" cy="647700"/>
            </a:xfrm>
            <a:prstGeom prst="rect">
              <a:avLst/>
            </a:prstGeom>
            <a:solidFill>
              <a:srgbClr val="FF999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900" dirty="0">
                  <a:solidFill>
                    <a:srgbClr val="000000"/>
                  </a:solidFill>
                  <a:latin typeface="Arial" charset="0"/>
                </a:rPr>
                <a:t>Defensa, </a:t>
              </a:r>
            </a:p>
            <a:p>
              <a:pPr algn="ctr"/>
              <a:r>
                <a:rPr lang="es-419" altLang="de-DE" sz="900" dirty="0">
                  <a:solidFill>
                    <a:srgbClr val="000000"/>
                  </a:solidFill>
                  <a:latin typeface="Arial" charset="0"/>
                </a:rPr>
                <a:t>protección </a:t>
              </a:r>
            </a:p>
            <a:p>
              <a:pPr algn="ctr"/>
              <a:r>
                <a:rPr lang="es-419" altLang="de-DE" sz="900" dirty="0">
                  <a:solidFill>
                    <a:srgbClr val="000000"/>
                  </a:solidFill>
                  <a:latin typeface="Arial" charset="0"/>
                </a:rPr>
                <a:t>civil y deporte</a:t>
              </a:r>
            </a:p>
          </p:txBody>
        </p:sp>
        <p:sp>
          <p:nvSpPr>
            <p:cNvPr id="25615" name="Rectangle 14"/>
            <p:cNvSpPr>
              <a:spLocks noChangeArrowheads="1"/>
            </p:cNvSpPr>
            <p:nvPr/>
          </p:nvSpPr>
          <p:spPr bwMode="auto">
            <a:xfrm>
              <a:off x="6001726" y="1690919"/>
              <a:ext cx="1350639" cy="647700"/>
            </a:xfrm>
            <a:prstGeom prst="rect">
              <a:avLst/>
            </a:prstGeom>
            <a:solidFill>
              <a:srgbClr val="FF999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900" dirty="0">
                  <a:solidFill>
                    <a:srgbClr val="000000"/>
                  </a:solidFill>
                </a:rPr>
                <a:t>As. económicos, </a:t>
              </a:r>
            </a:p>
            <a:p>
              <a:pPr algn="ctr"/>
              <a:r>
                <a:rPr lang="es-419" altLang="de-DE" sz="900" dirty="0">
                  <a:solidFill>
                    <a:srgbClr val="000000"/>
                  </a:solidFill>
                </a:rPr>
                <a:t>Educacion e </a:t>
              </a:r>
            </a:p>
            <a:p>
              <a:pPr algn="ctr"/>
              <a:r>
                <a:rPr lang="es-419" altLang="de-DE" sz="900" dirty="0">
                  <a:solidFill>
                    <a:srgbClr val="000000"/>
                  </a:solidFill>
                </a:rPr>
                <a:t>Investigación</a:t>
              </a:r>
            </a:p>
          </p:txBody>
        </p:sp>
        <p:cxnSp>
          <p:nvCxnSpPr>
            <p:cNvPr id="25616" name="AutoShape 15"/>
            <p:cNvCxnSpPr>
              <a:cxnSpLocks noChangeShapeType="1"/>
              <a:stCxn id="25609" idx="0"/>
              <a:endCxn id="25608" idx="2"/>
            </p:cNvCxnSpPr>
            <p:nvPr/>
          </p:nvCxnSpPr>
          <p:spPr bwMode="auto">
            <a:xfrm rot="5400000" flipH="1" flipV="1">
              <a:off x="2863929" y="-187246"/>
              <a:ext cx="287338" cy="3487581"/>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5617" name="AutoShape 16"/>
            <p:cNvCxnSpPr>
              <a:cxnSpLocks noChangeShapeType="1"/>
              <a:stCxn id="25610" idx="0"/>
            </p:cNvCxnSpPr>
            <p:nvPr/>
          </p:nvCxnSpPr>
          <p:spPr bwMode="auto">
            <a:xfrm rot="5400000" flipH="1" flipV="1">
              <a:off x="3310138" y="459643"/>
              <a:ext cx="143422" cy="2337717"/>
            </a:xfrm>
            <a:prstGeom prst="bentConnector2">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5618" name="AutoShape 17"/>
            <p:cNvCxnSpPr>
              <a:cxnSpLocks noChangeShapeType="1"/>
              <a:stCxn id="25613" idx="0"/>
              <a:endCxn id="25608" idx="2"/>
            </p:cNvCxnSpPr>
            <p:nvPr/>
          </p:nvCxnSpPr>
          <p:spPr bwMode="auto">
            <a:xfrm rot="5400000" flipH="1" flipV="1">
              <a:off x="3824671" y="773496"/>
              <a:ext cx="287338" cy="1566097"/>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5619" name="AutoShape 18"/>
            <p:cNvCxnSpPr>
              <a:cxnSpLocks noChangeShapeType="1"/>
              <a:stCxn id="25614" idx="0"/>
              <a:endCxn id="25608" idx="2"/>
            </p:cNvCxnSpPr>
            <p:nvPr/>
          </p:nvCxnSpPr>
          <p:spPr bwMode="auto">
            <a:xfrm rot="5400000" flipH="1" flipV="1">
              <a:off x="4416740" y="1358421"/>
              <a:ext cx="280195" cy="389103"/>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5620" name="AutoShape 19"/>
            <p:cNvCxnSpPr>
              <a:cxnSpLocks noChangeShapeType="1"/>
              <a:stCxn id="25615" idx="0"/>
              <a:endCxn id="25608" idx="2"/>
            </p:cNvCxnSpPr>
            <p:nvPr/>
          </p:nvCxnSpPr>
          <p:spPr bwMode="auto">
            <a:xfrm rot="16200000" flipV="1">
              <a:off x="5575197" y="589067"/>
              <a:ext cx="278044" cy="1925659"/>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5621" name="AutoShape 20"/>
            <p:cNvCxnSpPr>
              <a:cxnSpLocks noChangeShapeType="1"/>
              <a:stCxn id="25612" idx="0"/>
              <a:endCxn id="25608" idx="2"/>
            </p:cNvCxnSpPr>
            <p:nvPr/>
          </p:nvCxnSpPr>
          <p:spPr bwMode="auto">
            <a:xfrm rot="16200000" flipV="1">
              <a:off x="6324797" y="-160533"/>
              <a:ext cx="278044" cy="3424860"/>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25622" name="AutoShape 21"/>
            <p:cNvCxnSpPr>
              <a:cxnSpLocks noChangeShapeType="1"/>
              <a:stCxn id="25611" idx="0"/>
              <a:endCxn id="25608" idx="2"/>
            </p:cNvCxnSpPr>
            <p:nvPr/>
          </p:nvCxnSpPr>
          <p:spPr bwMode="auto">
            <a:xfrm rot="16200000" flipV="1">
              <a:off x="4943091" y="1221173"/>
              <a:ext cx="279631" cy="663035"/>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25626" name="Rectangle 25"/>
            <p:cNvSpPr>
              <a:spLocks noChangeArrowheads="1"/>
            </p:cNvSpPr>
            <p:nvPr/>
          </p:nvSpPr>
          <p:spPr bwMode="auto">
            <a:xfrm>
              <a:off x="282009" y="3141579"/>
              <a:ext cx="1800000" cy="432000"/>
            </a:xfrm>
            <a:prstGeom prst="rect">
              <a:avLst/>
            </a:prstGeom>
            <a:solidFill>
              <a:schemeClr val="bg1"/>
            </a:solidFill>
            <a:ln>
              <a:noFill/>
            </a:ln>
            <a:effectLst/>
          </p:spPr>
          <p:txBody>
            <a:bodyPr wrap="none" anchor="ctr"/>
            <a:lstStyle/>
            <a:p>
              <a:pPr algn="ctr"/>
              <a:r>
                <a:rPr lang="es-419" altLang="de-DE" sz="800" dirty="0">
                  <a:latin typeface="Arial" charset="0"/>
                </a:rPr>
                <a:t>Oficina Federal de </a:t>
              </a:r>
              <a:br>
                <a:rPr lang="es-419" altLang="de-DE" sz="800" dirty="0">
                  <a:latin typeface="Arial" charset="0"/>
                </a:rPr>
              </a:br>
              <a:r>
                <a:rPr lang="es-419" altLang="de-DE" sz="800" dirty="0">
                  <a:latin typeface="Arial" charset="0"/>
                </a:rPr>
                <a:t>Registro</a:t>
              </a:r>
            </a:p>
          </p:txBody>
        </p:sp>
        <p:sp>
          <p:nvSpPr>
            <p:cNvPr id="2" name="Textfeld 1"/>
            <p:cNvSpPr txBox="1"/>
            <p:nvPr/>
          </p:nvSpPr>
          <p:spPr>
            <a:xfrm>
              <a:off x="-1124923" y="1773238"/>
              <a:ext cx="2058749" cy="562543"/>
            </a:xfrm>
            <a:prstGeom prst="rect">
              <a:avLst/>
            </a:prstGeom>
            <a:noFill/>
          </p:spPr>
          <p:txBody>
            <a:bodyPr wrap="none" rtlCol="0">
              <a:spAutoFit/>
            </a:bodyPr>
            <a:lstStyle/>
            <a:p>
              <a:r>
                <a:rPr lang="es-419" sz="900" dirty="0"/>
                <a:t>7 Departamentos</a:t>
              </a:r>
            </a:p>
            <a:p>
              <a:r>
                <a:rPr lang="es-419" sz="900" dirty="0"/>
                <a:t>federales (ministerios):</a:t>
              </a:r>
            </a:p>
          </p:txBody>
        </p:sp>
        <p:sp>
          <p:nvSpPr>
            <p:cNvPr id="86" name="Rectangle 23"/>
            <p:cNvSpPr>
              <a:spLocks noChangeArrowheads="1"/>
            </p:cNvSpPr>
            <p:nvPr/>
          </p:nvSpPr>
          <p:spPr bwMode="auto">
            <a:xfrm>
              <a:off x="7320277" y="2707713"/>
              <a:ext cx="1800000" cy="4320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900" dirty="0">
                  <a:latin typeface="Arial" charset="0"/>
                </a:rPr>
                <a:t>Oficina Federal </a:t>
              </a:r>
            </a:p>
            <a:p>
              <a:pPr algn="ctr"/>
              <a:r>
                <a:rPr lang="es-419" altLang="de-DE" sz="900" dirty="0">
                  <a:latin typeface="Arial" charset="0"/>
                </a:rPr>
                <a:t>Desarrollo Territorial</a:t>
              </a:r>
            </a:p>
          </p:txBody>
        </p:sp>
        <p:sp>
          <p:nvSpPr>
            <p:cNvPr id="87" name="Rectangle 23"/>
            <p:cNvSpPr>
              <a:spLocks noChangeArrowheads="1"/>
            </p:cNvSpPr>
            <p:nvPr/>
          </p:nvSpPr>
          <p:spPr bwMode="auto">
            <a:xfrm>
              <a:off x="5913653" y="2707713"/>
              <a:ext cx="1296947" cy="407613"/>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900" dirty="0">
                  <a:latin typeface="Arial" charset="0"/>
                </a:rPr>
                <a:t>Oficina Federal </a:t>
              </a:r>
            </a:p>
            <a:p>
              <a:pPr algn="ctr"/>
              <a:r>
                <a:rPr lang="es-419" altLang="de-DE" sz="900" dirty="0">
                  <a:latin typeface="Arial" charset="0"/>
                </a:rPr>
                <a:t>Agricultura</a:t>
              </a:r>
            </a:p>
          </p:txBody>
        </p:sp>
        <p:sp>
          <p:nvSpPr>
            <p:cNvPr id="91" name="Rectangle 23"/>
            <p:cNvSpPr>
              <a:spLocks noChangeArrowheads="1"/>
            </p:cNvSpPr>
            <p:nvPr/>
          </p:nvSpPr>
          <p:spPr bwMode="auto">
            <a:xfrm>
              <a:off x="4124273" y="2707713"/>
              <a:ext cx="1660513" cy="4320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900" dirty="0">
                  <a:latin typeface="Arial" charset="0"/>
                </a:rPr>
                <a:t>Administración </a:t>
              </a:r>
            </a:p>
            <a:p>
              <a:pPr algn="ctr"/>
              <a:r>
                <a:rPr lang="es-419" altLang="de-DE" sz="900" dirty="0">
                  <a:latin typeface="Arial" charset="0"/>
                </a:rPr>
                <a:t>Federal Impuestos</a:t>
              </a:r>
            </a:p>
          </p:txBody>
        </p:sp>
        <p:sp>
          <p:nvSpPr>
            <p:cNvPr id="99" name="Rectangle 22"/>
            <p:cNvSpPr>
              <a:spLocks noChangeArrowheads="1"/>
            </p:cNvSpPr>
            <p:nvPr/>
          </p:nvSpPr>
          <p:spPr bwMode="auto">
            <a:xfrm>
              <a:off x="2261142" y="2707713"/>
              <a:ext cx="1799605" cy="4320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900" dirty="0">
                  <a:latin typeface="Arial" charset="0"/>
                </a:rPr>
                <a:t>Oficina Federal </a:t>
              </a:r>
            </a:p>
            <a:p>
              <a:pPr algn="ctr"/>
              <a:r>
                <a:rPr lang="es-419" altLang="de-DE" sz="900" dirty="0">
                  <a:latin typeface="Arial" charset="0"/>
                </a:rPr>
                <a:t>Topografía swisstopo </a:t>
              </a:r>
            </a:p>
          </p:txBody>
        </p:sp>
        <p:sp>
          <p:nvSpPr>
            <p:cNvPr id="105" name="Rectangle 24"/>
            <p:cNvSpPr>
              <a:spLocks noChangeArrowheads="1"/>
            </p:cNvSpPr>
            <p:nvPr/>
          </p:nvSpPr>
          <p:spPr bwMode="auto">
            <a:xfrm>
              <a:off x="2261141" y="3143349"/>
              <a:ext cx="1799606" cy="432000"/>
            </a:xfrm>
            <a:prstGeom prst="rect">
              <a:avLst/>
            </a:prstGeom>
            <a:solidFill>
              <a:schemeClr val="bg1"/>
            </a:solidFill>
            <a:ln>
              <a:noFill/>
            </a:ln>
            <a:effectLst/>
          </p:spPr>
          <p:txBody>
            <a:bodyPr wrap="none" anchor="ctr"/>
            <a:lstStyle/>
            <a:p>
              <a:pPr algn="ctr"/>
              <a:r>
                <a:rPr lang="es-419" altLang="de-DE" sz="800" dirty="0">
                  <a:latin typeface="Arial" charset="0"/>
                </a:rPr>
                <a:t>Dirección Federal de </a:t>
              </a:r>
              <a:br>
                <a:rPr lang="es-419" altLang="de-DE" sz="800" dirty="0">
                  <a:latin typeface="Arial" charset="0"/>
                </a:rPr>
              </a:br>
              <a:r>
                <a:rPr lang="es-419" altLang="de-DE" sz="800" dirty="0">
                  <a:latin typeface="Arial" charset="0"/>
                </a:rPr>
                <a:t>Catastro</a:t>
              </a:r>
            </a:p>
          </p:txBody>
        </p:sp>
        <p:sp>
          <p:nvSpPr>
            <p:cNvPr id="25624" name="Rectangle 23"/>
            <p:cNvSpPr>
              <a:spLocks noChangeArrowheads="1"/>
            </p:cNvSpPr>
            <p:nvPr/>
          </p:nvSpPr>
          <p:spPr bwMode="auto">
            <a:xfrm>
              <a:off x="282009" y="2707713"/>
              <a:ext cx="1800000" cy="4320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900" dirty="0">
                  <a:latin typeface="Arial" charset="0"/>
                </a:rPr>
                <a:t>Oficina Federal de </a:t>
              </a:r>
              <a:br>
                <a:rPr lang="es-419" altLang="de-DE" sz="900" dirty="0">
                  <a:latin typeface="Arial" charset="0"/>
                </a:rPr>
              </a:br>
              <a:r>
                <a:rPr lang="es-419" altLang="de-DE" sz="900" dirty="0">
                  <a:latin typeface="Arial" charset="0"/>
                </a:rPr>
                <a:t>Justicia</a:t>
              </a:r>
            </a:p>
          </p:txBody>
        </p:sp>
        <p:cxnSp>
          <p:nvCxnSpPr>
            <p:cNvPr id="70" name="Gewinkelte Verbindung 69"/>
            <p:cNvCxnSpPr>
              <a:stCxn id="25613" idx="2"/>
              <a:endCxn id="25624" idx="0"/>
            </p:cNvCxnSpPr>
            <p:nvPr/>
          </p:nvCxnSpPr>
          <p:spPr bwMode="auto">
            <a:xfrm rot="5400000">
              <a:off x="2003752" y="1526172"/>
              <a:ext cx="359800" cy="2003281"/>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3" name="Gewinkelte Verbindung 152"/>
            <p:cNvCxnSpPr>
              <a:stCxn id="25614" idx="2"/>
              <a:endCxn id="99" idx="0"/>
            </p:cNvCxnSpPr>
            <p:nvPr/>
          </p:nvCxnSpPr>
          <p:spPr bwMode="auto">
            <a:xfrm rot="5400000">
              <a:off x="3578144" y="1923570"/>
              <a:ext cx="366943" cy="1201339"/>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6" name="Gewinkelte Verbindung 155"/>
            <p:cNvCxnSpPr>
              <a:stCxn id="25611" idx="2"/>
              <a:endCxn id="91" idx="0"/>
            </p:cNvCxnSpPr>
            <p:nvPr/>
          </p:nvCxnSpPr>
          <p:spPr bwMode="auto">
            <a:xfrm rot="5400000">
              <a:off x="5000723" y="2294012"/>
              <a:ext cx="367507" cy="459892"/>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59" name="Gewinkelte Verbindung 158"/>
            <p:cNvCxnSpPr>
              <a:stCxn id="25615" idx="2"/>
              <a:endCxn id="87" idx="0"/>
            </p:cNvCxnSpPr>
            <p:nvPr/>
          </p:nvCxnSpPr>
          <p:spPr bwMode="auto">
            <a:xfrm rot="5400000">
              <a:off x="6435040" y="2465705"/>
              <a:ext cx="369094" cy="114921"/>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2" name="Gewinkelte Verbindung 161"/>
            <p:cNvCxnSpPr>
              <a:stCxn id="25612" idx="2"/>
              <a:endCxn id="86" idx="0"/>
            </p:cNvCxnSpPr>
            <p:nvPr/>
          </p:nvCxnSpPr>
          <p:spPr bwMode="auto">
            <a:xfrm rot="16200000" flipH="1">
              <a:off x="8013716" y="2501150"/>
              <a:ext cx="369094" cy="44029"/>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grpSp>
        <p:nvGrpSpPr>
          <p:cNvPr id="6" name="Gruppieren 5"/>
          <p:cNvGrpSpPr/>
          <p:nvPr/>
        </p:nvGrpSpPr>
        <p:grpSpPr>
          <a:xfrm>
            <a:off x="3703324" y="2931790"/>
            <a:ext cx="4303674" cy="987308"/>
            <a:chOff x="2545468" y="4106599"/>
            <a:chExt cx="6555077" cy="1503804"/>
          </a:xfrm>
        </p:grpSpPr>
        <p:grpSp>
          <p:nvGrpSpPr>
            <p:cNvPr id="117" name="Gruppieren 116"/>
            <p:cNvGrpSpPr/>
            <p:nvPr/>
          </p:nvGrpSpPr>
          <p:grpSpPr>
            <a:xfrm>
              <a:off x="2545468" y="4111618"/>
              <a:ext cx="3499758" cy="606598"/>
              <a:chOff x="4345668" y="4437063"/>
              <a:chExt cx="3499758" cy="606598"/>
            </a:xfrm>
          </p:grpSpPr>
          <p:sp>
            <p:nvSpPr>
              <p:cNvPr id="191" name="Rectangle 34"/>
              <p:cNvSpPr>
                <a:spLocks noChangeArrowheads="1"/>
              </p:cNvSpPr>
              <p:nvPr/>
            </p:nvSpPr>
            <p:spPr bwMode="auto">
              <a:xfrm>
                <a:off x="5029200" y="4653136"/>
                <a:ext cx="2816226" cy="390525"/>
              </a:xfrm>
              <a:prstGeom prst="rect">
                <a:avLst/>
              </a:prstGeom>
              <a:solidFill>
                <a:srgbClr val="FF9999"/>
              </a:solid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endParaRPr lang="es-419" altLang="de-DE" sz="1200" b="1" dirty="0">
                  <a:solidFill>
                    <a:srgbClr val="000000"/>
                  </a:solidFill>
                </a:endParaRPr>
              </a:p>
            </p:txBody>
          </p:sp>
          <p:sp>
            <p:nvSpPr>
              <p:cNvPr id="190" name="Rectangle 34"/>
              <p:cNvSpPr>
                <a:spLocks noChangeArrowheads="1"/>
              </p:cNvSpPr>
              <p:nvPr/>
            </p:nvSpPr>
            <p:spPr bwMode="auto">
              <a:xfrm>
                <a:off x="4876800" y="4581128"/>
                <a:ext cx="2816226" cy="390525"/>
              </a:xfrm>
              <a:prstGeom prst="rect">
                <a:avLst/>
              </a:prstGeom>
              <a:solidFill>
                <a:srgbClr val="FF9999"/>
              </a:solid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1200" b="1" dirty="0">
                  <a:solidFill>
                    <a:srgbClr val="000000"/>
                  </a:solidFill>
                  <a:latin typeface="Arial" charset="0"/>
                </a:endParaRPr>
              </a:p>
            </p:txBody>
          </p:sp>
          <p:sp>
            <p:nvSpPr>
              <p:cNvPr id="189" name="Rectangle 34"/>
              <p:cNvSpPr>
                <a:spLocks noChangeArrowheads="1"/>
              </p:cNvSpPr>
              <p:nvPr/>
            </p:nvSpPr>
            <p:spPr bwMode="auto">
              <a:xfrm>
                <a:off x="4724400" y="4509120"/>
                <a:ext cx="2816226" cy="390525"/>
              </a:xfrm>
              <a:prstGeom prst="rect">
                <a:avLst/>
              </a:prstGeom>
              <a:solidFill>
                <a:srgbClr val="FF9999"/>
              </a:solid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1200" b="1" dirty="0">
                  <a:solidFill>
                    <a:srgbClr val="000000"/>
                  </a:solidFill>
                  <a:latin typeface="Arial" charset="0"/>
                </a:endParaRPr>
              </a:p>
            </p:txBody>
          </p:sp>
          <p:sp>
            <p:nvSpPr>
              <p:cNvPr id="25635" name="Rectangle 34"/>
              <p:cNvSpPr>
                <a:spLocks noChangeArrowheads="1"/>
              </p:cNvSpPr>
              <p:nvPr/>
            </p:nvSpPr>
            <p:spPr bwMode="auto">
              <a:xfrm>
                <a:off x="4345668" y="4437063"/>
                <a:ext cx="3075531" cy="390524"/>
              </a:xfrm>
              <a:prstGeom prst="rect">
                <a:avLst/>
              </a:prstGeom>
              <a:solidFill>
                <a:srgbClr val="FF9999"/>
              </a:solid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1200" b="1" dirty="0">
                    <a:solidFill>
                      <a:srgbClr val="000000"/>
                    </a:solidFill>
                    <a:latin typeface="Arial" charset="0"/>
                  </a:rPr>
                  <a:t>26 Gobiernos cantonales</a:t>
                </a:r>
              </a:p>
            </p:txBody>
          </p:sp>
        </p:grpSp>
        <p:grpSp>
          <p:nvGrpSpPr>
            <p:cNvPr id="194" name="Gruppieren 193"/>
            <p:cNvGrpSpPr/>
            <p:nvPr/>
          </p:nvGrpSpPr>
          <p:grpSpPr>
            <a:xfrm>
              <a:off x="2900262" y="5003805"/>
              <a:ext cx="3759970" cy="606598"/>
              <a:chOff x="4085456" y="4437063"/>
              <a:chExt cx="3759970" cy="606598"/>
            </a:xfrm>
            <a:solidFill>
              <a:srgbClr val="FFCCCC"/>
            </a:solidFill>
          </p:grpSpPr>
          <p:sp>
            <p:nvSpPr>
              <p:cNvPr id="195" name="Rectangle 34"/>
              <p:cNvSpPr>
                <a:spLocks noChangeArrowheads="1"/>
              </p:cNvSpPr>
              <p:nvPr/>
            </p:nvSpPr>
            <p:spPr bwMode="auto">
              <a:xfrm>
                <a:off x="5029200" y="4653136"/>
                <a:ext cx="2816226" cy="390525"/>
              </a:xfrm>
              <a:prstGeom prst="rect">
                <a:avLst/>
              </a:prstGeom>
              <a:grp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endParaRPr lang="es-419" altLang="de-DE" sz="1200" b="1" dirty="0">
                  <a:solidFill>
                    <a:srgbClr val="000000"/>
                  </a:solidFill>
                </a:endParaRPr>
              </a:p>
            </p:txBody>
          </p:sp>
          <p:sp>
            <p:nvSpPr>
              <p:cNvPr id="196" name="Rectangle 34"/>
              <p:cNvSpPr>
                <a:spLocks noChangeArrowheads="1"/>
              </p:cNvSpPr>
              <p:nvPr/>
            </p:nvSpPr>
            <p:spPr bwMode="auto">
              <a:xfrm>
                <a:off x="4876800" y="4581128"/>
                <a:ext cx="2816226" cy="390525"/>
              </a:xfrm>
              <a:prstGeom prst="rect">
                <a:avLst/>
              </a:prstGeom>
              <a:grp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1200" b="1" dirty="0">
                  <a:solidFill>
                    <a:srgbClr val="000000"/>
                  </a:solidFill>
                  <a:latin typeface="Arial" charset="0"/>
                </a:endParaRPr>
              </a:p>
            </p:txBody>
          </p:sp>
          <p:sp>
            <p:nvSpPr>
              <p:cNvPr id="197" name="Rectangle 34"/>
              <p:cNvSpPr>
                <a:spLocks noChangeArrowheads="1"/>
              </p:cNvSpPr>
              <p:nvPr/>
            </p:nvSpPr>
            <p:spPr bwMode="auto">
              <a:xfrm>
                <a:off x="4724400" y="4509120"/>
                <a:ext cx="2816226" cy="390525"/>
              </a:xfrm>
              <a:prstGeom prst="rect">
                <a:avLst/>
              </a:prstGeom>
              <a:grp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1200" b="1" dirty="0">
                  <a:solidFill>
                    <a:srgbClr val="000000"/>
                  </a:solidFill>
                  <a:latin typeface="Arial" charset="0"/>
                </a:endParaRPr>
              </a:p>
            </p:txBody>
          </p:sp>
          <p:sp>
            <p:nvSpPr>
              <p:cNvPr id="198" name="Rectangle 34"/>
              <p:cNvSpPr>
                <a:spLocks noChangeArrowheads="1"/>
              </p:cNvSpPr>
              <p:nvPr/>
            </p:nvSpPr>
            <p:spPr bwMode="auto">
              <a:xfrm>
                <a:off x="4085456" y="4437063"/>
                <a:ext cx="3302771" cy="390524"/>
              </a:xfrm>
              <a:prstGeom prst="rect">
                <a:avLst/>
              </a:prstGeom>
              <a:grp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1200" dirty="0">
                    <a:solidFill>
                      <a:srgbClr val="000000"/>
                    </a:solidFill>
                    <a:latin typeface="Arial" charset="0"/>
                  </a:rPr>
                  <a:t>26 Administraciones cantonales</a:t>
                </a:r>
              </a:p>
            </p:txBody>
          </p:sp>
        </p:grpSp>
        <p:cxnSp>
          <p:nvCxnSpPr>
            <p:cNvPr id="199" name="Gewinkelte Verbindung 198"/>
            <p:cNvCxnSpPr>
              <a:stCxn id="191" idx="2"/>
              <a:endCxn id="198" idx="0"/>
            </p:cNvCxnSpPr>
            <p:nvPr/>
          </p:nvCxnSpPr>
          <p:spPr bwMode="auto">
            <a:xfrm rot="5400000">
              <a:off x="4451586" y="4818277"/>
              <a:ext cx="285589" cy="85466"/>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nvGrpSpPr>
            <p:cNvPr id="58" name="Gruppieren 57"/>
            <p:cNvGrpSpPr/>
            <p:nvPr/>
          </p:nvGrpSpPr>
          <p:grpSpPr>
            <a:xfrm>
              <a:off x="6756829" y="4106599"/>
              <a:ext cx="1944217" cy="720303"/>
              <a:chOff x="899591" y="1052513"/>
              <a:chExt cx="7957789" cy="2087200"/>
            </a:xfrm>
          </p:grpSpPr>
          <p:sp>
            <p:nvSpPr>
              <p:cNvPr id="59" name="Rectangle 7"/>
              <p:cNvSpPr>
                <a:spLocks noChangeArrowheads="1"/>
              </p:cNvSpPr>
              <p:nvPr/>
            </p:nvSpPr>
            <p:spPr bwMode="auto">
              <a:xfrm>
                <a:off x="3657600" y="1052513"/>
                <a:ext cx="2187576" cy="360362"/>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60" name="Rectangle 8"/>
              <p:cNvSpPr>
                <a:spLocks noChangeArrowheads="1"/>
              </p:cNvSpPr>
              <p:nvPr/>
            </p:nvSpPr>
            <p:spPr bwMode="auto">
              <a:xfrm>
                <a:off x="1243945" y="1700213"/>
                <a:ext cx="786467"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61" name="Rectangle 9"/>
              <p:cNvSpPr>
                <a:spLocks noChangeArrowheads="1"/>
              </p:cNvSpPr>
              <p:nvPr/>
            </p:nvSpPr>
            <p:spPr bwMode="auto">
              <a:xfrm>
                <a:off x="2159199" y="1700213"/>
                <a:ext cx="562918"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62" name="Rectangle 10"/>
              <p:cNvSpPr>
                <a:spLocks noChangeArrowheads="1"/>
              </p:cNvSpPr>
              <p:nvPr/>
            </p:nvSpPr>
            <p:spPr bwMode="auto">
              <a:xfrm>
                <a:off x="5142257" y="1692506"/>
                <a:ext cx="723804"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63" name="Rectangle 11"/>
              <p:cNvSpPr>
                <a:spLocks noChangeArrowheads="1"/>
              </p:cNvSpPr>
              <p:nvPr/>
            </p:nvSpPr>
            <p:spPr bwMode="auto">
              <a:xfrm>
                <a:off x="7438287" y="1690919"/>
                <a:ext cx="1161690"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64" name="Rectangle 12"/>
              <p:cNvSpPr>
                <a:spLocks noChangeArrowheads="1"/>
              </p:cNvSpPr>
              <p:nvPr/>
            </p:nvSpPr>
            <p:spPr bwMode="auto">
              <a:xfrm>
                <a:off x="2853139" y="1700213"/>
                <a:ext cx="942972"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65" name="Rectangle 13"/>
              <p:cNvSpPr>
                <a:spLocks noChangeArrowheads="1"/>
              </p:cNvSpPr>
              <p:nvPr/>
            </p:nvSpPr>
            <p:spPr bwMode="auto">
              <a:xfrm>
                <a:off x="3923962" y="1693069"/>
                <a:ext cx="1090158"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66" name="Rectangle 14"/>
              <p:cNvSpPr>
                <a:spLocks noChangeArrowheads="1"/>
              </p:cNvSpPr>
              <p:nvPr/>
            </p:nvSpPr>
            <p:spPr bwMode="auto">
              <a:xfrm>
                <a:off x="6001728" y="1690919"/>
                <a:ext cx="1300892"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cxnSp>
            <p:nvCxnSpPr>
              <p:cNvPr id="67" name="AutoShape 15"/>
              <p:cNvCxnSpPr>
                <a:cxnSpLocks noChangeShapeType="1"/>
                <a:stCxn id="60" idx="0"/>
                <a:endCxn id="59" idx="2"/>
              </p:cNvCxnSpPr>
              <p:nvPr/>
            </p:nvCxnSpPr>
            <p:spPr bwMode="auto">
              <a:xfrm rot="5400000" flipH="1" flipV="1">
                <a:off x="3050614" y="-560"/>
                <a:ext cx="287338" cy="3114209"/>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68" name="AutoShape 16"/>
              <p:cNvCxnSpPr>
                <a:cxnSpLocks noChangeShapeType="1"/>
                <a:stCxn id="61" idx="0"/>
              </p:cNvCxnSpPr>
              <p:nvPr/>
            </p:nvCxnSpPr>
            <p:spPr bwMode="auto">
              <a:xfrm rot="5400000" flipH="1" flipV="1">
                <a:off x="3537806" y="459643"/>
                <a:ext cx="143423" cy="2337719"/>
              </a:xfrm>
              <a:prstGeom prst="bentConnector2">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69" name="AutoShape 17"/>
              <p:cNvCxnSpPr>
                <a:cxnSpLocks noChangeShapeType="1"/>
                <a:stCxn id="64" idx="0"/>
                <a:endCxn id="59" idx="2"/>
              </p:cNvCxnSpPr>
              <p:nvPr/>
            </p:nvCxnSpPr>
            <p:spPr bwMode="auto">
              <a:xfrm rot="5400000" flipH="1" flipV="1">
                <a:off x="3894337" y="843163"/>
                <a:ext cx="287338" cy="1426763"/>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1" name="AutoShape 18"/>
              <p:cNvCxnSpPr>
                <a:cxnSpLocks noChangeShapeType="1"/>
                <a:stCxn id="65" idx="0"/>
                <a:endCxn id="59" idx="2"/>
              </p:cNvCxnSpPr>
              <p:nvPr/>
            </p:nvCxnSpPr>
            <p:spPr bwMode="auto">
              <a:xfrm rot="5400000" flipH="1" flipV="1">
                <a:off x="4470117" y="1411799"/>
                <a:ext cx="280194" cy="282347"/>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2" name="AutoShape 19"/>
              <p:cNvCxnSpPr>
                <a:cxnSpLocks noChangeShapeType="1"/>
                <a:stCxn id="66" idx="0"/>
                <a:endCxn id="59" idx="2"/>
              </p:cNvCxnSpPr>
              <p:nvPr/>
            </p:nvCxnSpPr>
            <p:spPr bwMode="auto">
              <a:xfrm rot="16200000" flipV="1">
                <a:off x="5562759" y="601504"/>
                <a:ext cx="278044" cy="1900786"/>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3" name="AutoShape 20"/>
              <p:cNvCxnSpPr>
                <a:cxnSpLocks noChangeShapeType="1"/>
                <a:stCxn id="63" idx="0"/>
                <a:endCxn id="59" idx="2"/>
              </p:cNvCxnSpPr>
              <p:nvPr/>
            </p:nvCxnSpPr>
            <p:spPr bwMode="auto">
              <a:xfrm rot="16200000" flipV="1">
                <a:off x="6246238" y="-81975"/>
                <a:ext cx="278044" cy="3267744"/>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74" name="AutoShape 21"/>
              <p:cNvCxnSpPr>
                <a:cxnSpLocks noChangeShapeType="1"/>
                <a:stCxn id="62" idx="0"/>
                <a:endCxn id="59" idx="2"/>
              </p:cNvCxnSpPr>
              <p:nvPr/>
            </p:nvCxnSpPr>
            <p:spPr bwMode="auto">
              <a:xfrm rot="16200000" flipV="1">
                <a:off x="4987959" y="1176305"/>
                <a:ext cx="279631" cy="752771"/>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5" name="Rectangle 23"/>
              <p:cNvSpPr>
                <a:spLocks noChangeArrowheads="1"/>
              </p:cNvSpPr>
              <p:nvPr/>
            </p:nvSpPr>
            <p:spPr bwMode="auto">
              <a:xfrm>
                <a:off x="7057380" y="2707713"/>
                <a:ext cx="1800000" cy="4320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76" name="Rectangle 23"/>
              <p:cNvSpPr>
                <a:spLocks noChangeArrowheads="1"/>
              </p:cNvSpPr>
              <p:nvPr/>
            </p:nvSpPr>
            <p:spPr bwMode="auto">
              <a:xfrm>
                <a:off x="5632297" y="2707713"/>
                <a:ext cx="1296946" cy="407613"/>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77" name="Rectangle 23"/>
              <p:cNvSpPr>
                <a:spLocks noChangeArrowheads="1"/>
              </p:cNvSpPr>
              <p:nvPr/>
            </p:nvSpPr>
            <p:spPr bwMode="auto">
              <a:xfrm>
                <a:off x="4239880" y="2707713"/>
                <a:ext cx="1224592" cy="4320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78" name="Rectangle 22"/>
              <p:cNvSpPr>
                <a:spLocks noChangeArrowheads="1"/>
              </p:cNvSpPr>
              <p:nvPr/>
            </p:nvSpPr>
            <p:spPr bwMode="auto">
              <a:xfrm>
                <a:off x="2261142" y="2707713"/>
                <a:ext cx="1799605" cy="4320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82" name="Rectangle 23"/>
              <p:cNvSpPr>
                <a:spLocks noChangeArrowheads="1"/>
              </p:cNvSpPr>
              <p:nvPr/>
            </p:nvSpPr>
            <p:spPr bwMode="auto">
              <a:xfrm>
                <a:off x="899591" y="2707713"/>
                <a:ext cx="1182417" cy="4320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cxnSp>
            <p:nvCxnSpPr>
              <p:cNvPr id="83" name="Gewinkelte Verbindung 82"/>
              <p:cNvCxnSpPr>
                <a:stCxn id="64" idx="2"/>
                <a:endCxn id="82" idx="0"/>
              </p:cNvCxnSpPr>
              <p:nvPr/>
            </p:nvCxnSpPr>
            <p:spPr bwMode="auto">
              <a:xfrm rot="5400000">
                <a:off x="2227813" y="1610901"/>
                <a:ext cx="359800" cy="1833825"/>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4" name="Gewinkelte Verbindung 83"/>
              <p:cNvCxnSpPr>
                <a:stCxn id="65" idx="2"/>
                <a:endCxn id="78" idx="0"/>
              </p:cNvCxnSpPr>
              <p:nvPr/>
            </p:nvCxnSpPr>
            <p:spPr bwMode="auto">
              <a:xfrm rot="5400000">
                <a:off x="3631521" y="1870193"/>
                <a:ext cx="366944" cy="1308096"/>
              </a:xfrm>
              <a:prstGeom prst="bentConnector3">
                <a:avLst>
                  <a:gd name="adj1" fmla="val 63844"/>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5" name="Gewinkelte Verbindung 84"/>
              <p:cNvCxnSpPr>
                <a:stCxn id="62" idx="2"/>
                <a:endCxn id="77" idx="0"/>
              </p:cNvCxnSpPr>
              <p:nvPr/>
            </p:nvCxnSpPr>
            <p:spPr bwMode="auto">
              <a:xfrm rot="5400000">
                <a:off x="4994415" y="2197968"/>
                <a:ext cx="367507" cy="651983"/>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89" name="Gewinkelte Verbindung 88"/>
              <p:cNvCxnSpPr>
                <a:stCxn id="66" idx="2"/>
                <a:endCxn id="76" idx="0"/>
              </p:cNvCxnSpPr>
              <p:nvPr/>
            </p:nvCxnSpPr>
            <p:spPr bwMode="auto">
              <a:xfrm rot="5400000">
                <a:off x="6281925" y="2337464"/>
                <a:ext cx="369094" cy="371404"/>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90" name="Gewinkelte Verbindung 89"/>
              <p:cNvCxnSpPr>
                <a:stCxn id="63" idx="2"/>
                <a:endCxn id="75" idx="0"/>
              </p:cNvCxnSpPr>
              <p:nvPr/>
            </p:nvCxnSpPr>
            <p:spPr bwMode="auto">
              <a:xfrm rot="5400000">
                <a:off x="7803709" y="2492290"/>
                <a:ext cx="369094" cy="61752"/>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grpSp>
          <p:nvGrpSpPr>
            <p:cNvPr id="147" name="Gruppieren 146"/>
            <p:cNvGrpSpPr/>
            <p:nvPr/>
          </p:nvGrpSpPr>
          <p:grpSpPr>
            <a:xfrm>
              <a:off x="7820826" y="4977536"/>
              <a:ext cx="1279719" cy="611704"/>
              <a:chOff x="2159199" y="1052513"/>
              <a:chExt cx="6698181" cy="2087200"/>
            </a:xfrm>
          </p:grpSpPr>
          <p:sp>
            <p:nvSpPr>
              <p:cNvPr id="148" name="Rectangle 7"/>
              <p:cNvSpPr>
                <a:spLocks noChangeArrowheads="1"/>
              </p:cNvSpPr>
              <p:nvPr/>
            </p:nvSpPr>
            <p:spPr bwMode="auto">
              <a:xfrm>
                <a:off x="3657600" y="1052513"/>
                <a:ext cx="2187576" cy="360362"/>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150" name="Rectangle 9"/>
              <p:cNvSpPr>
                <a:spLocks noChangeArrowheads="1"/>
              </p:cNvSpPr>
              <p:nvPr/>
            </p:nvSpPr>
            <p:spPr bwMode="auto">
              <a:xfrm>
                <a:off x="2159199" y="1700213"/>
                <a:ext cx="562918"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151" name="Rectangle 10"/>
              <p:cNvSpPr>
                <a:spLocks noChangeArrowheads="1"/>
              </p:cNvSpPr>
              <p:nvPr/>
            </p:nvSpPr>
            <p:spPr bwMode="auto">
              <a:xfrm>
                <a:off x="5142257" y="1692506"/>
                <a:ext cx="723804"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152" name="Rectangle 11"/>
              <p:cNvSpPr>
                <a:spLocks noChangeArrowheads="1"/>
              </p:cNvSpPr>
              <p:nvPr/>
            </p:nvSpPr>
            <p:spPr bwMode="auto">
              <a:xfrm>
                <a:off x="7438287" y="1690919"/>
                <a:ext cx="1161690"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154" name="Rectangle 12"/>
              <p:cNvSpPr>
                <a:spLocks noChangeArrowheads="1"/>
              </p:cNvSpPr>
              <p:nvPr/>
            </p:nvSpPr>
            <p:spPr bwMode="auto">
              <a:xfrm>
                <a:off x="2853139" y="1700213"/>
                <a:ext cx="942972"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155" name="Rectangle 13"/>
              <p:cNvSpPr>
                <a:spLocks noChangeArrowheads="1"/>
              </p:cNvSpPr>
              <p:nvPr/>
            </p:nvSpPr>
            <p:spPr bwMode="auto">
              <a:xfrm>
                <a:off x="3923962" y="1693069"/>
                <a:ext cx="1090158"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157" name="Rectangle 14"/>
              <p:cNvSpPr>
                <a:spLocks noChangeArrowheads="1"/>
              </p:cNvSpPr>
              <p:nvPr/>
            </p:nvSpPr>
            <p:spPr bwMode="auto">
              <a:xfrm>
                <a:off x="6001728" y="1690919"/>
                <a:ext cx="1300892" cy="6477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cxnSp>
            <p:nvCxnSpPr>
              <p:cNvPr id="160" name="AutoShape 16"/>
              <p:cNvCxnSpPr>
                <a:cxnSpLocks noChangeShapeType="1"/>
                <a:stCxn id="150" idx="0"/>
              </p:cNvCxnSpPr>
              <p:nvPr/>
            </p:nvCxnSpPr>
            <p:spPr bwMode="auto">
              <a:xfrm rot="5400000" flipH="1" flipV="1">
                <a:off x="3537806" y="459643"/>
                <a:ext cx="143423" cy="2337719"/>
              </a:xfrm>
              <a:prstGeom prst="bentConnector2">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1" name="AutoShape 17"/>
              <p:cNvCxnSpPr>
                <a:cxnSpLocks noChangeShapeType="1"/>
                <a:stCxn id="154" idx="0"/>
                <a:endCxn id="148" idx="2"/>
              </p:cNvCxnSpPr>
              <p:nvPr/>
            </p:nvCxnSpPr>
            <p:spPr bwMode="auto">
              <a:xfrm rot="5400000" flipH="1" flipV="1">
                <a:off x="3894337" y="843163"/>
                <a:ext cx="287338" cy="1426763"/>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3" name="AutoShape 18"/>
              <p:cNvCxnSpPr>
                <a:cxnSpLocks noChangeShapeType="1"/>
                <a:stCxn id="155" idx="0"/>
                <a:endCxn id="148" idx="2"/>
              </p:cNvCxnSpPr>
              <p:nvPr/>
            </p:nvCxnSpPr>
            <p:spPr bwMode="auto">
              <a:xfrm rot="5400000" flipH="1" flipV="1">
                <a:off x="4470117" y="1411799"/>
                <a:ext cx="280194" cy="282347"/>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4" name="AutoShape 19"/>
              <p:cNvCxnSpPr>
                <a:cxnSpLocks noChangeShapeType="1"/>
                <a:stCxn id="157" idx="0"/>
                <a:endCxn id="148" idx="2"/>
              </p:cNvCxnSpPr>
              <p:nvPr/>
            </p:nvCxnSpPr>
            <p:spPr bwMode="auto">
              <a:xfrm rot="16200000" flipV="1">
                <a:off x="5562759" y="601504"/>
                <a:ext cx="278044" cy="1900786"/>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6" name="AutoShape 20"/>
              <p:cNvCxnSpPr>
                <a:cxnSpLocks noChangeShapeType="1"/>
                <a:stCxn id="152" idx="0"/>
                <a:endCxn id="148" idx="2"/>
              </p:cNvCxnSpPr>
              <p:nvPr/>
            </p:nvCxnSpPr>
            <p:spPr bwMode="auto">
              <a:xfrm rot="16200000" flipV="1">
                <a:off x="6246238" y="-81975"/>
                <a:ext cx="278044" cy="3267744"/>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7" name="AutoShape 21"/>
              <p:cNvCxnSpPr>
                <a:cxnSpLocks noChangeShapeType="1"/>
                <a:stCxn id="151" idx="0"/>
                <a:endCxn id="148" idx="2"/>
              </p:cNvCxnSpPr>
              <p:nvPr/>
            </p:nvCxnSpPr>
            <p:spPr bwMode="auto">
              <a:xfrm rot="16200000" flipV="1">
                <a:off x="4987959" y="1176305"/>
                <a:ext cx="279631" cy="752771"/>
              </a:xfrm>
              <a:prstGeom prst="bentConnector3">
                <a:avLst>
                  <a:gd name="adj1" fmla="val 50000"/>
                </a:avLst>
              </a:prstGeom>
              <a:noFill/>
              <a:ln w="19050">
                <a:solidFill>
                  <a:srgbClr val="ED181E"/>
                </a:solidFill>
                <a:miter lim="800000"/>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68" name="Rectangle 23"/>
              <p:cNvSpPr>
                <a:spLocks noChangeArrowheads="1"/>
              </p:cNvSpPr>
              <p:nvPr/>
            </p:nvSpPr>
            <p:spPr bwMode="auto">
              <a:xfrm>
                <a:off x="7057380" y="2707713"/>
                <a:ext cx="1800000" cy="4320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169" name="Rectangle 23"/>
              <p:cNvSpPr>
                <a:spLocks noChangeArrowheads="1"/>
              </p:cNvSpPr>
              <p:nvPr/>
            </p:nvSpPr>
            <p:spPr bwMode="auto">
              <a:xfrm>
                <a:off x="5632297" y="2707713"/>
                <a:ext cx="1296946" cy="407613"/>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170" name="Rectangle 23"/>
              <p:cNvSpPr>
                <a:spLocks noChangeArrowheads="1"/>
              </p:cNvSpPr>
              <p:nvPr/>
            </p:nvSpPr>
            <p:spPr bwMode="auto">
              <a:xfrm>
                <a:off x="4239880" y="2707713"/>
                <a:ext cx="1224592" cy="4320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sp>
            <p:nvSpPr>
              <p:cNvPr id="171" name="Rectangle 22"/>
              <p:cNvSpPr>
                <a:spLocks noChangeArrowheads="1"/>
              </p:cNvSpPr>
              <p:nvPr/>
            </p:nvSpPr>
            <p:spPr bwMode="auto">
              <a:xfrm>
                <a:off x="2261142" y="2707713"/>
                <a:ext cx="1799605" cy="432000"/>
              </a:xfrm>
              <a:prstGeom prst="rect">
                <a:avLst/>
              </a:prstGeom>
              <a:solidFill>
                <a:srgbClr val="FFCCCC"/>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900" dirty="0">
                  <a:latin typeface="Arial" charset="0"/>
                </a:endParaRPr>
              </a:p>
            </p:txBody>
          </p:sp>
          <p:cxnSp>
            <p:nvCxnSpPr>
              <p:cNvPr id="174" name="Gewinkelte Verbindung 173"/>
              <p:cNvCxnSpPr>
                <a:stCxn id="155" idx="2"/>
                <a:endCxn id="171" idx="0"/>
              </p:cNvCxnSpPr>
              <p:nvPr/>
            </p:nvCxnSpPr>
            <p:spPr bwMode="auto">
              <a:xfrm rot="5400000">
                <a:off x="3631521" y="1870193"/>
                <a:ext cx="366944" cy="1308096"/>
              </a:xfrm>
              <a:prstGeom prst="bentConnector3">
                <a:avLst>
                  <a:gd name="adj1" fmla="val 63844"/>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75" name="Gewinkelte Verbindung 174"/>
              <p:cNvCxnSpPr>
                <a:stCxn id="151" idx="2"/>
                <a:endCxn id="170" idx="0"/>
              </p:cNvCxnSpPr>
              <p:nvPr/>
            </p:nvCxnSpPr>
            <p:spPr bwMode="auto">
              <a:xfrm rot="5400000">
                <a:off x="4994415" y="2197968"/>
                <a:ext cx="367507" cy="651983"/>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76" name="Gewinkelte Verbindung 175"/>
              <p:cNvCxnSpPr>
                <a:stCxn id="157" idx="2"/>
                <a:endCxn id="169" idx="0"/>
              </p:cNvCxnSpPr>
              <p:nvPr/>
            </p:nvCxnSpPr>
            <p:spPr bwMode="auto">
              <a:xfrm rot="5400000">
                <a:off x="6281925" y="2337464"/>
                <a:ext cx="369094" cy="371404"/>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77" name="Gewinkelte Verbindung 176"/>
              <p:cNvCxnSpPr>
                <a:stCxn id="152" idx="2"/>
                <a:endCxn id="168" idx="0"/>
              </p:cNvCxnSpPr>
              <p:nvPr/>
            </p:nvCxnSpPr>
            <p:spPr bwMode="auto">
              <a:xfrm rot="5400000">
                <a:off x="7803709" y="2492290"/>
                <a:ext cx="369094" cy="61752"/>
              </a:xfrm>
              <a:prstGeom prst="bentConnector3">
                <a:avLst>
                  <a:gd name="adj1" fmla="val 50000"/>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grpSp>
      </p:grpSp>
      <p:sp>
        <p:nvSpPr>
          <p:cNvPr id="107" name="Rectangle 34"/>
          <p:cNvSpPr>
            <a:spLocks noChangeArrowheads="1"/>
          </p:cNvSpPr>
          <p:nvPr/>
        </p:nvSpPr>
        <p:spPr bwMode="auto">
          <a:xfrm>
            <a:off x="4412995" y="4337114"/>
            <a:ext cx="1848967" cy="256396"/>
          </a:xfrm>
          <a:prstGeom prst="rect">
            <a:avLst/>
          </a:prstGeom>
          <a:solidFill>
            <a:srgbClr val="FF9999"/>
          </a:solid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1200" b="1" dirty="0">
              <a:solidFill>
                <a:srgbClr val="000000"/>
              </a:solidFill>
              <a:latin typeface="Arial" charset="0"/>
            </a:endParaRPr>
          </a:p>
        </p:txBody>
      </p:sp>
      <p:sp>
        <p:nvSpPr>
          <p:cNvPr id="106" name="Rectangle 34"/>
          <p:cNvSpPr>
            <a:spLocks noChangeArrowheads="1"/>
          </p:cNvSpPr>
          <p:nvPr/>
        </p:nvSpPr>
        <p:spPr bwMode="auto">
          <a:xfrm>
            <a:off x="4298695" y="4281444"/>
            <a:ext cx="1848967" cy="256396"/>
          </a:xfrm>
          <a:prstGeom prst="rect">
            <a:avLst/>
          </a:prstGeom>
          <a:solidFill>
            <a:srgbClr val="FF9999"/>
          </a:solid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1200" b="1" dirty="0">
              <a:solidFill>
                <a:srgbClr val="000000"/>
              </a:solidFill>
              <a:latin typeface="Arial" charset="0"/>
            </a:endParaRPr>
          </a:p>
        </p:txBody>
      </p:sp>
      <p:sp>
        <p:nvSpPr>
          <p:cNvPr id="104" name="Rectangle 34"/>
          <p:cNvSpPr>
            <a:spLocks noChangeArrowheads="1"/>
          </p:cNvSpPr>
          <p:nvPr/>
        </p:nvSpPr>
        <p:spPr bwMode="auto">
          <a:xfrm>
            <a:off x="4184395" y="4225773"/>
            <a:ext cx="1848967" cy="256396"/>
          </a:xfrm>
          <a:prstGeom prst="rect">
            <a:avLst/>
          </a:prstGeom>
          <a:solidFill>
            <a:srgbClr val="FF9999"/>
          </a:solid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1200" b="1" dirty="0">
              <a:solidFill>
                <a:srgbClr val="000000"/>
              </a:solidFill>
              <a:latin typeface="Arial" charset="0"/>
            </a:endParaRPr>
          </a:p>
        </p:txBody>
      </p:sp>
      <p:sp>
        <p:nvSpPr>
          <p:cNvPr id="103" name="Rectangle 34"/>
          <p:cNvSpPr>
            <a:spLocks noChangeArrowheads="1"/>
          </p:cNvSpPr>
          <p:nvPr/>
        </p:nvSpPr>
        <p:spPr bwMode="auto">
          <a:xfrm>
            <a:off x="4070095" y="4170103"/>
            <a:ext cx="1848967" cy="256396"/>
          </a:xfrm>
          <a:prstGeom prst="rect">
            <a:avLst/>
          </a:prstGeom>
          <a:solidFill>
            <a:srgbClr val="FF9999"/>
          </a:solid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endParaRPr lang="es-419" altLang="de-DE" sz="1200" b="1" dirty="0">
              <a:solidFill>
                <a:srgbClr val="000000"/>
              </a:solidFill>
              <a:latin typeface="Arial" charset="0"/>
            </a:endParaRPr>
          </a:p>
        </p:txBody>
      </p:sp>
      <p:sp>
        <p:nvSpPr>
          <p:cNvPr id="188" name="Rectangle 34"/>
          <p:cNvSpPr>
            <a:spLocks noChangeArrowheads="1"/>
          </p:cNvSpPr>
          <p:nvPr/>
        </p:nvSpPr>
        <p:spPr bwMode="auto">
          <a:xfrm>
            <a:off x="3554728" y="4114433"/>
            <a:ext cx="2250035" cy="256396"/>
          </a:xfrm>
          <a:prstGeom prst="rect">
            <a:avLst/>
          </a:prstGeom>
          <a:solidFill>
            <a:srgbClr val="FF9999"/>
          </a:solidFill>
          <a:ln w="9525">
            <a:solidFill>
              <a:schemeClr val="bg2"/>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algn="ctr"/>
            <a:r>
              <a:rPr lang="es-419" altLang="de-DE" sz="1200" b="1" dirty="0">
                <a:solidFill>
                  <a:srgbClr val="000000"/>
                </a:solidFill>
                <a:latin typeface="Arial" charset="0"/>
              </a:rPr>
              <a:t>2100 Autoridades municipales</a:t>
            </a:r>
          </a:p>
        </p:txBody>
      </p:sp>
    </p:spTree>
    <p:extLst>
      <p:ext uri="{BB962C8B-B14F-4D97-AF65-F5344CB8AC3E}">
        <p14:creationId xmlns:p14="http://schemas.microsoft.com/office/powerpoint/2010/main" val="39929408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500"/>
                                        <p:tgtEl>
                                          <p:spTgt spid="3"/>
                                        </p:tgtEl>
                                      </p:cBhvr>
                                    </p:animEffect>
                                  </p:childTnLst>
                                </p:cTn>
                              </p:par>
                            </p:childTnLst>
                          </p:cTn>
                        </p:par>
                        <p:par>
                          <p:cTn id="8" fill="hold">
                            <p:stCondLst>
                              <p:cond delay="500"/>
                            </p:stCondLst>
                            <p:childTnLst>
                              <p:par>
                                <p:cTn id="9" presetID="22" presetClass="entr" presetSubtype="8" fill="hold" nodeType="afterEffect">
                                  <p:stCondLst>
                                    <p:cond delay="500"/>
                                  </p:stCondLst>
                                  <p:childTnLst>
                                    <p:set>
                                      <p:cBhvr>
                                        <p:cTn id="10" dur="1" fill="hold">
                                          <p:stCondLst>
                                            <p:cond delay="0"/>
                                          </p:stCondLst>
                                        </p:cTn>
                                        <p:tgtEl>
                                          <p:spTgt spid="4"/>
                                        </p:tgtEl>
                                        <p:attrNameLst>
                                          <p:attrName>style.visibility</p:attrName>
                                        </p:attrNameLst>
                                      </p:cBhvr>
                                      <p:to>
                                        <p:strVal val="visible"/>
                                      </p:to>
                                    </p:set>
                                    <p:animEffect transition="in" filter="wipe(left)">
                                      <p:cBhvr>
                                        <p:cTn id="11" dur="500"/>
                                        <p:tgtEl>
                                          <p:spTgt spid="4"/>
                                        </p:tgtEl>
                                      </p:cBhvr>
                                    </p:animEffect>
                                  </p:childTnLst>
                                </p:cTn>
                              </p:par>
                            </p:childTnLst>
                          </p:cTn>
                        </p:par>
                      </p:childTnLst>
                    </p:cTn>
                  </p:par>
                  <p:par>
                    <p:cTn id="12" fill="hold">
                      <p:stCondLst>
                        <p:cond delay="indefinite"/>
                      </p:stCondLst>
                      <p:childTnLst>
                        <p:par>
                          <p:cTn id="13" fill="hold">
                            <p:stCondLst>
                              <p:cond delay="0"/>
                            </p:stCondLst>
                            <p:childTnLst>
                              <p:par>
                                <p:cTn id="14" presetID="22" presetClass="entr" presetSubtype="8" fill="hold" nodeType="clickEffect">
                                  <p:stCondLst>
                                    <p:cond delay="0"/>
                                  </p:stCondLst>
                                  <p:childTnLst>
                                    <p:set>
                                      <p:cBhvr>
                                        <p:cTn id="15" dur="1" fill="hold">
                                          <p:stCondLst>
                                            <p:cond delay="0"/>
                                          </p:stCondLst>
                                        </p:cTn>
                                        <p:tgtEl>
                                          <p:spTgt spid="6"/>
                                        </p:tgtEl>
                                        <p:attrNameLst>
                                          <p:attrName>style.visibility</p:attrName>
                                        </p:attrNameLst>
                                      </p:cBhvr>
                                      <p:to>
                                        <p:strVal val="visible"/>
                                      </p:to>
                                    </p:set>
                                    <p:animEffect transition="in" filter="wipe(left)">
                                      <p:cBhvr>
                                        <p:cTn id="16" dur="500"/>
                                        <p:tgtEl>
                                          <p:spTgt spid="6"/>
                                        </p:tgtEl>
                                      </p:cBhvr>
                                    </p:animEffect>
                                  </p:childTnLst>
                                </p:cTn>
                              </p:par>
                            </p:childTnLst>
                          </p:cTn>
                        </p:par>
                      </p:childTnLst>
                    </p:cTn>
                  </p:par>
                  <p:par>
                    <p:cTn id="17" fill="hold">
                      <p:stCondLst>
                        <p:cond delay="indefinite"/>
                      </p:stCondLst>
                      <p:childTnLst>
                        <p:par>
                          <p:cTn id="18" fill="hold">
                            <p:stCondLst>
                              <p:cond delay="0"/>
                            </p:stCondLst>
                            <p:childTnLst>
                              <p:par>
                                <p:cTn id="19" presetID="22" presetClass="entr" presetSubtype="8" fill="hold" grpId="0" nodeType="clickEffect">
                                  <p:stCondLst>
                                    <p:cond delay="0"/>
                                  </p:stCondLst>
                                  <p:childTnLst>
                                    <p:set>
                                      <p:cBhvr>
                                        <p:cTn id="20" dur="1" fill="hold">
                                          <p:stCondLst>
                                            <p:cond delay="0"/>
                                          </p:stCondLst>
                                        </p:cTn>
                                        <p:tgtEl>
                                          <p:spTgt spid="188"/>
                                        </p:tgtEl>
                                        <p:attrNameLst>
                                          <p:attrName>style.visibility</p:attrName>
                                        </p:attrNameLst>
                                      </p:cBhvr>
                                      <p:to>
                                        <p:strVal val="visible"/>
                                      </p:to>
                                    </p:set>
                                    <p:animEffect transition="in" filter="wipe(left)">
                                      <p:cBhvr>
                                        <p:cTn id="21" dur="500"/>
                                        <p:tgtEl>
                                          <p:spTgt spid="188"/>
                                        </p:tgtEl>
                                      </p:cBhvr>
                                    </p:animEffect>
                                  </p:childTnLst>
                                </p:cTn>
                              </p:par>
                              <p:par>
                                <p:cTn id="22" presetID="22" presetClass="entr" presetSubtype="8" fill="hold" grpId="0" nodeType="withEffect">
                                  <p:stCondLst>
                                    <p:cond delay="0"/>
                                  </p:stCondLst>
                                  <p:childTnLst>
                                    <p:set>
                                      <p:cBhvr>
                                        <p:cTn id="23" dur="1" fill="hold">
                                          <p:stCondLst>
                                            <p:cond delay="0"/>
                                          </p:stCondLst>
                                        </p:cTn>
                                        <p:tgtEl>
                                          <p:spTgt spid="103"/>
                                        </p:tgtEl>
                                        <p:attrNameLst>
                                          <p:attrName>style.visibility</p:attrName>
                                        </p:attrNameLst>
                                      </p:cBhvr>
                                      <p:to>
                                        <p:strVal val="visible"/>
                                      </p:to>
                                    </p:set>
                                    <p:animEffect transition="in" filter="wipe(left)">
                                      <p:cBhvr>
                                        <p:cTn id="24" dur="500"/>
                                        <p:tgtEl>
                                          <p:spTgt spid="103"/>
                                        </p:tgtEl>
                                      </p:cBhvr>
                                    </p:animEffect>
                                  </p:childTnLst>
                                </p:cTn>
                              </p:par>
                              <p:par>
                                <p:cTn id="25" presetID="22" presetClass="entr" presetSubtype="8" fill="hold" grpId="0" nodeType="withEffect">
                                  <p:stCondLst>
                                    <p:cond delay="0"/>
                                  </p:stCondLst>
                                  <p:childTnLst>
                                    <p:set>
                                      <p:cBhvr>
                                        <p:cTn id="26" dur="1" fill="hold">
                                          <p:stCondLst>
                                            <p:cond delay="0"/>
                                          </p:stCondLst>
                                        </p:cTn>
                                        <p:tgtEl>
                                          <p:spTgt spid="104"/>
                                        </p:tgtEl>
                                        <p:attrNameLst>
                                          <p:attrName>style.visibility</p:attrName>
                                        </p:attrNameLst>
                                      </p:cBhvr>
                                      <p:to>
                                        <p:strVal val="visible"/>
                                      </p:to>
                                    </p:set>
                                    <p:animEffect transition="in" filter="wipe(left)">
                                      <p:cBhvr>
                                        <p:cTn id="27" dur="500"/>
                                        <p:tgtEl>
                                          <p:spTgt spid="104"/>
                                        </p:tgtEl>
                                      </p:cBhvr>
                                    </p:animEffect>
                                  </p:childTnLst>
                                </p:cTn>
                              </p:par>
                              <p:par>
                                <p:cTn id="28" presetID="22" presetClass="entr" presetSubtype="8" fill="hold" grpId="0" nodeType="withEffect">
                                  <p:stCondLst>
                                    <p:cond delay="0"/>
                                  </p:stCondLst>
                                  <p:childTnLst>
                                    <p:set>
                                      <p:cBhvr>
                                        <p:cTn id="29" dur="1" fill="hold">
                                          <p:stCondLst>
                                            <p:cond delay="0"/>
                                          </p:stCondLst>
                                        </p:cTn>
                                        <p:tgtEl>
                                          <p:spTgt spid="106"/>
                                        </p:tgtEl>
                                        <p:attrNameLst>
                                          <p:attrName>style.visibility</p:attrName>
                                        </p:attrNameLst>
                                      </p:cBhvr>
                                      <p:to>
                                        <p:strVal val="visible"/>
                                      </p:to>
                                    </p:set>
                                    <p:animEffect transition="in" filter="wipe(left)">
                                      <p:cBhvr>
                                        <p:cTn id="30" dur="500"/>
                                        <p:tgtEl>
                                          <p:spTgt spid="106"/>
                                        </p:tgtEl>
                                      </p:cBhvr>
                                    </p:animEffect>
                                  </p:childTnLst>
                                </p:cTn>
                              </p:par>
                              <p:par>
                                <p:cTn id="31" presetID="22" presetClass="entr" presetSubtype="8" fill="hold" grpId="0" nodeType="withEffect">
                                  <p:stCondLst>
                                    <p:cond delay="0"/>
                                  </p:stCondLst>
                                  <p:childTnLst>
                                    <p:set>
                                      <p:cBhvr>
                                        <p:cTn id="32" dur="1" fill="hold">
                                          <p:stCondLst>
                                            <p:cond delay="0"/>
                                          </p:stCondLst>
                                        </p:cTn>
                                        <p:tgtEl>
                                          <p:spTgt spid="107"/>
                                        </p:tgtEl>
                                        <p:attrNameLst>
                                          <p:attrName>style.visibility</p:attrName>
                                        </p:attrNameLst>
                                      </p:cBhvr>
                                      <p:to>
                                        <p:strVal val="visible"/>
                                      </p:to>
                                    </p:set>
                                    <p:animEffect transition="in" filter="wipe(left)">
                                      <p:cBhvr>
                                        <p:cTn id="33" dur="500"/>
                                        <p:tgtEl>
                                          <p:spTgt spid="10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7" grpId="0" animBg="1"/>
      <p:bldP spid="106" grpId="0" animBg="1"/>
      <p:bldP spid="104" grpId="0" animBg="1"/>
      <p:bldP spid="103" grpId="0" animBg="1"/>
      <p:bldP spid="188"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es-419" dirty="0"/>
              <a:t>Contenido</a:t>
            </a:r>
            <a:endParaRPr lang="en-GB" dirty="0"/>
          </a:p>
        </p:txBody>
      </p:sp>
      <p:sp>
        <p:nvSpPr>
          <p:cNvPr id="4" name="Textfeld 3"/>
          <p:cNvSpPr txBox="1"/>
          <p:nvPr/>
        </p:nvSpPr>
        <p:spPr>
          <a:xfrm>
            <a:off x="1403648" y="996280"/>
            <a:ext cx="6984776" cy="3231654"/>
          </a:xfrm>
          <a:prstGeom prst="rect">
            <a:avLst/>
          </a:prstGeom>
          <a:solidFill>
            <a:srgbClr val="EAEAEA"/>
          </a:solidFill>
        </p:spPr>
        <p:txBody>
          <a:bodyPr wrap="square" rtlCol="0">
            <a:spAutoFit/>
          </a:bodyPr>
          <a:lstStyle>
            <a:defPPr>
              <a:defRPr lang="en-US"/>
            </a:defPPr>
            <a:lvl1pPr marL="342900" indent="-342900">
              <a:spcBef>
                <a:spcPts val="1200"/>
              </a:spcBef>
              <a:buFont typeface="Wingdings" panose="05000000000000000000" pitchFamily="2" charset="2"/>
              <a:buChar char="Ø"/>
              <a:defRPr sz="2000" b="1"/>
            </a:lvl1pPr>
            <a:lvl2pPr marL="800100" lvl="1" indent="-342900">
              <a:spcBef>
                <a:spcPts val="1200"/>
              </a:spcBef>
              <a:buFont typeface="Wingdings" panose="05000000000000000000" pitchFamily="2" charset="2"/>
              <a:buChar char="Ø"/>
            </a:lvl2pPr>
          </a:lstStyle>
          <a:p>
            <a:r>
              <a:rPr lang="es-419" sz="1800" dirty="0">
                <a:solidFill>
                  <a:schemeClr val="bg1">
                    <a:lumMod val="50000"/>
                  </a:schemeClr>
                </a:solidFill>
              </a:rPr>
              <a:t>Sistema Catastral en Suiza</a:t>
            </a:r>
          </a:p>
          <a:p>
            <a:pPr lvl="1"/>
            <a:r>
              <a:rPr lang="es-419" sz="1600" dirty="0">
                <a:solidFill>
                  <a:schemeClr val="bg1">
                    <a:lumMod val="50000"/>
                  </a:schemeClr>
                </a:solidFill>
              </a:rPr>
              <a:t>Estructura política y administrativa</a:t>
            </a:r>
          </a:p>
          <a:p>
            <a:pPr lvl="1"/>
            <a:r>
              <a:rPr lang="es-419" sz="1600" b="1" dirty="0">
                <a:solidFill>
                  <a:srgbClr val="C00000"/>
                </a:solidFill>
              </a:rPr>
              <a:t>Administración de tierras: base legal y organización</a:t>
            </a:r>
            <a:endParaRPr lang="en-GB" sz="1600" b="1" dirty="0">
              <a:solidFill>
                <a:srgbClr val="C00000"/>
              </a:solidFill>
            </a:endParaRPr>
          </a:p>
          <a:p>
            <a:pPr lvl="1"/>
            <a:r>
              <a:rPr lang="es-419" sz="1600" dirty="0">
                <a:solidFill>
                  <a:schemeClr val="bg1">
                    <a:lumMod val="50000"/>
                  </a:schemeClr>
                </a:solidFill>
              </a:rPr>
              <a:t>Elementos técnicos y conceptuales</a:t>
            </a:r>
          </a:p>
          <a:p>
            <a:r>
              <a:rPr lang="es-419" sz="1800" dirty="0">
                <a:solidFill>
                  <a:schemeClr val="bg1">
                    <a:lumMod val="50000"/>
                  </a:schemeClr>
                </a:solidFill>
              </a:rPr>
              <a:t>Evolución del Sistema Catastral</a:t>
            </a:r>
          </a:p>
          <a:p>
            <a:pPr lvl="1"/>
            <a:r>
              <a:rPr lang="es-ES" sz="1600" dirty="0">
                <a:solidFill>
                  <a:schemeClr val="bg1">
                    <a:lumMod val="50000"/>
                  </a:schemeClr>
                </a:solidFill>
              </a:rPr>
              <a:t>Digitalización al servicio de las infraestructuras de geodatos</a:t>
            </a:r>
            <a:endParaRPr lang="es-419" sz="1600" dirty="0">
              <a:solidFill>
                <a:schemeClr val="bg1">
                  <a:lumMod val="50000"/>
                </a:schemeClr>
              </a:solidFill>
            </a:endParaRPr>
          </a:p>
          <a:p>
            <a:pPr lvl="1"/>
            <a:r>
              <a:rPr lang="es-ES" sz="1600" dirty="0">
                <a:solidFill>
                  <a:schemeClr val="bg1">
                    <a:lumMod val="50000"/>
                  </a:schemeClr>
                </a:solidFill>
              </a:rPr>
              <a:t>Ampliación de las dimensiones jurídicas y geométricas</a:t>
            </a:r>
            <a:endParaRPr lang="es-419" sz="1600" dirty="0">
              <a:solidFill>
                <a:schemeClr val="bg1">
                  <a:lumMod val="50000"/>
                </a:schemeClr>
              </a:solidFill>
            </a:endParaRPr>
          </a:p>
          <a:p>
            <a:r>
              <a:rPr lang="es-419" sz="1800" dirty="0">
                <a:solidFill>
                  <a:schemeClr val="bg1">
                    <a:lumMod val="50000"/>
                  </a:schemeClr>
                </a:solidFill>
              </a:rPr>
              <a:t>Conclusiones</a:t>
            </a:r>
          </a:p>
        </p:txBody>
      </p:sp>
    </p:spTree>
    <p:extLst>
      <p:ext uri="{BB962C8B-B14F-4D97-AF65-F5344CB8AC3E}">
        <p14:creationId xmlns:p14="http://schemas.microsoft.com/office/powerpoint/2010/main" val="9837661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4">
                                            <p:txEl>
                                              <p:pRg st="2" end="2"/>
                                            </p:txEl>
                                          </p:spTgt>
                                        </p:tgtEl>
                                        <p:attrNameLst>
                                          <p:attrName>style.visibility</p:attrName>
                                        </p:attrNameLst>
                                      </p:cBhvr>
                                      <p:to>
                                        <p:strVal val="visible"/>
                                      </p:to>
                                    </p:set>
                                    <p:animEffect transition="in" filter="wipe(left)">
                                      <p:cBhvr>
                                        <p:cTn id="7" dur="500"/>
                                        <p:tgtEl>
                                          <p:spTgt spid="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57762" name="Rectangle 2"/>
          <p:cNvSpPr>
            <a:spLocks noGrp="1" noChangeArrowheads="1"/>
          </p:cNvSpPr>
          <p:nvPr>
            <p:ph type="title"/>
          </p:nvPr>
        </p:nvSpPr>
        <p:spPr>
          <a:xfrm>
            <a:off x="1296000" y="242888"/>
            <a:ext cx="7668488" cy="729000"/>
          </a:xfr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round/>
                <a:headEnd/>
                <a:tailEnd/>
              </a14:hiddenLine>
            </a:ext>
          </a:extLst>
        </p:spPr>
        <p:txBody>
          <a:bodyPr/>
          <a:lstStyle/>
          <a:p>
            <a:pPr eaLnBrk="1" hangingPunct="1">
              <a:defRPr/>
            </a:pPr>
            <a:r>
              <a:rPr lang="es-CO" dirty="0"/>
              <a:t>Fundamentos y objetivos legales</a:t>
            </a:r>
            <a:endParaRPr lang="en-GB" dirty="0">
              <a:latin typeface="+mj-lt"/>
            </a:endParaRPr>
          </a:p>
        </p:txBody>
      </p:sp>
      <p:sp>
        <p:nvSpPr>
          <p:cNvPr id="21507" name="Text Box 3"/>
          <p:cNvSpPr txBox="1">
            <a:spLocks noChangeArrowheads="1"/>
          </p:cNvSpPr>
          <p:nvPr/>
        </p:nvSpPr>
        <p:spPr bwMode="auto">
          <a:xfrm>
            <a:off x="3729907" y="1578496"/>
            <a:ext cx="41743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pt-BR" altLang="de-DE" sz="1800" b="1" dirty="0">
                <a:solidFill>
                  <a:srgbClr val="FF0000"/>
                </a:solidFill>
              </a:rPr>
              <a:t>Código Civil Suizo de 1912</a:t>
            </a:r>
            <a:endParaRPr lang="en-GB" altLang="de-DE" sz="1800" b="1" dirty="0">
              <a:solidFill>
                <a:srgbClr val="FF0000"/>
              </a:solidFill>
            </a:endParaRPr>
          </a:p>
        </p:txBody>
      </p:sp>
      <p:grpSp>
        <p:nvGrpSpPr>
          <p:cNvPr id="21508" name="Group 4"/>
          <p:cNvGrpSpPr>
            <a:grpSpLocks/>
          </p:cNvGrpSpPr>
          <p:nvPr/>
        </p:nvGrpSpPr>
        <p:grpSpPr bwMode="auto">
          <a:xfrm>
            <a:off x="2126134" y="1497533"/>
            <a:ext cx="1298972" cy="971550"/>
            <a:chOff x="4061" y="2479"/>
            <a:chExt cx="1447" cy="1121"/>
          </a:xfrm>
        </p:grpSpPr>
        <p:grpSp>
          <p:nvGrpSpPr>
            <p:cNvPr id="21512" name="Group 5"/>
            <p:cNvGrpSpPr>
              <a:grpSpLocks/>
            </p:cNvGrpSpPr>
            <p:nvPr/>
          </p:nvGrpSpPr>
          <p:grpSpPr bwMode="auto">
            <a:xfrm>
              <a:off x="4381" y="2479"/>
              <a:ext cx="299" cy="1121"/>
              <a:chOff x="4381" y="2479"/>
              <a:chExt cx="299" cy="1121"/>
            </a:xfrm>
          </p:grpSpPr>
          <p:grpSp>
            <p:nvGrpSpPr>
              <p:cNvPr id="21541" name="Group 6"/>
              <p:cNvGrpSpPr>
                <a:grpSpLocks/>
              </p:cNvGrpSpPr>
              <p:nvPr/>
            </p:nvGrpSpPr>
            <p:grpSpPr bwMode="auto">
              <a:xfrm>
                <a:off x="4381" y="2479"/>
                <a:ext cx="299" cy="1121"/>
                <a:chOff x="4381" y="2479"/>
                <a:chExt cx="299" cy="1121"/>
              </a:xfrm>
            </p:grpSpPr>
            <p:sp>
              <p:nvSpPr>
                <p:cNvPr id="21546" name="Freeform 7"/>
                <p:cNvSpPr>
                  <a:spLocks/>
                </p:cNvSpPr>
                <p:nvPr/>
              </p:nvSpPr>
              <p:spPr bwMode="auto">
                <a:xfrm>
                  <a:off x="4583" y="2507"/>
                  <a:ext cx="97" cy="1093"/>
                </a:xfrm>
                <a:custGeom>
                  <a:avLst/>
                  <a:gdLst>
                    <a:gd name="T0" fmla="*/ 0 w 97"/>
                    <a:gd name="T1" fmla="*/ 0 h 1093"/>
                    <a:gd name="T2" fmla="*/ 96 w 97"/>
                    <a:gd name="T3" fmla="*/ 174 h 1093"/>
                    <a:gd name="T4" fmla="*/ 96 w 97"/>
                    <a:gd name="T5" fmla="*/ 1092 h 1093"/>
                    <a:gd name="T6" fmla="*/ 0 w 97"/>
                    <a:gd name="T7" fmla="*/ 1092 h 1093"/>
                    <a:gd name="T8" fmla="*/ 0 w 97"/>
                    <a:gd name="T9" fmla="*/ 0 h 1093"/>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7" h="1093">
                      <a:moveTo>
                        <a:pt x="0" y="0"/>
                      </a:moveTo>
                      <a:lnTo>
                        <a:pt x="96" y="174"/>
                      </a:lnTo>
                      <a:lnTo>
                        <a:pt x="96" y="1092"/>
                      </a:lnTo>
                      <a:lnTo>
                        <a:pt x="0" y="1092"/>
                      </a:lnTo>
                      <a:lnTo>
                        <a:pt x="0" y="0"/>
                      </a:lnTo>
                    </a:path>
                  </a:pathLst>
                </a:custGeom>
                <a:solidFill>
                  <a:srgbClr val="8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47" name="Freeform 8"/>
                <p:cNvSpPr>
                  <a:spLocks/>
                </p:cNvSpPr>
                <p:nvPr/>
              </p:nvSpPr>
              <p:spPr bwMode="auto">
                <a:xfrm>
                  <a:off x="4381" y="2479"/>
                  <a:ext cx="203" cy="1121"/>
                </a:xfrm>
                <a:custGeom>
                  <a:avLst/>
                  <a:gdLst>
                    <a:gd name="T0" fmla="*/ 0 w 203"/>
                    <a:gd name="T1" fmla="*/ 1120 h 1121"/>
                    <a:gd name="T2" fmla="*/ 0 w 203"/>
                    <a:gd name="T3" fmla="*/ 24 h 1121"/>
                    <a:gd name="T4" fmla="*/ 12 w 203"/>
                    <a:gd name="T5" fmla="*/ 18 h 1121"/>
                    <a:gd name="T6" fmla="*/ 28 w 203"/>
                    <a:gd name="T7" fmla="*/ 12 h 1121"/>
                    <a:gd name="T8" fmla="*/ 50 w 203"/>
                    <a:gd name="T9" fmla="*/ 6 h 1121"/>
                    <a:gd name="T10" fmla="*/ 68 w 203"/>
                    <a:gd name="T11" fmla="*/ 2 h 1121"/>
                    <a:gd name="T12" fmla="*/ 86 w 203"/>
                    <a:gd name="T13" fmla="*/ 0 h 1121"/>
                    <a:gd name="T14" fmla="*/ 100 w 203"/>
                    <a:gd name="T15" fmla="*/ 0 h 1121"/>
                    <a:gd name="T16" fmla="*/ 110 w 203"/>
                    <a:gd name="T17" fmla="*/ 0 h 1121"/>
                    <a:gd name="T18" fmla="*/ 122 w 203"/>
                    <a:gd name="T19" fmla="*/ 0 h 1121"/>
                    <a:gd name="T20" fmla="*/ 134 w 203"/>
                    <a:gd name="T21" fmla="*/ 2 h 1121"/>
                    <a:gd name="T22" fmla="*/ 140 w 203"/>
                    <a:gd name="T23" fmla="*/ 4 h 1121"/>
                    <a:gd name="T24" fmla="*/ 150 w 203"/>
                    <a:gd name="T25" fmla="*/ 6 h 1121"/>
                    <a:gd name="T26" fmla="*/ 164 w 203"/>
                    <a:gd name="T27" fmla="*/ 10 h 1121"/>
                    <a:gd name="T28" fmla="*/ 182 w 203"/>
                    <a:gd name="T29" fmla="*/ 16 h 1121"/>
                    <a:gd name="T30" fmla="*/ 194 w 203"/>
                    <a:gd name="T31" fmla="*/ 22 h 1121"/>
                    <a:gd name="T32" fmla="*/ 202 w 203"/>
                    <a:gd name="T33" fmla="*/ 24 h 1121"/>
                    <a:gd name="T34" fmla="*/ 202 w 203"/>
                    <a:gd name="T35" fmla="*/ 1120 h 1121"/>
                    <a:gd name="T36" fmla="*/ 0 w 203"/>
                    <a:gd name="T37" fmla="*/ 1120 h 112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203" h="1121">
                      <a:moveTo>
                        <a:pt x="0" y="1120"/>
                      </a:moveTo>
                      <a:lnTo>
                        <a:pt x="0" y="24"/>
                      </a:lnTo>
                      <a:lnTo>
                        <a:pt x="12" y="18"/>
                      </a:lnTo>
                      <a:lnTo>
                        <a:pt x="28" y="12"/>
                      </a:lnTo>
                      <a:lnTo>
                        <a:pt x="50" y="6"/>
                      </a:lnTo>
                      <a:lnTo>
                        <a:pt x="68" y="2"/>
                      </a:lnTo>
                      <a:lnTo>
                        <a:pt x="86" y="0"/>
                      </a:lnTo>
                      <a:lnTo>
                        <a:pt x="100" y="0"/>
                      </a:lnTo>
                      <a:lnTo>
                        <a:pt x="110" y="0"/>
                      </a:lnTo>
                      <a:lnTo>
                        <a:pt x="122" y="0"/>
                      </a:lnTo>
                      <a:lnTo>
                        <a:pt x="134" y="2"/>
                      </a:lnTo>
                      <a:lnTo>
                        <a:pt x="140" y="4"/>
                      </a:lnTo>
                      <a:lnTo>
                        <a:pt x="150" y="6"/>
                      </a:lnTo>
                      <a:lnTo>
                        <a:pt x="164" y="10"/>
                      </a:lnTo>
                      <a:lnTo>
                        <a:pt x="182" y="16"/>
                      </a:lnTo>
                      <a:lnTo>
                        <a:pt x="194" y="22"/>
                      </a:lnTo>
                      <a:lnTo>
                        <a:pt x="202" y="24"/>
                      </a:lnTo>
                      <a:lnTo>
                        <a:pt x="202" y="1120"/>
                      </a:lnTo>
                      <a:lnTo>
                        <a:pt x="0" y="1120"/>
                      </a:lnTo>
                    </a:path>
                  </a:pathLst>
                </a:custGeom>
                <a:solidFill>
                  <a:srgbClr val="FF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nvGrpSpPr>
              <p:cNvPr id="21542" name="Group 9"/>
              <p:cNvGrpSpPr>
                <a:grpSpLocks/>
              </p:cNvGrpSpPr>
              <p:nvPr/>
            </p:nvGrpSpPr>
            <p:grpSpPr bwMode="auto">
              <a:xfrm>
                <a:off x="4381" y="2775"/>
                <a:ext cx="203" cy="633"/>
                <a:chOff x="4381" y="2775"/>
                <a:chExt cx="203" cy="633"/>
              </a:xfrm>
            </p:grpSpPr>
            <p:sp>
              <p:nvSpPr>
                <p:cNvPr id="21543" name="Freeform 10"/>
                <p:cNvSpPr>
                  <a:spLocks/>
                </p:cNvSpPr>
                <p:nvPr/>
              </p:nvSpPr>
              <p:spPr bwMode="auto">
                <a:xfrm>
                  <a:off x="4381" y="3293"/>
                  <a:ext cx="201" cy="53"/>
                </a:xfrm>
                <a:custGeom>
                  <a:avLst/>
                  <a:gdLst>
                    <a:gd name="T0" fmla="*/ 0 w 201"/>
                    <a:gd name="T1" fmla="*/ 26 h 53"/>
                    <a:gd name="T2" fmla="*/ 8 w 201"/>
                    <a:gd name="T3" fmla="*/ 22 h 53"/>
                    <a:gd name="T4" fmla="*/ 14 w 201"/>
                    <a:gd name="T5" fmla="*/ 16 h 53"/>
                    <a:gd name="T6" fmla="*/ 24 w 201"/>
                    <a:gd name="T7" fmla="*/ 14 h 53"/>
                    <a:gd name="T8" fmla="*/ 38 w 201"/>
                    <a:gd name="T9" fmla="*/ 8 h 53"/>
                    <a:gd name="T10" fmla="*/ 52 w 201"/>
                    <a:gd name="T11" fmla="*/ 6 h 53"/>
                    <a:gd name="T12" fmla="*/ 68 w 201"/>
                    <a:gd name="T13" fmla="*/ 0 h 53"/>
                    <a:gd name="T14" fmla="*/ 84 w 201"/>
                    <a:gd name="T15" fmla="*/ 0 h 53"/>
                    <a:gd name="T16" fmla="*/ 98 w 201"/>
                    <a:gd name="T17" fmla="*/ 0 h 53"/>
                    <a:gd name="T18" fmla="*/ 114 w 201"/>
                    <a:gd name="T19" fmla="*/ 0 h 53"/>
                    <a:gd name="T20" fmla="*/ 128 w 201"/>
                    <a:gd name="T21" fmla="*/ 0 h 53"/>
                    <a:gd name="T22" fmla="*/ 144 w 201"/>
                    <a:gd name="T23" fmla="*/ 4 h 53"/>
                    <a:gd name="T24" fmla="*/ 154 w 201"/>
                    <a:gd name="T25" fmla="*/ 8 h 53"/>
                    <a:gd name="T26" fmla="*/ 168 w 201"/>
                    <a:gd name="T27" fmla="*/ 12 h 53"/>
                    <a:gd name="T28" fmla="*/ 182 w 201"/>
                    <a:gd name="T29" fmla="*/ 16 h 53"/>
                    <a:gd name="T30" fmla="*/ 192 w 201"/>
                    <a:gd name="T31" fmla="*/ 22 h 53"/>
                    <a:gd name="T32" fmla="*/ 200 w 201"/>
                    <a:gd name="T33" fmla="*/ 26 h 53"/>
                    <a:gd name="T34" fmla="*/ 200 w 201"/>
                    <a:gd name="T35" fmla="*/ 50 h 53"/>
                    <a:gd name="T36" fmla="*/ 194 w 201"/>
                    <a:gd name="T37" fmla="*/ 48 h 53"/>
                    <a:gd name="T38" fmla="*/ 184 w 201"/>
                    <a:gd name="T39" fmla="*/ 44 h 53"/>
                    <a:gd name="T40" fmla="*/ 172 w 201"/>
                    <a:gd name="T41" fmla="*/ 40 h 53"/>
                    <a:gd name="T42" fmla="*/ 160 w 201"/>
                    <a:gd name="T43" fmla="*/ 36 h 53"/>
                    <a:gd name="T44" fmla="*/ 146 w 201"/>
                    <a:gd name="T45" fmla="*/ 30 h 53"/>
                    <a:gd name="T46" fmla="*/ 130 w 201"/>
                    <a:gd name="T47" fmla="*/ 28 h 53"/>
                    <a:gd name="T48" fmla="*/ 116 w 201"/>
                    <a:gd name="T49" fmla="*/ 26 h 53"/>
                    <a:gd name="T50" fmla="*/ 102 w 201"/>
                    <a:gd name="T51" fmla="*/ 26 h 53"/>
                    <a:gd name="T52" fmla="*/ 92 w 201"/>
                    <a:gd name="T53" fmla="*/ 26 h 53"/>
                    <a:gd name="T54" fmla="*/ 78 w 201"/>
                    <a:gd name="T55" fmla="*/ 26 h 53"/>
                    <a:gd name="T56" fmla="*/ 68 w 201"/>
                    <a:gd name="T57" fmla="*/ 26 h 53"/>
                    <a:gd name="T58" fmla="*/ 54 w 201"/>
                    <a:gd name="T59" fmla="*/ 30 h 53"/>
                    <a:gd name="T60" fmla="*/ 40 w 201"/>
                    <a:gd name="T61" fmla="*/ 34 h 53"/>
                    <a:gd name="T62" fmla="*/ 26 w 201"/>
                    <a:gd name="T63" fmla="*/ 40 h 53"/>
                    <a:gd name="T64" fmla="*/ 14 w 201"/>
                    <a:gd name="T65" fmla="*/ 44 h 53"/>
                    <a:gd name="T66" fmla="*/ 0 w 201"/>
                    <a:gd name="T67" fmla="*/ 52 h 53"/>
                    <a:gd name="T68" fmla="*/ 0 w 201"/>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1" h="53">
                      <a:moveTo>
                        <a:pt x="0" y="26"/>
                      </a:moveTo>
                      <a:lnTo>
                        <a:pt x="8" y="22"/>
                      </a:lnTo>
                      <a:lnTo>
                        <a:pt x="14" y="16"/>
                      </a:lnTo>
                      <a:lnTo>
                        <a:pt x="24" y="14"/>
                      </a:lnTo>
                      <a:lnTo>
                        <a:pt x="38" y="8"/>
                      </a:lnTo>
                      <a:lnTo>
                        <a:pt x="52" y="6"/>
                      </a:lnTo>
                      <a:lnTo>
                        <a:pt x="68" y="0"/>
                      </a:lnTo>
                      <a:lnTo>
                        <a:pt x="84" y="0"/>
                      </a:lnTo>
                      <a:lnTo>
                        <a:pt x="98" y="0"/>
                      </a:lnTo>
                      <a:lnTo>
                        <a:pt x="114" y="0"/>
                      </a:lnTo>
                      <a:lnTo>
                        <a:pt x="128" y="0"/>
                      </a:lnTo>
                      <a:lnTo>
                        <a:pt x="144" y="4"/>
                      </a:lnTo>
                      <a:lnTo>
                        <a:pt x="154" y="8"/>
                      </a:lnTo>
                      <a:lnTo>
                        <a:pt x="168" y="12"/>
                      </a:lnTo>
                      <a:lnTo>
                        <a:pt x="182" y="16"/>
                      </a:lnTo>
                      <a:lnTo>
                        <a:pt x="192" y="22"/>
                      </a:lnTo>
                      <a:lnTo>
                        <a:pt x="200" y="26"/>
                      </a:lnTo>
                      <a:lnTo>
                        <a:pt x="200" y="50"/>
                      </a:lnTo>
                      <a:lnTo>
                        <a:pt x="194" y="48"/>
                      </a:lnTo>
                      <a:lnTo>
                        <a:pt x="184" y="44"/>
                      </a:lnTo>
                      <a:lnTo>
                        <a:pt x="172" y="40"/>
                      </a:lnTo>
                      <a:lnTo>
                        <a:pt x="160" y="36"/>
                      </a:lnTo>
                      <a:lnTo>
                        <a:pt x="146" y="30"/>
                      </a:lnTo>
                      <a:lnTo>
                        <a:pt x="130" y="28"/>
                      </a:lnTo>
                      <a:lnTo>
                        <a:pt x="116" y="26"/>
                      </a:lnTo>
                      <a:lnTo>
                        <a:pt x="102" y="26"/>
                      </a:lnTo>
                      <a:lnTo>
                        <a:pt x="92" y="26"/>
                      </a:lnTo>
                      <a:lnTo>
                        <a:pt x="78" y="26"/>
                      </a:lnTo>
                      <a:lnTo>
                        <a:pt x="68" y="26"/>
                      </a:lnTo>
                      <a:lnTo>
                        <a:pt x="54" y="30"/>
                      </a:lnTo>
                      <a:lnTo>
                        <a:pt x="40" y="34"/>
                      </a:lnTo>
                      <a:lnTo>
                        <a:pt x="26" y="40"/>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44" name="Freeform 11"/>
                <p:cNvSpPr>
                  <a:spLocks/>
                </p:cNvSpPr>
                <p:nvPr/>
              </p:nvSpPr>
              <p:spPr bwMode="auto">
                <a:xfrm>
                  <a:off x="4383" y="3355"/>
                  <a:ext cx="201" cy="53"/>
                </a:xfrm>
                <a:custGeom>
                  <a:avLst/>
                  <a:gdLst>
                    <a:gd name="T0" fmla="*/ 0 w 201"/>
                    <a:gd name="T1" fmla="*/ 26 h 53"/>
                    <a:gd name="T2" fmla="*/ 6 w 201"/>
                    <a:gd name="T3" fmla="*/ 22 h 53"/>
                    <a:gd name="T4" fmla="*/ 14 w 201"/>
                    <a:gd name="T5" fmla="*/ 18 h 53"/>
                    <a:gd name="T6" fmla="*/ 24 w 201"/>
                    <a:gd name="T7" fmla="*/ 12 h 53"/>
                    <a:gd name="T8" fmla="*/ 40 w 201"/>
                    <a:gd name="T9" fmla="*/ 10 h 53"/>
                    <a:gd name="T10" fmla="*/ 52 w 201"/>
                    <a:gd name="T11" fmla="*/ 6 h 53"/>
                    <a:gd name="T12" fmla="*/ 66 w 201"/>
                    <a:gd name="T13" fmla="*/ 2 h 53"/>
                    <a:gd name="T14" fmla="*/ 84 w 201"/>
                    <a:gd name="T15" fmla="*/ 0 h 53"/>
                    <a:gd name="T16" fmla="*/ 96 w 201"/>
                    <a:gd name="T17" fmla="*/ 0 h 53"/>
                    <a:gd name="T18" fmla="*/ 112 w 201"/>
                    <a:gd name="T19" fmla="*/ 0 h 53"/>
                    <a:gd name="T20" fmla="*/ 128 w 201"/>
                    <a:gd name="T21" fmla="*/ 2 h 53"/>
                    <a:gd name="T22" fmla="*/ 144 w 201"/>
                    <a:gd name="T23" fmla="*/ 6 h 53"/>
                    <a:gd name="T24" fmla="*/ 154 w 201"/>
                    <a:gd name="T25" fmla="*/ 8 h 53"/>
                    <a:gd name="T26" fmla="*/ 168 w 201"/>
                    <a:gd name="T27" fmla="*/ 12 h 53"/>
                    <a:gd name="T28" fmla="*/ 182 w 201"/>
                    <a:gd name="T29" fmla="*/ 18 h 53"/>
                    <a:gd name="T30" fmla="*/ 192 w 201"/>
                    <a:gd name="T31" fmla="*/ 22 h 53"/>
                    <a:gd name="T32" fmla="*/ 200 w 201"/>
                    <a:gd name="T33" fmla="*/ 28 h 53"/>
                    <a:gd name="T34" fmla="*/ 200 w 201"/>
                    <a:gd name="T35" fmla="*/ 50 h 53"/>
                    <a:gd name="T36" fmla="*/ 194 w 201"/>
                    <a:gd name="T37" fmla="*/ 48 h 53"/>
                    <a:gd name="T38" fmla="*/ 184 w 201"/>
                    <a:gd name="T39" fmla="*/ 44 h 53"/>
                    <a:gd name="T40" fmla="*/ 172 w 201"/>
                    <a:gd name="T41" fmla="*/ 40 h 53"/>
                    <a:gd name="T42" fmla="*/ 160 w 201"/>
                    <a:gd name="T43" fmla="*/ 36 h 53"/>
                    <a:gd name="T44" fmla="*/ 146 w 201"/>
                    <a:gd name="T45" fmla="*/ 32 h 53"/>
                    <a:gd name="T46" fmla="*/ 132 w 201"/>
                    <a:gd name="T47" fmla="*/ 28 h 53"/>
                    <a:gd name="T48" fmla="*/ 116 w 201"/>
                    <a:gd name="T49" fmla="*/ 26 h 53"/>
                    <a:gd name="T50" fmla="*/ 102 w 201"/>
                    <a:gd name="T51" fmla="*/ 26 h 53"/>
                    <a:gd name="T52" fmla="*/ 90 w 201"/>
                    <a:gd name="T53" fmla="*/ 26 h 53"/>
                    <a:gd name="T54" fmla="*/ 78 w 201"/>
                    <a:gd name="T55" fmla="*/ 26 h 53"/>
                    <a:gd name="T56" fmla="*/ 66 w 201"/>
                    <a:gd name="T57" fmla="*/ 28 h 53"/>
                    <a:gd name="T58" fmla="*/ 54 w 201"/>
                    <a:gd name="T59" fmla="*/ 30 h 53"/>
                    <a:gd name="T60" fmla="*/ 40 w 201"/>
                    <a:gd name="T61" fmla="*/ 36 h 53"/>
                    <a:gd name="T62" fmla="*/ 26 w 201"/>
                    <a:gd name="T63" fmla="*/ 38 h 53"/>
                    <a:gd name="T64" fmla="*/ 14 w 201"/>
                    <a:gd name="T65" fmla="*/ 44 h 53"/>
                    <a:gd name="T66" fmla="*/ 0 w 201"/>
                    <a:gd name="T67" fmla="*/ 52 h 53"/>
                    <a:gd name="T68" fmla="*/ 0 w 201"/>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1" h="53">
                      <a:moveTo>
                        <a:pt x="0" y="26"/>
                      </a:moveTo>
                      <a:lnTo>
                        <a:pt x="6" y="22"/>
                      </a:lnTo>
                      <a:lnTo>
                        <a:pt x="14" y="18"/>
                      </a:lnTo>
                      <a:lnTo>
                        <a:pt x="24" y="12"/>
                      </a:lnTo>
                      <a:lnTo>
                        <a:pt x="40" y="10"/>
                      </a:lnTo>
                      <a:lnTo>
                        <a:pt x="52" y="6"/>
                      </a:lnTo>
                      <a:lnTo>
                        <a:pt x="66" y="2"/>
                      </a:lnTo>
                      <a:lnTo>
                        <a:pt x="84" y="0"/>
                      </a:lnTo>
                      <a:lnTo>
                        <a:pt x="96" y="0"/>
                      </a:lnTo>
                      <a:lnTo>
                        <a:pt x="112" y="0"/>
                      </a:lnTo>
                      <a:lnTo>
                        <a:pt x="128" y="2"/>
                      </a:lnTo>
                      <a:lnTo>
                        <a:pt x="144" y="6"/>
                      </a:lnTo>
                      <a:lnTo>
                        <a:pt x="154" y="8"/>
                      </a:lnTo>
                      <a:lnTo>
                        <a:pt x="168" y="12"/>
                      </a:lnTo>
                      <a:lnTo>
                        <a:pt x="182" y="18"/>
                      </a:lnTo>
                      <a:lnTo>
                        <a:pt x="192" y="22"/>
                      </a:lnTo>
                      <a:lnTo>
                        <a:pt x="200" y="28"/>
                      </a:lnTo>
                      <a:lnTo>
                        <a:pt x="200" y="50"/>
                      </a:lnTo>
                      <a:lnTo>
                        <a:pt x="194" y="48"/>
                      </a:lnTo>
                      <a:lnTo>
                        <a:pt x="184" y="44"/>
                      </a:lnTo>
                      <a:lnTo>
                        <a:pt x="172" y="40"/>
                      </a:lnTo>
                      <a:lnTo>
                        <a:pt x="160" y="36"/>
                      </a:lnTo>
                      <a:lnTo>
                        <a:pt x="146" y="32"/>
                      </a:lnTo>
                      <a:lnTo>
                        <a:pt x="132" y="28"/>
                      </a:lnTo>
                      <a:lnTo>
                        <a:pt x="116" y="26"/>
                      </a:lnTo>
                      <a:lnTo>
                        <a:pt x="102" y="26"/>
                      </a:lnTo>
                      <a:lnTo>
                        <a:pt x="90" y="26"/>
                      </a:lnTo>
                      <a:lnTo>
                        <a:pt x="78" y="26"/>
                      </a:lnTo>
                      <a:lnTo>
                        <a:pt x="66" y="28"/>
                      </a:lnTo>
                      <a:lnTo>
                        <a:pt x="54" y="30"/>
                      </a:lnTo>
                      <a:lnTo>
                        <a:pt x="40" y="36"/>
                      </a:lnTo>
                      <a:lnTo>
                        <a:pt x="26" y="38"/>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45" name="Freeform 12"/>
                <p:cNvSpPr>
                  <a:spLocks/>
                </p:cNvSpPr>
                <p:nvPr/>
              </p:nvSpPr>
              <p:spPr bwMode="auto">
                <a:xfrm>
                  <a:off x="4383" y="2775"/>
                  <a:ext cx="201" cy="53"/>
                </a:xfrm>
                <a:custGeom>
                  <a:avLst/>
                  <a:gdLst>
                    <a:gd name="T0" fmla="*/ 0 w 201"/>
                    <a:gd name="T1" fmla="*/ 24 h 53"/>
                    <a:gd name="T2" fmla="*/ 6 w 201"/>
                    <a:gd name="T3" fmla="*/ 22 h 53"/>
                    <a:gd name="T4" fmla="*/ 14 w 201"/>
                    <a:gd name="T5" fmla="*/ 18 h 53"/>
                    <a:gd name="T6" fmla="*/ 24 w 201"/>
                    <a:gd name="T7" fmla="*/ 14 h 53"/>
                    <a:gd name="T8" fmla="*/ 40 w 201"/>
                    <a:gd name="T9" fmla="*/ 10 h 53"/>
                    <a:gd name="T10" fmla="*/ 52 w 201"/>
                    <a:gd name="T11" fmla="*/ 6 h 53"/>
                    <a:gd name="T12" fmla="*/ 66 w 201"/>
                    <a:gd name="T13" fmla="*/ 2 h 53"/>
                    <a:gd name="T14" fmla="*/ 84 w 201"/>
                    <a:gd name="T15" fmla="*/ 0 h 53"/>
                    <a:gd name="T16" fmla="*/ 96 w 201"/>
                    <a:gd name="T17" fmla="*/ 0 h 53"/>
                    <a:gd name="T18" fmla="*/ 112 w 201"/>
                    <a:gd name="T19" fmla="*/ 0 h 53"/>
                    <a:gd name="T20" fmla="*/ 128 w 201"/>
                    <a:gd name="T21" fmla="*/ 2 h 53"/>
                    <a:gd name="T22" fmla="*/ 144 w 201"/>
                    <a:gd name="T23" fmla="*/ 4 h 53"/>
                    <a:gd name="T24" fmla="*/ 154 w 201"/>
                    <a:gd name="T25" fmla="*/ 8 h 53"/>
                    <a:gd name="T26" fmla="*/ 168 w 201"/>
                    <a:gd name="T27" fmla="*/ 12 h 53"/>
                    <a:gd name="T28" fmla="*/ 182 w 201"/>
                    <a:gd name="T29" fmla="*/ 18 h 53"/>
                    <a:gd name="T30" fmla="*/ 192 w 201"/>
                    <a:gd name="T31" fmla="*/ 22 h 53"/>
                    <a:gd name="T32" fmla="*/ 200 w 201"/>
                    <a:gd name="T33" fmla="*/ 26 h 53"/>
                    <a:gd name="T34" fmla="*/ 200 w 201"/>
                    <a:gd name="T35" fmla="*/ 50 h 53"/>
                    <a:gd name="T36" fmla="*/ 194 w 201"/>
                    <a:gd name="T37" fmla="*/ 46 h 53"/>
                    <a:gd name="T38" fmla="*/ 184 w 201"/>
                    <a:gd name="T39" fmla="*/ 44 h 53"/>
                    <a:gd name="T40" fmla="*/ 172 w 201"/>
                    <a:gd name="T41" fmla="*/ 40 h 53"/>
                    <a:gd name="T42" fmla="*/ 160 w 201"/>
                    <a:gd name="T43" fmla="*/ 36 h 53"/>
                    <a:gd name="T44" fmla="*/ 146 w 201"/>
                    <a:gd name="T45" fmla="*/ 32 h 53"/>
                    <a:gd name="T46" fmla="*/ 132 w 201"/>
                    <a:gd name="T47" fmla="*/ 28 h 53"/>
                    <a:gd name="T48" fmla="*/ 116 w 201"/>
                    <a:gd name="T49" fmla="*/ 24 h 53"/>
                    <a:gd name="T50" fmla="*/ 102 w 201"/>
                    <a:gd name="T51" fmla="*/ 24 h 53"/>
                    <a:gd name="T52" fmla="*/ 90 w 201"/>
                    <a:gd name="T53" fmla="*/ 24 h 53"/>
                    <a:gd name="T54" fmla="*/ 78 w 201"/>
                    <a:gd name="T55" fmla="*/ 24 h 53"/>
                    <a:gd name="T56" fmla="*/ 66 w 201"/>
                    <a:gd name="T57" fmla="*/ 26 h 53"/>
                    <a:gd name="T58" fmla="*/ 54 w 201"/>
                    <a:gd name="T59" fmla="*/ 32 h 53"/>
                    <a:gd name="T60" fmla="*/ 40 w 201"/>
                    <a:gd name="T61" fmla="*/ 34 h 53"/>
                    <a:gd name="T62" fmla="*/ 26 w 201"/>
                    <a:gd name="T63" fmla="*/ 40 h 53"/>
                    <a:gd name="T64" fmla="*/ 14 w 201"/>
                    <a:gd name="T65" fmla="*/ 44 h 53"/>
                    <a:gd name="T66" fmla="*/ 0 w 201"/>
                    <a:gd name="T67" fmla="*/ 52 h 53"/>
                    <a:gd name="T68" fmla="*/ 0 w 201"/>
                    <a:gd name="T69" fmla="*/ 24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1" h="53">
                      <a:moveTo>
                        <a:pt x="0" y="24"/>
                      </a:moveTo>
                      <a:lnTo>
                        <a:pt x="6" y="22"/>
                      </a:lnTo>
                      <a:lnTo>
                        <a:pt x="14" y="18"/>
                      </a:lnTo>
                      <a:lnTo>
                        <a:pt x="24" y="14"/>
                      </a:lnTo>
                      <a:lnTo>
                        <a:pt x="40" y="10"/>
                      </a:lnTo>
                      <a:lnTo>
                        <a:pt x="52" y="6"/>
                      </a:lnTo>
                      <a:lnTo>
                        <a:pt x="66" y="2"/>
                      </a:lnTo>
                      <a:lnTo>
                        <a:pt x="84" y="0"/>
                      </a:lnTo>
                      <a:lnTo>
                        <a:pt x="96" y="0"/>
                      </a:lnTo>
                      <a:lnTo>
                        <a:pt x="112" y="0"/>
                      </a:lnTo>
                      <a:lnTo>
                        <a:pt x="128" y="2"/>
                      </a:lnTo>
                      <a:lnTo>
                        <a:pt x="144" y="4"/>
                      </a:lnTo>
                      <a:lnTo>
                        <a:pt x="154" y="8"/>
                      </a:lnTo>
                      <a:lnTo>
                        <a:pt x="168" y="12"/>
                      </a:lnTo>
                      <a:lnTo>
                        <a:pt x="182" y="18"/>
                      </a:lnTo>
                      <a:lnTo>
                        <a:pt x="192" y="22"/>
                      </a:lnTo>
                      <a:lnTo>
                        <a:pt x="200" y="26"/>
                      </a:lnTo>
                      <a:lnTo>
                        <a:pt x="200" y="50"/>
                      </a:lnTo>
                      <a:lnTo>
                        <a:pt x="194" y="46"/>
                      </a:lnTo>
                      <a:lnTo>
                        <a:pt x="184" y="44"/>
                      </a:lnTo>
                      <a:lnTo>
                        <a:pt x="172" y="40"/>
                      </a:lnTo>
                      <a:lnTo>
                        <a:pt x="160" y="36"/>
                      </a:lnTo>
                      <a:lnTo>
                        <a:pt x="146" y="32"/>
                      </a:lnTo>
                      <a:lnTo>
                        <a:pt x="132" y="28"/>
                      </a:lnTo>
                      <a:lnTo>
                        <a:pt x="116" y="24"/>
                      </a:lnTo>
                      <a:lnTo>
                        <a:pt x="102" y="24"/>
                      </a:lnTo>
                      <a:lnTo>
                        <a:pt x="90" y="24"/>
                      </a:lnTo>
                      <a:lnTo>
                        <a:pt x="78" y="24"/>
                      </a:lnTo>
                      <a:lnTo>
                        <a:pt x="66" y="26"/>
                      </a:lnTo>
                      <a:lnTo>
                        <a:pt x="54" y="32"/>
                      </a:lnTo>
                      <a:lnTo>
                        <a:pt x="40" y="34"/>
                      </a:lnTo>
                      <a:lnTo>
                        <a:pt x="26" y="40"/>
                      </a:lnTo>
                      <a:lnTo>
                        <a:pt x="14" y="44"/>
                      </a:lnTo>
                      <a:lnTo>
                        <a:pt x="0" y="52"/>
                      </a:lnTo>
                      <a:lnTo>
                        <a:pt x="0" y="24"/>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grpSp>
          <p:nvGrpSpPr>
            <p:cNvPr id="21513" name="Group 13"/>
            <p:cNvGrpSpPr>
              <a:grpSpLocks/>
            </p:cNvGrpSpPr>
            <p:nvPr/>
          </p:nvGrpSpPr>
          <p:grpSpPr bwMode="auto">
            <a:xfrm>
              <a:off x="4579" y="2479"/>
              <a:ext cx="297" cy="1121"/>
              <a:chOff x="4579" y="2479"/>
              <a:chExt cx="297" cy="1121"/>
            </a:xfrm>
          </p:grpSpPr>
          <p:grpSp>
            <p:nvGrpSpPr>
              <p:cNvPr id="21534" name="Group 14"/>
              <p:cNvGrpSpPr>
                <a:grpSpLocks/>
              </p:cNvGrpSpPr>
              <p:nvPr/>
            </p:nvGrpSpPr>
            <p:grpSpPr bwMode="auto">
              <a:xfrm>
                <a:off x="4579" y="2479"/>
                <a:ext cx="297" cy="1121"/>
                <a:chOff x="4579" y="2479"/>
                <a:chExt cx="297" cy="1121"/>
              </a:xfrm>
            </p:grpSpPr>
            <p:sp>
              <p:nvSpPr>
                <p:cNvPr id="21539" name="Freeform 15"/>
                <p:cNvSpPr>
                  <a:spLocks/>
                </p:cNvSpPr>
                <p:nvPr/>
              </p:nvSpPr>
              <p:spPr bwMode="auto">
                <a:xfrm>
                  <a:off x="4781" y="2507"/>
                  <a:ext cx="95" cy="1093"/>
                </a:xfrm>
                <a:custGeom>
                  <a:avLst/>
                  <a:gdLst>
                    <a:gd name="T0" fmla="*/ 0 w 95"/>
                    <a:gd name="T1" fmla="*/ 0 h 1093"/>
                    <a:gd name="T2" fmla="*/ 94 w 95"/>
                    <a:gd name="T3" fmla="*/ 174 h 1093"/>
                    <a:gd name="T4" fmla="*/ 94 w 95"/>
                    <a:gd name="T5" fmla="*/ 1092 h 1093"/>
                    <a:gd name="T6" fmla="*/ 0 w 95"/>
                    <a:gd name="T7" fmla="*/ 1092 h 1093"/>
                    <a:gd name="T8" fmla="*/ 0 w 95"/>
                    <a:gd name="T9" fmla="*/ 0 h 1093"/>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5" h="1093">
                      <a:moveTo>
                        <a:pt x="0" y="0"/>
                      </a:moveTo>
                      <a:lnTo>
                        <a:pt x="94" y="174"/>
                      </a:lnTo>
                      <a:lnTo>
                        <a:pt x="94" y="1092"/>
                      </a:lnTo>
                      <a:lnTo>
                        <a:pt x="0" y="1092"/>
                      </a:lnTo>
                      <a:lnTo>
                        <a:pt x="0" y="0"/>
                      </a:lnTo>
                    </a:path>
                  </a:pathLst>
                </a:custGeom>
                <a:solidFill>
                  <a:srgbClr val="8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40" name="Freeform 16"/>
                <p:cNvSpPr>
                  <a:spLocks/>
                </p:cNvSpPr>
                <p:nvPr/>
              </p:nvSpPr>
              <p:spPr bwMode="auto">
                <a:xfrm>
                  <a:off x="4579" y="2479"/>
                  <a:ext cx="203" cy="1121"/>
                </a:xfrm>
                <a:custGeom>
                  <a:avLst/>
                  <a:gdLst>
                    <a:gd name="T0" fmla="*/ 0 w 203"/>
                    <a:gd name="T1" fmla="*/ 1120 h 1121"/>
                    <a:gd name="T2" fmla="*/ 0 w 203"/>
                    <a:gd name="T3" fmla="*/ 24 h 1121"/>
                    <a:gd name="T4" fmla="*/ 12 w 203"/>
                    <a:gd name="T5" fmla="*/ 18 h 1121"/>
                    <a:gd name="T6" fmla="*/ 28 w 203"/>
                    <a:gd name="T7" fmla="*/ 12 h 1121"/>
                    <a:gd name="T8" fmla="*/ 50 w 203"/>
                    <a:gd name="T9" fmla="*/ 6 h 1121"/>
                    <a:gd name="T10" fmla="*/ 68 w 203"/>
                    <a:gd name="T11" fmla="*/ 2 h 1121"/>
                    <a:gd name="T12" fmla="*/ 86 w 203"/>
                    <a:gd name="T13" fmla="*/ 0 h 1121"/>
                    <a:gd name="T14" fmla="*/ 98 w 203"/>
                    <a:gd name="T15" fmla="*/ 0 h 1121"/>
                    <a:gd name="T16" fmla="*/ 110 w 203"/>
                    <a:gd name="T17" fmla="*/ 0 h 1121"/>
                    <a:gd name="T18" fmla="*/ 122 w 203"/>
                    <a:gd name="T19" fmla="*/ 0 h 1121"/>
                    <a:gd name="T20" fmla="*/ 134 w 203"/>
                    <a:gd name="T21" fmla="*/ 2 h 1121"/>
                    <a:gd name="T22" fmla="*/ 142 w 203"/>
                    <a:gd name="T23" fmla="*/ 4 h 1121"/>
                    <a:gd name="T24" fmla="*/ 150 w 203"/>
                    <a:gd name="T25" fmla="*/ 6 h 1121"/>
                    <a:gd name="T26" fmla="*/ 164 w 203"/>
                    <a:gd name="T27" fmla="*/ 10 h 1121"/>
                    <a:gd name="T28" fmla="*/ 182 w 203"/>
                    <a:gd name="T29" fmla="*/ 16 h 1121"/>
                    <a:gd name="T30" fmla="*/ 192 w 203"/>
                    <a:gd name="T31" fmla="*/ 22 h 1121"/>
                    <a:gd name="T32" fmla="*/ 202 w 203"/>
                    <a:gd name="T33" fmla="*/ 24 h 1121"/>
                    <a:gd name="T34" fmla="*/ 202 w 203"/>
                    <a:gd name="T35" fmla="*/ 1120 h 1121"/>
                    <a:gd name="T36" fmla="*/ 0 w 203"/>
                    <a:gd name="T37" fmla="*/ 1120 h 112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203" h="1121">
                      <a:moveTo>
                        <a:pt x="0" y="1120"/>
                      </a:moveTo>
                      <a:lnTo>
                        <a:pt x="0" y="24"/>
                      </a:lnTo>
                      <a:lnTo>
                        <a:pt x="12" y="18"/>
                      </a:lnTo>
                      <a:lnTo>
                        <a:pt x="28" y="12"/>
                      </a:lnTo>
                      <a:lnTo>
                        <a:pt x="50" y="6"/>
                      </a:lnTo>
                      <a:lnTo>
                        <a:pt x="68" y="2"/>
                      </a:lnTo>
                      <a:lnTo>
                        <a:pt x="86" y="0"/>
                      </a:lnTo>
                      <a:lnTo>
                        <a:pt x="98" y="0"/>
                      </a:lnTo>
                      <a:lnTo>
                        <a:pt x="110" y="0"/>
                      </a:lnTo>
                      <a:lnTo>
                        <a:pt x="122" y="0"/>
                      </a:lnTo>
                      <a:lnTo>
                        <a:pt x="134" y="2"/>
                      </a:lnTo>
                      <a:lnTo>
                        <a:pt x="142" y="4"/>
                      </a:lnTo>
                      <a:lnTo>
                        <a:pt x="150" y="6"/>
                      </a:lnTo>
                      <a:lnTo>
                        <a:pt x="164" y="10"/>
                      </a:lnTo>
                      <a:lnTo>
                        <a:pt x="182" y="16"/>
                      </a:lnTo>
                      <a:lnTo>
                        <a:pt x="192" y="22"/>
                      </a:lnTo>
                      <a:lnTo>
                        <a:pt x="202" y="24"/>
                      </a:lnTo>
                      <a:lnTo>
                        <a:pt x="202" y="1120"/>
                      </a:lnTo>
                      <a:lnTo>
                        <a:pt x="0" y="1120"/>
                      </a:lnTo>
                    </a:path>
                  </a:pathLst>
                </a:custGeom>
                <a:solidFill>
                  <a:srgbClr val="FF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nvGrpSpPr>
              <p:cNvPr id="21535" name="Group 17"/>
              <p:cNvGrpSpPr>
                <a:grpSpLocks/>
              </p:cNvGrpSpPr>
              <p:nvPr/>
            </p:nvGrpSpPr>
            <p:grpSpPr bwMode="auto">
              <a:xfrm>
                <a:off x="4579" y="2775"/>
                <a:ext cx="203" cy="633"/>
                <a:chOff x="4579" y="2775"/>
                <a:chExt cx="203" cy="633"/>
              </a:xfrm>
            </p:grpSpPr>
            <p:sp>
              <p:nvSpPr>
                <p:cNvPr id="21536" name="Freeform 18"/>
                <p:cNvSpPr>
                  <a:spLocks/>
                </p:cNvSpPr>
                <p:nvPr/>
              </p:nvSpPr>
              <p:spPr bwMode="auto">
                <a:xfrm>
                  <a:off x="4579" y="3293"/>
                  <a:ext cx="201" cy="53"/>
                </a:xfrm>
                <a:custGeom>
                  <a:avLst/>
                  <a:gdLst>
                    <a:gd name="T0" fmla="*/ 0 w 201"/>
                    <a:gd name="T1" fmla="*/ 26 h 53"/>
                    <a:gd name="T2" fmla="*/ 6 w 201"/>
                    <a:gd name="T3" fmla="*/ 22 h 53"/>
                    <a:gd name="T4" fmla="*/ 14 w 201"/>
                    <a:gd name="T5" fmla="*/ 16 h 53"/>
                    <a:gd name="T6" fmla="*/ 24 w 201"/>
                    <a:gd name="T7" fmla="*/ 14 h 53"/>
                    <a:gd name="T8" fmla="*/ 40 w 201"/>
                    <a:gd name="T9" fmla="*/ 8 h 53"/>
                    <a:gd name="T10" fmla="*/ 52 w 201"/>
                    <a:gd name="T11" fmla="*/ 6 h 53"/>
                    <a:gd name="T12" fmla="*/ 66 w 201"/>
                    <a:gd name="T13" fmla="*/ 0 h 53"/>
                    <a:gd name="T14" fmla="*/ 84 w 201"/>
                    <a:gd name="T15" fmla="*/ 0 h 53"/>
                    <a:gd name="T16" fmla="*/ 96 w 201"/>
                    <a:gd name="T17" fmla="*/ 0 h 53"/>
                    <a:gd name="T18" fmla="*/ 112 w 201"/>
                    <a:gd name="T19" fmla="*/ 0 h 53"/>
                    <a:gd name="T20" fmla="*/ 130 w 201"/>
                    <a:gd name="T21" fmla="*/ 0 h 53"/>
                    <a:gd name="T22" fmla="*/ 144 w 201"/>
                    <a:gd name="T23" fmla="*/ 4 h 53"/>
                    <a:gd name="T24" fmla="*/ 154 w 201"/>
                    <a:gd name="T25" fmla="*/ 8 h 53"/>
                    <a:gd name="T26" fmla="*/ 168 w 201"/>
                    <a:gd name="T27" fmla="*/ 12 h 53"/>
                    <a:gd name="T28" fmla="*/ 182 w 201"/>
                    <a:gd name="T29" fmla="*/ 16 h 53"/>
                    <a:gd name="T30" fmla="*/ 192 w 201"/>
                    <a:gd name="T31" fmla="*/ 22 h 53"/>
                    <a:gd name="T32" fmla="*/ 200 w 201"/>
                    <a:gd name="T33" fmla="*/ 26 h 53"/>
                    <a:gd name="T34" fmla="*/ 200 w 201"/>
                    <a:gd name="T35" fmla="*/ 50 h 53"/>
                    <a:gd name="T36" fmla="*/ 194 w 201"/>
                    <a:gd name="T37" fmla="*/ 48 h 53"/>
                    <a:gd name="T38" fmla="*/ 186 w 201"/>
                    <a:gd name="T39" fmla="*/ 44 h 53"/>
                    <a:gd name="T40" fmla="*/ 174 w 201"/>
                    <a:gd name="T41" fmla="*/ 40 h 53"/>
                    <a:gd name="T42" fmla="*/ 160 w 201"/>
                    <a:gd name="T43" fmla="*/ 36 h 53"/>
                    <a:gd name="T44" fmla="*/ 146 w 201"/>
                    <a:gd name="T45" fmla="*/ 30 h 53"/>
                    <a:gd name="T46" fmla="*/ 132 w 201"/>
                    <a:gd name="T47" fmla="*/ 28 h 53"/>
                    <a:gd name="T48" fmla="*/ 116 w 201"/>
                    <a:gd name="T49" fmla="*/ 26 h 53"/>
                    <a:gd name="T50" fmla="*/ 102 w 201"/>
                    <a:gd name="T51" fmla="*/ 26 h 53"/>
                    <a:gd name="T52" fmla="*/ 90 w 201"/>
                    <a:gd name="T53" fmla="*/ 26 h 53"/>
                    <a:gd name="T54" fmla="*/ 78 w 201"/>
                    <a:gd name="T55" fmla="*/ 26 h 53"/>
                    <a:gd name="T56" fmla="*/ 66 w 201"/>
                    <a:gd name="T57" fmla="*/ 26 h 53"/>
                    <a:gd name="T58" fmla="*/ 54 w 201"/>
                    <a:gd name="T59" fmla="*/ 30 h 53"/>
                    <a:gd name="T60" fmla="*/ 40 w 201"/>
                    <a:gd name="T61" fmla="*/ 34 h 53"/>
                    <a:gd name="T62" fmla="*/ 26 w 201"/>
                    <a:gd name="T63" fmla="*/ 40 h 53"/>
                    <a:gd name="T64" fmla="*/ 14 w 201"/>
                    <a:gd name="T65" fmla="*/ 44 h 53"/>
                    <a:gd name="T66" fmla="*/ 0 w 201"/>
                    <a:gd name="T67" fmla="*/ 52 h 53"/>
                    <a:gd name="T68" fmla="*/ 0 w 201"/>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1" h="53">
                      <a:moveTo>
                        <a:pt x="0" y="26"/>
                      </a:moveTo>
                      <a:lnTo>
                        <a:pt x="6" y="22"/>
                      </a:lnTo>
                      <a:lnTo>
                        <a:pt x="14" y="16"/>
                      </a:lnTo>
                      <a:lnTo>
                        <a:pt x="24" y="14"/>
                      </a:lnTo>
                      <a:lnTo>
                        <a:pt x="40" y="8"/>
                      </a:lnTo>
                      <a:lnTo>
                        <a:pt x="52" y="6"/>
                      </a:lnTo>
                      <a:lnTo>
                        <a:pt x="66" y="0"/>
                      </a:lnTo>
                      <a:lnTo>
                        <a:pt x="84" y="0"/>
                      </a:lnTo>
                      <a:lnTo>
                        <a:pt x="96" y="0"/>
                      </a:lnTo>
                      <a:lnTo>
                        <a:pt x="112" y="0"/>
                      </a:lnTo>
                      <a:lnTo>
                        <a:pt x="130" y="0"/>
                      </a:lnTo>
                      <a:lnTo>
                        <a:pt x="144" y="4"/>
                      </a:lnTo>
                      <a:lnTo>
                        <a:pt x="154" y="8"/>
                      </a:lnTo>
                      <a:lnTo>
                        <a:pt x="168" y="12"/>
                      </a:lnTo>
                      <a:lnTo>
                        <a:pt x="182" y="16"/>
                      </a:lnTo>
                      <a:lnTo>
                        <a:pt x="192" y="22"/>
                      </a:lnTo>
                      <a:lnTo>
                        <a:pt x="200" y="26"/>
                      </a:lnTo>
                      <a:lnTo>
                        <a:pt x="200" y="50"/>
                      </a:lnTo>
                      <a:lnTo>
                        <a:pt x="194" y="48"/>
                      </a:lnTo>
                      <a:lnTo>
                        <a:pt x="186" y="44"/>
                      </a:lnTo>
                      <a:lnTo>
                        <a:pt x="174" y="40"/>
                      </a:lnTo>
                      <a:lnTo>
                        <a:pt x="160" y="36"/>
                      </a:lnTo>
                      <a:lnTo>
                        <a:pt x="146" y="30"/>
                      </a:lnTo>
                      <a:lnTo>
                        <a:pt x="132" y="28"/>
                      </a:lnTo>
                      <a:lnTo>
                        <a:pt x="116" y="26"/>
                      </a:lnTo>
                      <a:lnTo>
                        <a:pt x="102" y="26"/>
                      </a:lnTo>
                      <a:lnTo>
                        <a:pt x="90" y="26"/>
                      </a:lnTo>
                      <a:lnTo>
                        <a:pt x="78" y="26"/>
                      </a:lnTo>
                      <a:lnTo>
                        <a:pt x="66" y="26"/>
                      </a:lnTo>
                      <a:lnTo>
                        <a:pt x="54" y="30"/>
                      </a:lnTo>
                      <a:lnTo>
                        <a:pt x="40" y="34"/>
                      </a:lnTo>
                      <a:lnTo>
                        <a:pt x="26" y="40"/>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37" name="Freeform 19"/>
                <p:cNvSpPr>
                  <a:spLocks/>
                </p:cNvSpPr>
                <p:nvPr/>
              </p:nvSpPr>
              <p:spPr bwMode="auto">
                <a:xfrm>
                  <a:off x="4579" y="3355"/>
                  <a:ext cx="203" cy="53"/>
                </a:xfrm>
                <a:custGeom>
                  <a:avLst/>
                  <a:gdLst>
                    <a:gd name="T0" fmla="*/ 0 w 203"/>
                    <a:gd name="T1" fmla="*/ 26 h 53"/>
                    <a:gd name="T2" fmla="*/ 4 w 203"/>
                    <a:gd name="T3" fmla="*/ 22 h 53"/>
                    <a:gd name="T4" fmla="*/ 14 w 203"/>
                    <a:gd name="T5" fmla="*/ 18 h 53"/>
                    <a:gd name="T6" fmla="*/ 24 w 203"/>
                    <a:gd name="T7" fmla="*/ 12 h 53"/>
                    <a:gd name="T8" fmla="*/ 38 w 203"/>
                    <a:gd name="T9" fmla="*/ 10 h 53"/>
                    <a:gd name="T10" fmla="*/ 50 w 203"/>
                    <a:gd name="T11" fmla="*/ 6 h 53"/>
                    <a:gd name="T12" fmla="*/ 66 w 203"/>
                    <a:gd name="T13" fmla="*/ 2 h 53"/>
                    <a:gd name="T14" fmla="*/ 84 w 203"/>
                    <a:gd name="T15" fmla="*/ 0 h 53"/>
                    <a:gd name="T16" fmla="*/ 96 w 203"/>
                    <a:gd name="T17" fmla="*/ 0 h 53"/>
                    <a:gd name="T18" fmla="*/ 112 w 203"/>
                    <a:gd name="T19" fmla="*/ 0 h 53"/>
                    <a:gd name="T20" fmla="*/ 130 w 203"/>
                    <a:gd name="T21" fmla="*/ 2 h 53"/>
                    <a:gd name="T22" fmla="*/ 142 w 203"/>
                    <a:gd name="T23" fmla="*/ 6 h 53"/>
                    <a:gd name="T24" fmla="*/ 156 w 203"/>
                    <a:gd name="T25" fmla="*/ 8 h 53"/>
                    <a:gd name="T26" fmla="*/ 168 w 203"/>
                    <a:gd name="T27" fmla="*/ 12 h 53"/>
                    <a:gd name="T28" fmla="*/ 182 w 203"/>
                    <a:gd name="T29" fmla="*/ 18 h 53"/>
                    <a:gd name="T30" fmla="*/ 194 w 203"/>
                    <a:gd name="T31" fmla="*/ 22 h 53"/>
                    <a:gd name="T32" fmla="*/ 202 w 203"/>
                    <a:gd name="T33" fmla="*/ 28 h 53"/>
                    <a:gd name="T34" fmla="*/ 202 w 203"/>
                    <a:gd name="T35" fmla="*/ 50 h 53"/>
                    <a:gd name="T36" fmla="*/ 194 w 203"/>
                    <a:gd name="T37" fmla="*/ 48 h 53"/>
                    <a:gd name="T38" fmla="*/ 186 w 203"/>
                    <a:gd name="T39" fmla="*/ 44 h 53"/>
                    <a:gd name="T40" fmla="*/ 174 w 203"/>
                    <a:gd name="T41" fmla="*/ 40 h 53"/>
                    <a:gd name="T42" fmla="*/ 162 w 203"/>
                    <a:gd name="T43" fmla="*/ 36 h 53"/>
                    <a:gd name="T44" fmla="*/ 146 w 203"/>
                    <a:gd name="T45" fmla="*/ 32 h 53"/>
                    <a:gd name="T46" fmla="*/ 130 w 203"/>
                    <a:gd name="T47" fmla="*/ 28 h 53"/>
                    <a:gd name="T48" fmla="*/ 116 w 203"/>
                    <a:gd name="T49" fmla="*/ 26 h 53"/>
                    <a:gd name="T50" fmla="*/ 100 w 203"/>
                    <a:gd name="T51" fmla="*/ 26 h 53"/>
                    <a:gd name="T52" fmla="*/ 90 w 203"/>
                    <a:gd name="T53" fmla="*/ 26 h 53"/>
                    <a:gd name="T54" fmla="*/ 78 w 203"/>
                    <a:gd name="T55" fmla="*/ 26 h 53"/>
                    <a:gd name="T56" fmla="*/ 66 w 203"/>
                    <a:gd name="T57" fmla="*/ 28 h 53"/>
                    <a:gd name="T58" fmla="*/ 52 w 203"/>
                    <a:gd name="T59" fmla="*/ 30 h 53"/>
                    <a:gd name="T60" fmla="*/ 38 w 203"/>
                    <a:gd name="T61" fmla="*/ 36 h 53"/>
                    <a:gd name="T62" fmla="*/ 26 w 203"/>
                    <a:gd name="T63" fmla="*/ 38 h 53"/>
                    <a:gd name="T64" fmla="*/ 14 w 203"/>
                    <a:gd name="T65" fmla="*/ 44 h 53"/>
                    <a:gd name="T66" fmla="*/ 0 w 203"/>
                    <a:gd name="T67" fmla="*/ 52 h 53"/>
                    <a:gd name="T68" fmla="*/ 0 w 203"/>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3" h="53">
                      <a:moveTo>
                        <a:pt x="0" y="26"/>
                      </a:moveTo>
                      <a:lnTo>
                        <a:pt x="4" y="22"/>
                      </a:lnTo>
                      <a:lnTo>
                        <a:pt x="14" y="18"/>
                      </a:lnTo>
                      <a:lnTo>
                        <a:pt x="24" y="12"/>
                      </a:lnTo>
                      <a:lnTo>
                        <a:pt x="38" y="10"/>
                      </a:lnTo>
                      <a:lnTo>
                        <a:pt x="50" y="6"/>
                      </a:lnTo>
                      <a:lnTo>
                        <a:pt x="66" y="2"/>
                      </a:lnTo>
                      <a:lnTo>
                        <a:pt x="84" y="0"/>
                      </a:lnTo>
                      <a:lnTo>
                        <a:pt x="96" y="0"/>
                      </a:lnTo>
                      <a:lnTo>
                        <a:pt x="112" y="0"/>
                      </a:lnTo>
                      <a:lnTo>
                        <a:pt x="130" y="2"/>
                      </a:lnTo>
                      <a:lnTo>
                        <a:pt x="142" y="6"/>
                      </a:lnTo>
                      <a:lnTo>
                        <a:pt x="156" y="8"/>
                      </a:lnTo>
                      <a:lnTo>
                        <a:pt x="168" y="12"/>
                      </a:lnTo>
                      <a:lnTo>
                        <a:pt x="182" y="18"/>
                      </a:lnTo>
                      <a:lnTo>
                        <a:pt x="194" y="22"/>
                      </a:lnTo>
                      <a:lnTo>
                        <a:pt x="202" y="28"/>
                      </a:lnTo>
                      <a:lnTo>
                        <a:pt x="202" y="50"/>
                      </a:lnTo>
                      <a:lnTo>
                        <a:pt x="194" y="48"/>
                      </a:lnTo>
                      <a:lnTo>
                        <a:pt x="186" y="44"/>
                      </a:lnTo>
                      <a:lnTo>
                        <a:pt x="174" y="40"/>
                      </a:lnTo>
                      <a:lnTo>
                        <a:pt x="162" y="36"/>
                      </a:lnTo>
                      <a:lnTo>
                        <a:pt x="146" y="32"/>
                      </a:lnTo>
                      <a:lnTo>
                        <a:pt x="130" y="28"/>
                      </a:lnTo>
                      <a:lnTo>
                        <a:pt x="116" y="26"/>
                      </a:lnTo>
                      <a:lnTo>
                        <a:pt x="100" y="26"/>
                      </a:lnTo>
                      <a:lnTo>
                        <a:pt x="90" y="26"/>
                      </a:lnTo>
                      <a:lnTo>
                        <a:pt x="78" y="26"/>
                      </a:lnTo>
                      <a:lnTo>
                        <a:pt x="66" y="28"/>
                      </a:lnTo>
                      <a:lnTo>
                        <a:pt x="52" y="30"/>
                      </a:lnTo>
                      <a:lnTo>
                        <a:pt x="38" y="36"/>
                      </a:lnTo>
                      <a:lnTo>
                        <a:pt x="26" y="38"/>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38" name="Freeform 20"/>
                <p:cNvSpPr>
                  <a:spLocks/>
                </p:cNvSpPr>
                <p:nvPr/>
              </p:nvSpPr>
              <p:spPr bwMode="auto">
                <a:xfrm>
                  <a:off x="4579" y="2775"/>
                  <a:ext cx="203" cy="53"/>
                </a:xfrm>
                <a:custGeom>
                  <a:avLst/>
                  <a:gdLst>
                    <a:gd name="T0" fmla="*/ 0 w 203"/>
                    <a:gd name="T1" fmla="*/ 24 h 53"/>
                    <a:gd name="T2" fmla="*/ 4 w 203"/>
                    <a:gd name="T3" fmla="*/ 22 h 53"/>
                    <a:gd name="T4" fmla="*/ 14 w 203"/>
                    <a:gd name="T5" fmla="*/ 18 h 53"/>
                    <a:gd name="T6" fmla="*/ 24 w 203"/>
                    <a:gd name="T7" fmla="*/ 14 h 53"/>
                    <a:gd name="T8" fmla="*/ 38 w 203"/>
                    <a:gd name="T9" fmla="*/ 10 h 53"/>
                    <a:gd name="T10" fmla="*/ 50 w 203"/>
                    <a:gd name="T11" fmla="*/ 6 h 53"/>
                    <a:gd name="T12" fmla="*/ 66 w 203"/>
                    <a:gd name="T13" fmla="*/ 2 h 53"/>
                    <a:gd name="T14" fmla="*/ 84 w 203"/>
                    <a:gd name="T15" fmla="*/ 0 h 53"/>
                    <a:gd name="T16" fmla="*/ 96 w 203"/>
                    <a:gd name="T17" fmla="*/ 0 h 53"/>
                    <a:gd name="T18" fmla="*/ 112 w 203"/>
                    <a:gd name="T19" fmla="*/ 0 h 53"/>
                    <a:gd name="T20" fmla="*/ 130 w 203"/>
                    <a:gd name="T21" fmla="*/ 2 h 53"/>
                    <a:gd name="T22" fmla="*/ 142 w 203"/>
                    <a:gd name="T23" fmla="*/ 4 h 53"/>
                    <a:gd name="T24" fmla="*/ 156 w 203"/>
                    <a:gd name="T25" fmla="*/ 8 h 53"/>
                    <a:gd name="T26" fmla="*/ 168 w 203"/>
                    <a:gd name="T27" fmla="*/ 12 h 53"/>
                    <a:gd name="T28" fmla="*/ 182 w 203"/>
                    <a:gd name="T29" fmla="*/ 18 h 53"/>
                    <a:gd name="T30" fmla="*/ 194 w 203"/>
                    <a:gd name="T31" fmla="*/ 22 h 53"/>
                    <a:gd name="T32" fmla="*/ 202 w 203"/>
                    <a:gd name="T33" fmla="*/ 26 h 53"/>
                    <a:gd name="T34" fmla="*/ 202 w 203"/>
                    <a:gd name="T35" fmla="*/ 50 h 53"/>
                    <a:gd name="T36" fmla="*/ 194 w 203"/>
                    <a:gd name="T37" fmla="*/ 46 h 53"/>
                    <a:gd name="T38" fmla="*/ 186 w 203"/>
                    <a:gd name="T39" fmla="*/ 44 h 53"/>
                    <a:gd name="T40" fmla="*/ 174 w 203"/>
                    <a:gd name="T41" fmla="*/ 40 h 53"/>
                    <a:gd name="T42" fmla="*/ 162 w 203"/>
                    <a:gd name="T43" fmla="*/ 36 h 53"/>
                    <a:gd name="T44" fmla="*/ 146 w 203"/>
                    <a:gd name="T45" fmla="*/ 32 h 53"/>
                    <a:gd name="T46" fmla="*/ 130 w 203"/>
                    <a:gd name="T47" fmla="*/ 28 h 53"/>
                    <a:gd name="T48" fmla="*/ 116 w 203"/>
                    <a:gd name="T49" fmla="*/ 24 h 53"/>
                    <a:gd name="T50" fmla="*/ 100 w 203"/>
                    <a:gd name="T51" fmla="*/ 24 h 53"/>
                    <a:gd name="T52" fmla="*/ 90 w 203"/>
                    <a:gd name="T53" fmla="*/ 24 h 53"/>
                    <a:gd name="T54" fmla="*/ 78 w 203"/>
                    <a:gd name="T55" fmla="*/ 24 h 53"/>
                    <a:gd name="T56" fmla="*/ 66 w 203"/>
                    <a:gd name="T57" fmla="*/ 26 h 53"/>
                    <a:gd name="T58" fmla="*/ 52 w 203"/>
                    <a:gd name="T59" fmla="*/ 32 h 53"/>
                    <a:gd name="T60" fmla="*/ 38 w 203"/>
                    <a:gd name="T61" fmla="*/ 34 h 53"/>
                    <a:gd name="T62" fmla="*/ 26 w 203"/>
                    <a:gd name="T63" fmla="*/ 40 h 53"/>
                    <a:gd name="T64" fmla="*/ 14 w 203"/>
                    <a:gd name="T65" fmla="*/ 44 h 53"/>
                    <a:gd name="T66" fmla="*/ 0 w 203"/>
                    <a:gd name="T67" fmla="*/ 52 h 53"/>
                    <a:gd name="T68" fmla="*/ 0 w 203"/>
                    <a:gd name="T69" fmla="*/ 24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3" h="53">
                      <a:moveTo>
                        <a:pt x="0" y="24"/>
                      </a:moveTo>
                      <a:lnTo>
                        <a:pt x="4" y="22"/>
                      </a:lnTo>
                      <a:lnTo>
                        <a:pt x="14" y="18"/>
                      </a:lnTo>
                      <a:lnTo>
                        <a:pt x="24" y="14"/>
                      </a:lnTo>
                      <a:lnTo>
                        <a:pt x="38" y="10"/>
                      </a:lnTo>
                      <a:lnTo>
                        <a:pt x="50" y="6"/>
                      </a:lnTo>
                      <a:lnTo>
                        <a:pt x="66" y="2"/>
                      </a:lnTo>
                      <a:lnTo>
                        <a:pt x="84" y="0"/>
                      </a:lnTo>
                      <a:lnTo>
                        <a:pt x="96" y="0"/>
                      </a:lnTo>
                      <a:lnTo>
                        <a:pt x="112" y="0"/>
                      </a:lnTo>
                      <a:lnTo>
                        <a:pt x="130" y="2"/>
                      </a:lnTo>
                      <a:lnTo>
                        <a:pt x="142" y="4"/>
                      </a:lnTo>
                      <a:lnTo>
                        <a:pt x="156" y="8"/>
                      </a:lnTo>
                      <a:lnTo>
                        <a:pt x="168" y="12"/>
                      </a:lnTo>
                      <a:lnTo>
                        <a:pt x="182" y="18"/>
                      </a:lnTo>
                      <a:lnTo>
                        <a:pt x="194" y="22"/>
                      </a:lnTo>
                      <a:lnTo>
                        <a:pt x="202" y="26"/>
                      </a:lnTo>
                      <a:lnTo>
                        <a:pt x="202" y="50"/>
                      </a:lnTo>
                      <a:lnTo>
                        <a:pt x="194" y="46"/>
                      </a:lnTo>
                      <a:lnTo>
                        <a:pt x="186" y="44"/>
                      </a:lnTo>
                      <a:lnTo>
                        <a:pt x="174" y="40"/>
                      </a:lnTo>
                      <a:lnTo>
                        <a:pt x="162" y="36"/>
                      </a:lnTo>
                      <a:lnTo>
                        <a:pt x="146" y="32"/>
                      </a:lnTo>
                      <a:lnTo>
                        <a:pt x="130" y="28"/>
                      </a:lnTo>
                      <a:lnTo>
                        <a:pt x="116" y="24"/>
                      </a:lnTo>
                      <a:lnTo>
                        <a:pt x="100" y="24"/>
                      </a:lnTo>
                      <a:lnTo>
                        <a:pt x="90" y="24"/>
                      </a:lnTo>
                      <a:lnTo>
                        <a:pt x="78" y="24"/>
                      </a:lnTo>
                      <a:lnTo>
                        <a:pt x="66" y="26"/>
                      </a:lnTo>
                      <a:lnTo>
                        <a:pt x="52" y="32"/>
                      </a:lnTo>
                      <a:lnTo>
                        <a:pt x="38" y="34"/>
                      </a:lnTo>
                      <a:lnTo>
                        <a:pt x="26" y="40"/>
                      </a:lnTo>
                      <a:lnTo>
                        <a:pt x="14" y="44"/>
                      </a:lnTo>
                      <a:lnTo>
                        <a:pt x="0" y="52"/>
                      </a:lnTo>
                      <a:lnTo>
                        <a:pt x="0" y="24"/>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grpSp>
          <p:nvGrpSpPr>
            <p:cNvPr id="21514" name="Group 21"/>
            <p:cNvGrpSpPr>
              <a:grpSpLocks/>
            </p:cNvGrpSpPr>
            <p:nvPr/>
          </p:nvGrpSpPr>
          <p:grpSpPr bwMode="auto">
            <a:xfrm>
              <a:off x="4779" y="2479"/>
              <a:ext cx="297" cy="1121"/>
              <a:chOff x="4779" y="2479"/>
              <a:chExt cx="297" cy="1121"/>
            </a:xfrm>
          </p:grpSpPr>
          <p:grpSp>
            <p:nvGrpSpPr>
              <p:cNvPr id="21527" name="Group 22"/>
              <p:cNvGrpSpPr>
                <a:grpSpLocks/>
              </p:cNvGrpSpPr>
              <p:nvPr/>
            </p:nvGrpSpPr>
            <p:grpSpPr bwMode="auto">
              <a:xfrm>
                <a:off x="4779" y="2479"/>
                <a:ext cx="297" cy="1121"/>
                <a:chOff x="4779" y="2479"/>
                <a:chExt cx="297" cy="1121"/>
              </a:xfrm>
            </p:grpSpPr>
            <p:sp>
              <p:nvSpPr>
                <p:cNvPr id="21532" name="Freeform 23"/>
                <p:cNvSpPr>
                  <a:spLocks/>
                </p:cNvSpPr>
                <p:nvPr/>
              </p:nvSpPr>
              <p:spPr bwMode="auto">
                <a:xfrm>
                  <a:off x="4979" y="2507"/>
                  <a:ext cx="97" cy="1093"/>
                </a:xfrm>
                <a:custGeom>
                  <a:avLst/>
                  <a:gdLst>
                    <a:gd name="T0" fmla="*/ 0 w 97"/>
                    <a:gd name="T1" fmla="*/ 0 h 1093"/>
                    <a:gd name="T2" fmla="*/ 96 w 97"/>
                    <a:gd name="T3" fmla="*/ 174 h 1093"/>
                    <a:gd name="T4" fmla="*/ 96 w 97"/>
                    <a:gd name="T5" fmla="*/ 1092 h 1093"/>
                    <a:gd name="T6" fmla="*/ 0 w 97"/>
                    <a:gd name="T7" fmla="*/ 1092 h 1093"/>
                    <a:gd name="T8" fmla="*/ 0 w 97"/>
                    <a:gd name="T9" fmla="*/ 0 h 1093"/>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7" h="1093">
                      <a:moveTo>
                        <a:pt x="0" y="0"/>
                      </a:moveTo>
                      <a:lnTo>
                        <a:pt x="96" y="174"/>
                      </a:lnTo>
                      <a:lnTo>
                        <a:pt x="96" y="1092"/>
                      </a:lnTo>
                      <a:lnTo>
                        <a:pt x="0" y="1092"/>
                      </a:lnTo>
                      <a:lnTo>
                        <a:pt x="0" y="0"/>
                      </a:lnTo>
                    </a:path>
                  </a:pathLst>
                </a:custGeom>
                <a:solidFill>
                  <a:srgbClr val="8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33" name="Freeform 24"/>
                <p:cNvSpPr>
                  <a:spLocks/>
                </p:cNvSpPr>
                <p:nvPr/>
              </p:nvSpPr>
              <p:spPr bwMode="auto">
                <a:xfrm>
                  <a:off x="4779" y="2479"/>
                  <a:ext cx="201" cy="1121"/>
                </a:xfrm>
                <a:custGeom>
                  <a:avLst/>
                  <a:gdLst>
                    <a:gd name="T0" fmla="*/ 0 w 201"/>
                    <a:gd name="T1" fmla="*/ 1120 h 1121"/>
                    <a:gd name="T2" fmla="*/ 0 w 201"/>
                    <a:gd name="T3" fmla="*/ 24 h 1121"/>
                    <a:gd name="T4" fmla="*/ 12 w 201"/>
                    <a:gd name="T5" fmla="*/ 18 h 1121"/>
                    <a:gd name="T6" fmla="*/ 28 w 201"/>
                    <a:gd name="T7" fmla="*/ 12 h 1121"/>
                    <a:gd name="T8" fmla="*/ 50 w 201"/>
                    <a:gd name="T9" fmla="*/ 6 h 1121"/>
                    <a:gd name="T10" fmla="*/ 68 w 201"/>
                    <a:gd name="T11" fmla="*/ 2 h 1121"/>
                    <a:gd name="T12" fmla="*/ 84 w 201"/>
                    <a:gd name="T13" fmla="*/ 0 h 1121"/>
                    <a:gd name="T14" fmla="*/ 98 w 201"/>
                    <a:gd name="T15" fmla="*/ 0 h 1121"/>
                    <a:gd name="T16" fmla="*/ 108 w 201"/>
                    <a:gd name="T17" fmla="*/ 0 h 1121"/>
                    <a:gd name="T18" fmla="*/ 120 w 201"/>
                    <a:gd name="T19" fmla="*/ 0 h 1121"/>
                    <a:gd name="T20" fmla="*/ 132 w 201"/>
                    <a:gd name="T21" fmla="*/ 2 h 1121"/>
                    <a:gd name="T22" fmla="*/ 140 w 201"/>
                    <a:gd name="T23" fmla="*/ 4 h 1121"/>
                    <a:gd name="T24" fmla="*/ 148 w 201"/>
                    <a:gd name="T25" fmla="*/ 6 h 1121"/>
                    <a:gd name="T26" fmla="*/ 162 w 201"/>
                    <a:gd name="T27" fmla="*/ 10 h 1121"/>
                    <a:gd name="T28" fmla="*/ 182 w 201"/>
                    <a:gd name="T29" fmla="*/ 16 h 1121"/>
                    <a:gd name="T30" fmla="*/ 192 w 201"/>
                    <a:gd name="T31" fmla="*/ 22 h 1121"/>
                    <a:gd name="T32" fmla="*/ 200 w 201"/>
                    <a:gd name="T33" fmla="*/ 24 h 1121"/>
                    <a:gd name="T34" fmla="*/ 200 w 201"/>
                    <a:gd name="T35" fmla="*/ 1120 h 1121"/>
                    <a:gd name="T36" fmla="*/ 0 w 201"/>
                    <a:gd name="T37" fmla="*/ 1120 h 112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201" h="1121">
                      <a:moveTo>
                        <a:pt x="0" y="1120"/>
                      </a:moveTo>
                      <a:lnTo>
                        <a:pt x="0" y="24"/>
                      </a:lnTo>
                      <a:lnTo>
                        <a:pt x="12" y="18"/>
                      </a:lnTo>
                      <a:lnTo>
                        <a:pt x="28" y="12"/>
                      </a:lnTo>
                      <a:lnTo>
                        <a:pt x="50" y="6"/>
                      </a:lnTo>
                      <a:lnTo>
                        <a:pt x="68" y="2"/>
                      </a:lnTo>
                      <a:lnTo>
                        <a:pt x="84" y="0"/>
                      </a:lnTo>
                      <a:lnTo>
                        <a:pt x="98" y="0"/>
                      </a:lnTo>
                      <a:lnTo>
                        <a:pt x="108" y="0"/>
                      </a:lnTo>
                      <a:lnTo>
                        <a:pt x="120" y="0"/>
                      </a:lnTo>
                      <a:lnTo>
                        <a:pt x="132" y="2"/>
                      </a:lnTo>
                      <a:lnTo>
                        <a:pt x="140" y="4"/>
                      </a:lnTo>
                      <a:lnTo>
                        <a:pt x="148" y="6"/>
                      </a:lnTo>
                      <a:lnTo>
                        <a:pt x="162" y="10"/>
                      </a:lnTo>
                      <a:lnTo>
                        <a:pt x="182" y="16"/>
                      </a:lnTo>
                      <a:lnTo>
                        <a:pt x="192" y="22"/>
                      </a:lnTo>
                      <a:lnTo>
                        <a:pt x="200" y="24"/>
                      </a:lnTo>
                      <a:lnTo>
                        <a:pt x="200" y="1120"/>
                      </a:lnTo>
                      <a:lnTo>
                        <a:pt x="0" y="1120"/>
                      </a:lnTo>
                    </a:path>
                  </a:pathLst>
                </a:custGeom>
                <a:solidFill>
                  <a:srgbClr val="FF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nvGrpSpPr>
              <p:cNvPr id="21528" name="Group 25"/>
              <p:cNvGrpSpPr>
                <a:grpSpLocks/>
              </p:cNvGrpSpPr>
              <p:nvPr/>
            </p:nvGrpSpPr>
            <p:grpSpPr bwMode="auto">
              <a:xfrm>
                <a:off x="4779" y="2775"/>
                <a:ext cx="201" cy="633"/>
                <a:chOff x="4779" y="2775"/>
                <a:chExt cx="201" cy="633"/>
              </a:xfrm>
            </p:grpSpPr>
            <p:sp>
              <p:nvSpPr>
                <p:cNvPr id="21529" name="Freeform 26"/>
                <p:cNvSpPr>
                  <a:spLocks/>
                </p:cNvSpPr>
                <p:nvPr/>
              </p:nvSpPr>
              <p:spPr bwMode="auto">
                <a:xfrm>
                  <a:off x="4779" y="3293"/>
                  <a:ext cx="199" cy="53"/>
                </a:xfrm>
                <a:custGeom>
                  <a:avLst/>
                  <a:gdLst>
                    <a:gd name="T0" fmla="*/ 0 w 199"/>
                    <a:gd name="T1" fmla="*/ 26 h 53"/>
                    <a:gd name="T2" fmla="*/ 8 w 199"/>
                    <a:gd name="T3" fmla="*/ 22 h 53"/>
                    <a:gd name="T4" fmla="*/ 14 w 199"/>
                    <a:gd name="T5" fmla="*/ 16 h 53"/>
                    <a:gd name="T6" fmla="*/ 24 w 199"/>
                    <a:gd name="T7" fmla="*/ 14 h 53"/>
                    <a:gd name="T8" fmla="*/ 38 w 199"/>
                    <a:gd name="T9" fmla="*/ 8 h 53"/>
                    <a:gd name="T10" fmla="*/ 52 w 199"/>
                    <a:gd name="T11" fmla="*/ 6 h 53"/>
                    <a:gd name="T12" fmla="*/ 66 w 199"/>
                    <a:gd name="T13" fmla="*/ 0 h 53"/>
                    <a:gd name="T14" fmla="*/ 82 w 199"/>
                    <a:gd name="T15" fmla="*/ 0 h 53"/>
                    <a:gd name="T16" fmla="*/ 96 w 199"/>
                    <a:gd name="T17" fmla="*/ 0 h 53"/>
                    <a:gd name="T18" fmla="*/ 114 w 199"/>
                    <a:gd name="T19" fmla="*/ 0 h 53"/>
                    <a:gd name="T20" fmla="*/ 128 w 199"/>
                    <a:gd name="T21" fmla="*/ 0 h 53"/>
                    <a:gd name="T22" fmla="*/ 142 w 199"/>
                    <a:gd name="T23" fmla="*/ 4 h 53"/>
                    <a:gd name="T24" fmla="*/ 154 w 199"/>
                    <a:gd name="T25" fmla="*/ 8 h 53"/>
                    <a:gd name="T26" fmla="*/ 168 w 199"/>
                    <a:gd name="T27" fmla="*/ 12 h 53"/>
                    <a:gd name="T28" fmla="*/ 182 w 199"/>
                    <a:gd name="T29" fmla="*/ 16 h 53"/>
                    <a:gd name="T30" fmla="*/ 192 w 199"/>
                    <a:gd name="T31" fmla="*/ 22 h 53"/>
                    <a:gd name="T32" fmla="*/ 198 w 199"/>
                    <a:gd name="T33" fmla="*/ 26 h 53"/>
                    <a:gd name="T34" fmla="*/ 198 w 199"/>
                    <a:gd name="T35" fmla="*/ 50 h 53"/>
                    <a:gd name="T36" fmla="*/ 194 w 199"/>
                    <a:gd name="T37" fmla="*/ 48 h 53"/>
                    <a:gd name="T38" fmla="*/ 184 w 199"/>
                    <a:gd name="T39" fmla="*/ 44 h 53"/>
                    <a:gd name="T40" fmla="*/ 172 w 199"/>
                    <a:gd name="T41" fmla="*/ 40 h 53"/>
                    <a:gd name="T42" fmla="*/ 160 w 199"/>
                    <a:gd name="T43" fmla="*/ 36 h 53"/>
                    <a:gd name="T44" fmla="*/ 146 w 199"/>
                    <a:gd name="T45" fmla="*/ 30 h 53"/>
                    <a:gd name="T46" fmla="*/ 130 w 199"/>
                    <a:gd name="T47" fmla="*/ 28 h 53"/>
                    <a:gd name="T48" fmla="*/ 116 w 199"/>
                    <a:gd name="T49" fmla="*/ 26 h 53"/>
                    <a:gd name="T50" fmla="*/ 102 w 199"/>
                    <a:gd name="T51" fmla="*/ 26 h 53"/>
                    <a:gd name="T52" fmla="*/ 92 w 199"/>
                    <a:gd name="T53" fmla="*/ 26 h 53"/>
                    <a:gd name="T54" fmla="*/ 78 w 199"/>
                    <a:gd name="T55" fmla="*/ 26 h 53"/>
                    <a:gd name="T56" fmla="*/ 66 w 199"/>
                    <a:gd name="T57" fmla="*/ 26 h 53"/>
                    <a:gd name="T58" fmla="*/ 54 w 199"/>
                    <a:gd name="T59" fmla="*/ 30 h 53"/>
                    <a:gd name="T60" fmla="*/ 40 w 199"/>
                    <a:gd name="T61" fmla="*/ 34 h 53"/>
                    <a:gd name="T62" fmla="*/ 26 w 199"/>
                    <a:gd name="T63" fmla="*/ 40 h 53"/>
                    <a:gd name="T64" fmla="*/ 14 w 199"/>
                    <a:gd name="T65" fmla="*/ 44 h 53"/>
                    <a:gd name="T66" fmla="*/ 0 w 199"/>
                    <a:gd name="T67" fmla="*/ 52 h 53"/>
                    <a:gd name="T68" fmla="*/ 0 w 199"/>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99" h="53">
                      <a:moveTo>
                        <a:pt x="0" y="26"/>
                      </a:moveTo>
                      <a:lnTo>
                        <a:pt x="8" y="22"/>
                      </a:lnTo>
                      <a:lnTo>
                        <a:pt x="14" y="16"/>
                      </a:lnTo>
                      <a:lnTo>
                        <a:pt x="24" y="14"/>
                      </a:lnTo>
                      <a:lnTo>
                        <a:pt x="38" y="8"/>
                      </a:lnTo>
                      <a:lnTo>
                        <a:pt x="52" y="6"/>
                      </a:lnTo>
                      <a:lnTo>
                        <a:pt x="66" y="0"/>
                      </a:lnTo>
                      <a:lnTo>
                        <a:pt x="82" y="0"/>
                      </a:lnTo>
                      <a:lnTo>
                        <a:pt x="96" y="0"/>
                      </a:lnTo>
                      <a:lnTo>
                        <a:pt x="114" y="0"/>
                      </a:lnTo>
                      <a:lnTo>
                        <a:pt x="128" y="0"/>
                      </a:lnTo>
                      <a:lnTo>
                        <a:pt x="142" y="4"/>
                      </a:lnTo>
                      <a:lnTo>
                        <a:pt x="154" y="8"/>
                      </a:lnTo>
                      <a:lnTo>
                        <a:pt x="168" y="12"/>
                      </a:lnTo>
                      <a:lnTo>
                        <a:pt x="182" y="16"/>
                      </a:lnTo>
                      <a:lnTo>
                        <a:pt x="192" y="22"/>
                      </a:lnTo>
                      <a:lnTo>
                        <a:pt x="198" y="26"/>
                      </a:lnTo>
                      <a:lnTo>
                        <a:pt x="198" y="50"/>
                      </a:lnTo>
                      <a:lnTo>
                        <a:pt x="194" y="48"/>
                      </a:lnTo>
                      <a:lnTo>
                        <a:pt x="184" y="44"/>
                      </a:lnTo>
                      <a:lnTo>
                        <a:pt x="172" y="40"/>
                      </a:lnTo>
                      <a:lnTo>
                        <a:pt x="160" y="36"/>
                      </a:lnTo>
                      <a:lnTo>
                        <a:pt x="146" y="30"/>
                      </a:lnTo>
                      <a:lnTo>
                        <a:pt x="130" y="28"/>
                      </a:lnTo>
                      <a:lnTo>
                        <a:pt x="116" y="26"/>
                      </a:lnTo>
                      <a:lnTo>
                        <a:pt x="102" y="26"/>
                      </a:lnTo>
                      <a:lnTo>
                        <a:pt x="92" y="26"/>
                      </a:lnTo>
                      <a:lnTo>
                        <a:pt x="78" y="26"/>
                      </a:lnTo>
                      <a:lnTo>
                        <a:pt x="66" y="26"/>
                      </a:lnTo>
                      <a:lnTo>
                        <a:pt x="54" y="30"/>
                      </a:lnTo>
                      <a:lnTo>
                        <a:pt x="40" y="34"/>
                      </a:lnTo>
                      <a:lnTo>
                        <a:pt x="26" y="40"/>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30" name="Freeform 27"/>
                <p:cNvSpPr>
                  <a:spLocks/>
                </p:cNvSpPr>
                <p:nvPr/>
              </p:nvSpPr>
              <p:spPr bwMode="auto">
                <a:xfrm>
                  <a:off x="4781" y="3355"/>
                  <a:ext cx="199" cy="53"/>
                </a:xfrm>
                <a:custGeom>
                  <a:avLst/>
                  <a:gdLst>
                    <a:gd name="T0" fmla="*/ 0 w 199"/>
                    <a:gd name="T1" fmla="*/ 26 h 53"/>
                    <a:gd name="T2" fmla="*/ 6 w 199"/>
                    <a:gd name="T3" fmla="*/ 22 h 53"/>
                    <a:gd name="T4" fmla="*/ 14 w 199"/>
                    <a:gd name="T5" fmla="*/ 18 h 53"/>
                    <a:gd name="T6" fmla="*/ 24 w 199"/>
                    <a:gd name="T7" fmla="*/ 12 h 53"/>
                    <a:gd name="T8" fmla="*/ 38 w 199"/>
                    <a:gd name="T9" fmla="*/ 10 h 53"/>
                    <a:gd name="T10" fmla="*/ 50 w 199"/>
                    <a:gd name="T11" fmla="*/ 6 h 53"/>
                    <a:gd name="T12" fmla="*/ 66 w 199"/>
                    <a:gd name="T13" fmla="*/ 2 h 53"/>
                    <a:gd name="T14" fmla="*/ 82 w 199"/>
                    <a:gd name="T15" fmla="*/ 0 h 53"/>
                    <a:gd name="T16" fmla="*/ 94 w 199"/>
                    <a:gd name="T17" fmla="*/ 0 h 53"/>
                    <a:gd name="T18" fmla="*/ 112 w 199"/>
                    <a:gd name="T19" fmla="*/ 0 h 53"/>
                    <a:gd name="T20" fmla="*/ 128 w 199"/>
                    <a:gd name="T21" fmla="*/ 2 h 53"/>
                    <a:gd name="T22" fmla="*/ 142 w 199"/>
                    <a:gd name="T23" fmla="*/ 6 h 53"/>
                    <a:gd name="T24" fmla="*/ 154 w 199"/>
                    <a:gd name="T25" fmla="*/ 8 h 53"/>
                    <a:gd name="T26" fmla="*/ 166 w 199"/>
                    <a:gd name="T27" fmla="*/ 12 h 53"/>
                    <a:gd name="T28" fmla="*/ 180 w 199"/>
                    <a:gd name="T29" fmla="*/ 18 h 53"/>
                    <a:gd name="T30" fmla="*/ 190 w 199"/>
                    <a:gd name="T31" fmla="*/ 22 h 53"/>
                    <a:gd name="T32" fmla="*/ 198 w 199"/>
                    <a:gd name="T33" fmla="*/ 28 h 53"/>
                    <a:gd name="T34" fmla="*/ 198 w 199"/>
                    <a:gd name="T35" fmla="*/ 50 h 53"/>
                    <a:gd name="T36" fmla="*/ 192 w 199"/>
                    <a:gd name="T37" fmla="*/ 48 h 53"/>
                    <a:gd name="T38" fmla="*/ 182 w 199"/>
                    <a:gd name="T39" fmla="*/ 44 h 53"/>
                    <a:gd name="T40" fmla="*/ 170 w 199"/>
                    <a:gd name="T41" fmla="*/ 40 h 53"/>
                    <a:gd name="T42" fmla="*/ 158 w 199"/>
                    <a:gd name="T43" fmla="*/ 36 h 53"/>
                    <a:gd name="T44" fmla="*/ 144 w 199"/>
                    <a:gd name="T45" fmla="*/ 32 h 53"/>
                    <a:gd name="T46" fmla="*/ 130 w 199"/>
                    <a:gd name="T47" fmla="*/ 28 h 53"/>
                    <a:gd name="T48" fmla="*/ 114 w 199"/>
                    <a:gd name="T49" fmla="*/ 26 h 53"/>
                    <a:gd name="T50" fmla="*/ 102 w 199"/>
                    <a:gd name="T51" fmla="*/ 26 h 53"/>
                    <a:gd name="T52" fmla="*/ 90 w 199"/>
                    <a:gd name="T53" fmla="*/ 26 h 53"/>
                    <a:gd name="T54" fmla="*/ 78 w 199"/>
                    <a:gd name="T55" fmla="*/ 26 h 53"/>
                    <a:gd name="T56" fmla="*/ 66 w 199"/>
                    <a:gd name="T57" fmla="*/ 28 h 53"/>
                    <a:gd name="T58" fmla="*/ 54 w 199"/>
                    <a:gd name="T59" fmla="*/ 30 h 53"/>
                    <a:gd name="T60" fmla="*/ 38 w 199"/>
                    <a:gd name="T61" fmla="*/ 36 h 53"/>
                    <a:gd name="T62" fmla="*/ 26 w 199"/>
                    <a:gd name="T63" fmla="*/ 38 h 53"/>
                    <a:gd name="T64" fmla="*/ 14 w 199"/>
                    <a:gd name="T65" fmla="*/ 44 h 53"/>
                    <a:gd name="T66" fmla="*/ 0 w 199"/>
                    <a:gd name="T67" fmla="*/ 52 h 53"/>
                    <a:gd name="T68" fmla="*/ 0 w 199"/>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99" h="53">
                      <a:moveTo>
                        <a:pt x="0" y="26"/>
                      </a:moveTo>
                      <a:lnTo>
                        <a:pt x="6" y="22"/>
                      </a:lnTo>
                      <a:lnTo>
                        <a:pt x="14" y="18"/>
                      </a:lnTo>
                      <a:lnTo>
                        <a:pt x="24" y="12"/>
                      </a:lnTo>
                      <a:lnTo>
                        <a:pt x="38" y="10"/>
                      </a:lnTo>
                      <a:lnTo>
                        <a:pt x="50" y="6"/>
                      </a:lnTo>
                      <a:lnTo>
                        <a:pt x="66" y="2"/>
                      </a:lnTo>
                      <a:lnTo>
                        <a:pt x="82" y="0"/>
                      </a:lnTo>
                      <a:lnTo>
                        <a:pt x="94" y="0"/>
                      </a:lnTo>
                      <a:lnTo>
                        <a:pt x="112" y="0"/>
                      </a:lnTo>
                      <a:lnTo>
                        <a:pt x="128" y="2"/>
                      </a:lnTo>
                      <a:lnTo>
                        <a:pt x="142" y="6"/>
                      </a:lnTo>
                      <a:lnTo>
                        <a:pt x="154" y="8"/>
                      </a:lnTo>
                      <a:lnTo>
                        <a:pt x="166" y="12"/>
                      </a:lnTo>
                      <a:lnTo>
                        <a:pt x="180" y="18"/>
                      </a:lnTo>
                      <a:lnTo>
                        <a:pt x="190" y="22"/>
                      </a:lnTo>
                      <a:lnTo>
                        <a:pt x="198" y="28"/>
                      </a:lnTo>
                      <a:lnTo>
                        <a:pt x="198" y="50"/>
                      </a:lnTo>
                      <a:lnTo>
                        <a:pt x="192" y="48"/>
                      </a:lnTo>
                      <a:lnTo>
                        <a:pt x="182" y="44"/>
                      </a:lnTo>
                      <a:lnTo>
                        <a:pt x="170" y="40"/>
                      </a:lnTo>
                      <a:lnTo>
                        <a:pt x="158" y="36"/>
                      </a:lnTo>
                      <a:lnTo>
                        <a:pt x="144" y="32"/>
                      </a:lnTo>
                      <a:lnTo>
                        <a:pt x="130" y="28"/>
                      </a:lnTo>
                      <a:lnTo>
                        <a:pt x="114" y="26"/>
                      </a:lnTo>
                      <a:lnTo>
                        <a:pt x="102" y="26"/>
                      </a:lnTo>
                      <a:lnTo>
                        <a:pt x="90" y="26"/>
                      </a:lnTo>
                      <a:lnTo>
                        <a:pt x="78" y="26"/>
                      </a:lnTo>
                      <a:lnTo>
                        <a:pt x="66" y="28"/>
                      </a:lnTo>
                      <a:lnTo>
                        <a:pt x="54" y="30"/>
                      </a:lnTo>
                      <a:lnTo>
                        <a:pt x="38" y="36"/>
                      </a:lnTo>
                      <a:lnTo>
                        <a:pt x="26" y="38"/>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31" name="Freeform 28"/>
                <p:cNvSpPr>
                  <a:spLocks/>
                </p:cNvSpPr>
                <p:nvPr/>
              </p:nvSpPr>
              <p:spPr bwMode="auto">
                <a:xfrm>
                  <a:off x="4781" y="2775"/>
                  <a:ext cx="199" cy="53"/>
                </a:xfrm>
                <a:custGeom>
                  <a:avLst/>
                  <a:gdLst>
                    <a:gd name="T0" fmla="*/ 0 w 199"/>
                    <a:gd name="T1" fmla="*/ 24 h 53"/>
                    <a:gd name="T2" fmla="*/ 6 w 199"/>
                    <a:gd name="T3" fmla="*/ 22 h 53"/>
                    <a:gd name="T4" fmla="*/ 14 w 199"/>
                    <a:gd name="T5" fmla="*/ 18 h 53"/>
                    <a:gd name="T6" fmla="*/ 24 w 199"/>
                    <a:gd name="T7" fmla="*/ 14 h 53"/>
                    <a:gd name="T8" fmla="*/ 38 w 199"/>
                    <a:gd name="T9" fmla="*/ 10 h 53"/>
                    <a:gd name="T10" fmla="*/ 50 w 199"/>
                    <a:gd name="T11" fmla="*/ 6 h 53"/>
                    <a:gd name="T12" fmla="*/ 66 w 199"/>
                    <a:gd name="T13" fmla="*/ 2 h 53"/>
                    <a:gd name="T14" fmla="*/ 82 w 199"/>
                    <a:gd name="T15" fmla="*/ 0 h 53"/>
                    <a:gd name="T16" fmla="*/ 94 w 199"/>
                    <a:gd name="T17" fmla="*/ 0 h 53"/>
                    <a:gd name="T18" fmla="*/ 112 w 199"/>
                    <a:gd name="T19" fmla="*/ 0 h 53"/>
                    <a:gd name="T20" fmla="*/ 128 w 199"/>
                    <a:gd name="T21" fmla="*/ 2 h 53"/>
                    <a:gd name="T22" fmla="*/ 142 w 199"/>
                    <a:gd name="T23" fmla="*/ 4 h 53"/>
                    <a:gd name="T24" fmla="*/ 154 w 199"/>
                    <a:gd name="T25" fmla="*/ 8 h 53"/>
                    <a:gd name="T26" fmla="*/ 166 w 199"/>
                    <a:gd name="T27" fmla="*/ 12 h 53"/>
                    <a:gd name="T28" fmla="*/ 180 w 199"/>
                    <a:gd name="T29" fmla="*/ 18 h 53"/>
                    <a:gd name="T30" fmla="*/ 190 w 199"/>
                    <a:gd name="T31" fmla="*/ 22 h 53"/>
                    <a:gd name="T32" fmla="*/ 198 w 199"/>
                    <a:gd name="T33" fmla="*/ 26 h 53"/>
                    <a:gd name="T34" fmla="*/ 198 w 199"/>
                    <a:gd name="T35" fmla="*/ 50 h 53"/>
                    <a:gd name="T36" fmla="*/ 192 w 199"/>
                    <a:gd name="T37" fmla="*/ 46 h 53"/>
                    <a:gd name="T38" fmla="*/ 182 w 199"/>
                    <a:gd name="T39" fmla="*/ 44 h 53"/>
                    <a:gd name="T40" fmla="*/ 170 w 199"/>
                    <a:gd name="T41" fmla="*/ 40 h 53"/>
                    <a:gd name="T42" fmla="*/ 158 w 199"/>
                    <a:gd name="T43" fmla="*/ 36 h 53"/>
                    <a:gd name="T44" fmla="*/ 144 w 199"/>
                    <a:gd name="T45" fmla="*/ 32 h 53"/>
                    <a:gd name="T46" fmla="*/ 130 w 199"/>
                    <a:gd name="T47" fmla="*/ 28 h 53"/>
                    <a:gd name="T48" fmla="*/ 114 w 199"/>
                    <a:gd name="T49" fmla="*/ 24 h 53"/>
                    <a:gd name="T50" fmla="*/ 102 w 199"/>
                    <a:gd name="T51" fmla="*/ 24 h 53"/>
                    <a:gd name="T52" fmla="*/ 90 w 199"/>
                    <a:gd name="T53" fmla="*/ 24 h 53"/>
                    <a:gd name="T54" fmla="*/ 78 w 199"/>
                    <a:gd name="T55" fmla="*/ 24 h 53"/>
                    <a:gd name="T56" fmla="*/ 66 w 199"/>
                    <a:gd name="T57" fmla="*/ 26 h 53"/>
                    <a:gd name="T58" fmla="*/ 54 w 199"/>
                    <a:gd name="T59" fmla="*/ 32 h 53"/>
                    <a:gd name="T60" fmla="*/ 38 w 199"/>
                    <a:gd name="T61" fmla="*/ 34 h 53"/>
                    <a:gd name="T62" fmla="*/ 26 w 199"/>
                    <a:gd name="T63" fmla="*/ 40 h 53"/>
                    <a:gd name="T64" fmla="*/ 14 w 199"/>
                    <a:gd name="T65" fmla="*/ 44 h 53"/>
                    <a:gd name="T66" fmla="*/ 0 w 199"/>
                    <a:gd name="T67" fmla="*/ 52 h 53"/>
                    <a:gd name="T68" fmla="*/ 0 w 199"/>
                    <a:gd name="T69" fmla="*/ 24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99" h="53">
                      <a:moveTo>
                        <a:pt x="0" y="24"/>
                      </a:moveTo>
                      <a:lnTo>
                        <a:pt x="6" y="22"/>
                      </a:lnTo>
                      <a:lnTo>
                        <a:pt x="14" y="18"/>
                      </a:lnTo>
                      <a:lnTo>
                        <a:pt x="24" y="14"/>
                      </a:lnTo>
                      <a:lnTo>
                        <a:pt x="38" y="10"/>
                      </a:lnTo>
                      <a:lnTo>
                        <a:pt x="50" y="6"/>
                      </a:lnTo>
                      <a:lnTo>
                        <a:pt x="66" y="2"/>
                      </a:lnTo>
                      <a:lnTo>
                        <a:pt x="82" y="0"/>
                      </a:lnTo>
                      <a:lnTo>
                        <a:pt x="94" y="0"/>
                      </a:lnTo>
                      <a:lnTo>
                        <a:pt x="112" y="0"/>
                      </a:lnTo>
                      <a:lnTo>
                        <a:pt x="128" y="2"/>
                      </a:lnTo>
                      <a:lnTo>
                        <a:pt x="142" y="4"/>
                      </a:lnTo>
                      <a:lnTo>
                        <a:pt x="154" y="8"/>
                      </a:lnTo>
                      <a:lnTo>
                        <a:pt x="166" y="12"/>
                      </a:lnTo>
                      <a:lnTo>
                        <a:pt x="180" y="18"/>
                      </a:lnTo>
                      <a:lnTo>
                        <a:pt x="190" y="22"/>
                      </a:lnTo>
                      <a:lnTo>
                        <a:pt x="198" y="26"/>
                      </a:lnTo>
                      <a:lnTo>
                        <a:pt x="198" y="50"/>
                      </a:lnTo>
                      <a:lnTo>
                        <a:pt x="192" y="46"/>
                      </a:lnTo>
                      <a:lnTo>
                        <a:pt x="182" y="44"/>
                      </a:lnTo>
                      <a:lnTo>
                        <a:pt x="170" y="40"/>
                      </a:lnTo>
                      <a:lnTo>
                        <a:pt x="158" y="36"/>
                      </a:lnTo>
                      <a:lnTo>
                        <a:pt x="144" y="32"/>
                      </a:lnTo>
                      <a:lnTo>
                        <a:pt x="130" y="28"/>
                      </a:lnTo>
                      <a:lnTo>
                        <a:pt x="114" y="24"/>
                      </a:lnTo>
                      <a:lnTo>
                        <a:pt x="102" y="24"/>
                      </a:lnTo>
                      <a:lnTo>
                        <a:pt x="90" y="24"/>
                      </a:lnTo>
                      <a:lnTo>
                        <a:pt x="78" y="24"/>
                      </a:lnTo>
                      <a:lnTo>
                        <a:pt x="66" y="26"/>
                      </a:lnTo>
                      <a:lnTo>
                        <a:pt x="54" y="32"/>
                      </a:lnTo>
                      <a:lnTo>
                        <a:pt x="38" y="34"/>
                      </a:lnTo>
                      <a:lnTo>
                        <a:pt x="26" y="40"/>
                      </a:lnTo>
                      <a:lnTo>
                        <a:pt x="14" y="44"/>
                      </a:lnTo>
                      <a:lnTo>
                        <a:pt x="0" y="52"/>
                      </a:lnTo>
                      <a:lnTo>
                        <a:pt x="0" y="24"/>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grpSp>
          <p:nvGrpSpPr>
            <p:cNvPr id="21515" name="Group 29"/>
            <p:cNvGrpSpPr>
              <a:grpSpLocks/>
            </p:cNvGrpSpPr>
            <p:nvPr/>
          </p:nvGrpSpPr>
          <p:grpSpPr bwMode="auto">
            <a:xfrm>
              <a:off x="4979" y="2479"/>
              <a:ext cx="299" cy="1121"/>
              <a:chOff x="4979" y="2479"/>
              <a:chExt cx="299" cy="1121"/>
            </a:xfrm>
          </p:grpSpPr>
          <p:grpSp>
            <p:nvGrpSpPr>
              <p:cNvPr id="21520" name="Group 30"/>
              <p:cNvGrpSpPr>
                <a:grpSpLocks/>
              </p:cNvGrpSpPr>
              <p:nvPr/>
            </p:nvGrpSpPr>
            <p:grpSpPr bwMode="auto">
              <a:xfrm>
                <a:off x="4979" y="2479"/>
                <a:ext cx="299" cy="1121"/>
                <a:chOff x="4979" y="2479"/>
                <a:chExt cx="299" cy="1121"/>
              </a:xfrm>
            </p:grpSpPr>
            <p:sp>
              <p:nvSpPr>
                <p:cNvPr id="21525" name="Freeform 31"/>
                <p:cNvSpPr>
                  <a:spLocks/>
                </p:cNvSpPr>
                <p:nvPr/>
              </p:nvSpPr>
              <p:spPr bwMode="auto">
                <a:xfrm>
                  <a:off x="4979" y="2479"/>
                  <a:ext cx="203" cy="1121"/>
                </a:xfrm>
                <a:custGeom>
                  <a:avLst/>
                  <a:gdLst>
                    <a:gd name="T0" fmla="*/ 0 w 203"/>
                    <a:gd name="T1" fmla="*/ 1120 h 1121"/>
                    <a:gd name="T2" fmla="*/ 0 w 203"/>
                    <a:gd name="T3" fmla="*/ 24 h 1121"/>
                    <a:gd name="T4" fmla="*/ 12 w 203"/>
                    <a:gd name="T5" fmla="*/ 18 h 1121"/>
                    <a:gd name="T6" fmla="*/ 26 w 203"/>
                    <a:gd name="T7" fmla="*/ 12 h 1121"/>
                    <a:gd name="T8" fmla="*/ 48 w 203"/>
                    <a:gd name="T9" fmla="*/ 6 h 1121"/>
                    <a:gd name="T10" fmla="*/ 68 w 203"/>
                    <a:gd name="T11" fmla="*/ 2 h 1121"/>
                    <a:gd name="T12" fmla="*/ 84 w 203"/>
                    <a:gd name="T13" fmla="*/ 0 h 1121"/>
                    <a:gd name="T14" fmla="*/ 98 w 203"/>
                    <a:gd name="T15" fmla="*/ 0 h 1121"/>
                    <a:gd name="T16" fmla="*/ 108 w 203"/>
                    <a:gd name="T17" fmla="*/ 0 h 1121"/>
                    <a:gd name="T18" fmla="*/ 120 w 203"/>
                    <a:gd name="T19" fmla="*/ 0 h 1121"/>
                    <a:gd name="T20" fmla="*/ 132 w 203"/>
                    <a:gd name="T21" fmla="*/ 2 h 1121"/>
                    <a:gd name="T22" fmla="*/ 142 w 203"/>
                    <a:gd name="T23" fmla="*/ 4 h 1121"/>
                    <a:gd name="T24" fmla="*/ 148 w 203"/>
                    <a:gd name="T25" fmla="*/ 6 h 1121"/>
                    <a:gd name="T26" fmla="*/ 164 w 203"/>
                    <a:gd name="T27" fmla="*/ 10 h 1121"/>
                    <a:gd name="T28" fmla="*/ 184 w 203"/>
                    <a:gd name="T29" fmla="*/ 16 h 1121"/>
                    <a:gd name="T30" fmla="*/ 194 w 203"/>
                    <a:gd name="T31" fmla="*/ 22 h 1121"/>
                    <a:gd name="T32" fmla="*/ 202 w 203"/>
                    <a:gd name="T33" fmla="*/ 24 h 1121"/>
                    <a:gd name="T34" fmla="*/ 202 w 203"/>
                    <a:gd name="T35" fmla="*/ 1120 h 1121"/>
                    <a:gd name="T36" fmla="*/ 0 w 203"/>
                    <a:gd name="T37" fmla="*/ 1120 h 112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203" h="1121">
                      <a:moveTo>
                        <a:pt x="0" y="1120"/>
                      </a:moveTo>
                      <a:lnTo>
                        <a:pt x="0" y="24"/>
                      </a:lnTo>
                      <a:lnTo>
                        <a:pt x="12" y="18"/>
                      </a:lnTo>
                      <a:lnTo>
                        <a:pt x="26" y="12"/>
                      </a:lnTo>
                      <a:lnTo>
                        <a:pt x="48" y="6"/>
                      </a:lnTo>
                      <a:lnTo>
                        <a:pt x="68" y="2"/>
                      </a:lnTo>
                      <a:lnTo>
                        <a:pt x="84" y="0"/>
                      </a:lnTo>
                      <a:lnTo>
                        <a:pt x="98" y="0"/>
                      </a:lnTo>
                      <a:lnTo>
                        <a:pt x="108" y="0"/>
                      </a:lnTo>
                      <a:lnTo>
                        <a:pt x="120" y="0"/>
                      </a:lnTo>
                      <a:lnTo>
                        <a:pt x="132" y="2"/>
                      </a:lnTo>
                      <a:lnTo>
                        <a:pt x="142" y="4"/>
                      </a:lnTo>
                      <a:lnTo>
                        <a:pt x="148" y="6"/>
                      </a:lnTo>
                      <a:lnTo>
                        <a:pt x="164" y="10"/>
                      </a:lnTo>
                      <a:lnTo>
                        <a:pt x="184" y="16"/>
                      </a:lnTo>
                      <a:lnTo>
                        <a:pt x="194" y="22"/>
                      </a:lnTo>
                      <a:lnTo>
                        <a:pt x="202" y="24"/>
                      </a:lnTo>
                      <a:lnTo>
                        <a:pt x="202" y="1120"/>
                      </a:lnTo>
                      <a:lnTo>
                        <a:pt x="0" y="1120"/>
                      </a:lnTo>
                    </a:path>
                  </a:pathLst>
                </a:custGeom>
                <a:solidFill>
                  <a:srgbClr val="FF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26" name="Freeform 32"/>
                <p:cNvSpPr>
                  <a:spLocks/>
                </p:cNvSpPr>
                <p:nvPr/>
              </p:nvSpPr>
              <p:spPr bwMode="auto">
                <a:xfrm>
                  <a:off x="5181" y="2507"/>
                  <a:ext cx="97" cy="1093"/>
                </a:xfrm>
                <a:custGeom>
                  <a:avLst/>
                  <a:gdLst>
                    <a:gd name="T0" fmla="*/ 0 w 97"/>
                    <a:gd name="T1" fmla="*/ 0 h 1093"/>
                    <a:gd name="T2" fmla="*/ 96 w 97"/>
                    <a:gd name="T3" fmla="*/ 174 h 1093"/>
                    <a:gd name="T4" fmla="*/ 96 w 97"/>
                    <a:gd name="T5" fmla="*/ 1092 h 1093"/>
                    <a:gd name="T6" fmla="*/ 0 w 97"/>
                    <a:gd name="T7" fmla="*/ 1092 h 1093"/>
                    <a:gd name="T8" fmla="*/ 0 w 97"/>
                    <a:gd name="T9" fmla="*/ 0 h 1093"/>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7" h="1093">
                      <a:moveTo>
                        <a:pt x="0" y="0"/>
                      </a:moveTo>
                      <a:lnTo>
                        <a:pt x="96" y="174"/>
                      </a:lnTo>
                      <a:lnTo>
                        <a:pt x="96" y="1092"/>
                      </a:lnTo>
                      <a:lnTo>
                        <a:pt x="0" y="1092"/>
                      </a:lnTo>
                      <a:lnTo>
                        <a:pt x="0" y="0"/>
                      </a:lnTo>
                    </a:path>
                  </a:pathLst>
                </a:custGeom>
                <a:solidFill>
                  <a:srgbClr val="8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nvGrpSpPr>
              <p:cNvPr id="21521" name="Group 33"/>
              <p:cNvGrpSpPr>
                <a:grpSpLocks/>
              </p:cNvGrpSpPr>
              <p:nvPr/>
            </p:nvGrpSpPr>
            <p:grpSpPr bwMode="auto">
              <a:xfrm>
                <a:off x="4979" y="2775"/>
                <a:ext cx="203" cy="633"/>
                <a:chOff x="4979" y="2775"/>
                <a:chExt cx="203" cy="633"/>
              </a:xfrm>
            </p:grpSpPr>
            <p:sp>
              <p:nvSpPr>
                <p:cNvPr id="21522" name="Freeform 34"/>
                <p:cNvSpPr>
                  <a:spLocks/>
                </p:cNvSpPr>
                <p:nvPr/>
              </p:nvSpPr>
              <p:spPr bwMode="auto">
                <a:xfrm>
                  <a:off x="4979" y="3293"/>
                  <a:ext cx="203" cy="53"/>
                </a:xfrm>
                <a:custGeom>
                  <a:avLst/>
                  <a:gdLst>
                    <a:gd name="T0" fmla="*/ 0 w 203"/>
                    <a:gd name="T1" fmla="*/ 26 h 53"/>
                    <a:gd name="T2" fmla="*/ 4 w 203"/>
                    <a:gd name="T3" fmla="*/ 22 h 53"/>
                    <a:gd name="T4" fmla="*/ 14 w 203"/>
                    <a:gd name="T5" fmla="*/ 16 h 53"/>
                    <a:gd name="T6" fmla="*/ 24 w 203"/>
                    <a:gd name="T7" fmla="*/ 14 h 53"/>
                    <a:gd name="T8" fmla="*/ 38 w 203"/>
                    <a:gd name="T9" fmla="*/ 8 h 53"/>
                    <a:gd name="T10" fmla="*/ 50 w 203"/>
                    <a:gd name="T11" fmla="*/ 6 h 53"/>
                    <a:gd name="T12" fmla="*/ 66 w 203"/>
                    <a:gd name="T13" fmla="*/ 0 h 53"/>
                    <a:gd name="T14" fmla="*/ 84 w 203"/>
                    <a:gd name="T15" fmla="*/ 0 h 53"/>
                    <a:gd name="T16" fmla="*/ 96 w 203"/>
                    <a:gd name="T17" fmla="*/ 0 h 53"/>
                    <a:gd name="T18" fmla="*/ 114 w 203"/>
                    <a:gd name="T19" fmla="*/ 0 h 53"/>
                    <a:gd name="T20" fmla="*/ 130 w 203"/>
                    <a:gd name="T21" fmla="*/ 0 h 53"/>
                    <a:gd name="T22" fmla="*/ 142 w 203"/>
                    <a:gd name="T23" fmla="*/ 4 h 53"/>
                    <a:gd name="T24" fmla="*/ 156 w 203"/>
                    <a:gd name="T25" fmla="*/ 8 h 53"/>
                    <a:gd name="T26" fmla="*/ 170 w 203"/>
                    <a:gd name="T27" fmla="*/ 12 h 53"/>
                    <a:gd name="T28" fmla="*/ 184 w 203"/>
                    <a:gd name="T29" fmla="*/ 16 h 53"/>
                    <a:gd name="T30" fmla="*/ 194 w 203"/>
                    <a:gd name="T31" fmla="*/ 22 h 53"/>
                    <a:gd name="T32" fmla="*/ 202 w 203"/>
                    <a:gd name="T33" fmla="*/ 26 h 53"/>
                    <a:gd name="T34" fmla="*/ 202 w 203"/>
                    <a:gd name="T35" fmla="*/ 50 h 53"/>
                    <a:gd name="T36" fmla="*/ 196 w 203"/>
                    <a:gd name="T37" fmla="*/ 48 h 53"/>
                    <a:gd name="T38" fmla="*/ 186 w 203"/>
                    <a:gd name="T39" fmla="*/ 44 h 53"/>
                    <a:gd name="T40" fmla="*/ 176 w 203"/>
                    <a:gd name="T41" fmla="*/ 40 h 53"/>
                    <a:gd name="T42" fmla="*/ 162 w 203"/>
                    <a:gd name="T43" fmla="*/ 36 h 53"/>
                    <a:gd name="T44" fmla="*/ 146 w 203"/>
                    <a:gd name="T45" fmla="*/ 30 h 53"/>
                    <a:gd name="T46" fmla="*/ 130 w 203"/>
                    <a:gd name="T47" fmla="*/ 28 h 53"/>
                    <a:gd name="T48" fmla="*/ 116 w 203"/>
                    <a:gd name="T49" fmla="*/ 26 h 53"/>
                    <a:gd name="T50" fmla="*/ 104 w 203"/>
                    <a:gd name="T51" fmla="*/ 26 h 53"/>
                    <a:gd name="T52" fmla="*/ 92 w 203"/>
                    <a:gd name="T53" fmla="*/ 26 h 53"/>
                    <a:gd name="T54" fmla="*/ 80 w 203"/>
                    <a:gd name="T55" fmla="*/ 26 h 53"/>
                    <a:gd name="T56" fmla="*/ 66 w 203"/>
                    <a:gd name="T57" fmla="*/ 26 h 53"/>
                    <a:gd name="T58" fmla="*/ 52 w 203"/>
                    <a:gd name="T59" fmla="*/ 30 h 53"/>
                    <a:gd name="T60" fmla="*/ 38 w 203"/>
                    <a:gd name="T61" fmla="*/ 34 h 53"/>
                    <a:gd name="T62" fmla="*/ 26 w 203"/>
                    <a:gd name="T63" fmla="*/ 40 h 53"/>
                    <a:gd name="T64" fmla="*/ 14 w 203"/>
                    <a:gd name="T65" fmla="*/ 44 h 53"/>
                    <a:gd name="T66" fmla="*/ 0 w 203"/>
                    <a:gd name="T67" fmla="*/ 52 h 53"/>
                    <a:gd name="T68" fmla="*/ 0 w 203"/>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3" h="53">
                      <a:moveTo>
                        <a:pt x="0" y="26"/>
                      </a:moveTo>
                      <a:lnTo>
                        <a:pt x="4" y="22"/>
                      </a:lnTo>
                      <a:lnTo>
                        <a:pt x="14" y="16"/>
                      </a:lnTo>
                      <a:lnTo>
                        <a:pt x="24" y="14"/>
                      </a:lnTo>
                      <a:lnTo>
                        <a:pt x="38" y="8"/>
                      </a:lnTo>
                      <a:lnTo>
                        <a:pt x="50" y="6"/>
                      </a:lnTo>
                      <a:lnTo>
                        <a:pt x="66" y="0"/>
                      </a:lnTo>
                      <a:lnTo>
                        <a:pt x="84" y="0"/>
                      </a:lnTo>
                      <a:lnTo>
                        <a:pt x="96" y="0"/>
                      </a:lnTo>
                      <a:lnTo>
                        <a:pt x="114" y="0"/>
                      </a:lnTo>
                      <a:lnTo>
                        <a:pt x="130" y="0"/>
                      </a:lnTo>
                      <a:lnTo>
                        <a:pt x="142" y="4"/>
                      </a:lnTo>
                      <a:lnTo>
                        <a:pt x="156" y="8"/>
                      </a:lnTo>
                      <a:lnTo>
                        <a:pt x="170" y="12"/>
                      </a:lnTo>
                      <a:lnTo>
                        <a:pt x="184" y="16"/>
                      </a:lnTo>
                      <a:lnTo>
                        <a:pt x="194" y="22"/>
                      </a:lnTo>
                      <a:lnTo>
                        <a:pt x="202" y="26"/>
                      </a:lnTo>
                      <a:lnTo>
                        <a:pt x="202" y="50"/>
                      </a:lnTo>
                      <a:lnTo>
                        <a:pt x="196" y="48"/>
                      </a:lnTo>
                      <a:lnTo>
                        <a:pt x="186" y="44"/>
                      </a:lnTo>
                      <a:lnTo>
                        <a:pt x="176" y="40"/>
                      </a:lnTo>
                      <a:lnTo>
                        <a:pt x="162" y="36"/>
                      </a:lnTo>
                      <a:lnTo>
                        <a:pt x="146" y="30"/>
                      </a:lnTo>
                      <a:lnTo>
                        <a:pt x="130" y="28"/>
                      </a:lnTo>
                      <a:lnTo>
                        <a:pt x="116" y="26"/>
                      </a:lnTo>
                      <a:lnTo>
                        <a:pt x="104" y="26"/>
                      </a:lnTo>
                      <a:lnTo>
                        <a:pt x="92" y="26"/>
                      </a:lnTo>
                      <a:lnTo>
                        <a:pt x="80" y="26"/>
                      </a:lnTo>
                      <a:lnTo>
                        <a:pt x="66" y="26"/>
                      </a:lnTo>
                      <a:lnTo>
                        <a:pt x="52" y="30"/>
                      </a:lnTo>
                      <a:lnTo>
                        <a:pt x="38" y="34"/>
                      </a:lnTo>
                      <a:lnTo>
                        <a:pt x="26" y="40"/>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23" name="Freeform 35"/>
                <p:cNvSpPr>
                  <a:spLocks/>
                </p:cNvSpPr>
                <p:nvPr/>
              </p:nvSpPr>
              <p:spPr bwMode="auto">
                <a:xfrm>
                  <a:off x="4979" y="3355"/>
                  <a:ext cx="203" cy="53"/>
                </a:xfrm>
                <a:custGeom>
                  <a:avLst/>
                  <a:gdLst>
                    <a:gd name="T0" fmla="*/ 0 w 203"/>
                    <a:gd name="T1" fmla="*/ 26 h 53"/>
                    <a:gd name="T2" fmla="*/ 6 w 203"/>
                    <a:gd name="T3" fmla="*/ 22 h 53"/>
                    <a:gd name="T4" fmla="*/ 14 w 203"/>
                    <a:gd name="T5" fmla="*/ 18 h 53"/>
                    <a:gd name="T6" fmla="*/ 24 w 203"/>
                    <a:gd name="T7" fmla="*/ 12 h 53"/>
                    <a:gd name="T8" fmla="*/ 38 w 203"/>
                    <a:gd name="T9" fmla="*/ 10 h 53"/>
                    <a:gd name="T10" fmla="*/ 50 w 203"/>
                    <a:gd name="T11" fmla="*/ 6 h 53"/>
                    <a:gd name="T12" fmla="*/ 68 w 203"/>
                    <a:gd name="T13" fmla="*/ 2 h 53"/>
                    <a:gd name="T14" fmla="*/ 84 w 203"/>
                    <a:gd name="T15" fmla="*/ 0 h 53"/>
                    <a:gd name="T16" fmla="*/ 98 w 203"/>
                    <a:gd name="T17" fmla="*/ 0 h 53"/>
                    <a:gd name="T18" fmla="*/ 116 w 203"/>
                    <a:gd name="T19" fmla="*/ 0 h 53"/>
                    <a:gd name="T20" fmla="*/ 130 w 203"/>
                    <a:gd name="T21" fmla="*/ 2 h 53"/>
                    <a:gd name="T22" fmla="*/ 144 w 203"/>
                    <a:gd name="T23" fmla="*/ 6 h 53"/>
                    <a:gd name="T24" fmla="*/ 156 w 203"/>
                    <a:gd name="T25" fmla="*/ 8 h 53"/>
                    <a:gd name="T26" fmla="*/ 170 w 203"/>
                    <a:gd name="T27" fmla="*/ 12 h 53"/>
                    <a:gd name="T28" fmla="*/ 186 w 203"/>
                    <a:gd name="T29" fmla="*/ 18 h 53"/>
                    <a:gd name="T30" fmla="*/ 196 w 203"/>
                    <a:gd name="T31" fmla="*/ 22 h 53"/>
                    <a:gd name="T32" fmla="*/ 202 w 203"/>
                    <a:gd name="T33" fmla="*/ 28 h 53"/>
                    <a:gd name="T34" fmla="*/ 202 w 203"/>
                    <a:gd name="T35" fmla="*/ 50 h 53"/>
                    <a:gd name="T36" fmla="*/ 198 w 203"/>
                    <a:gd name="T37" fmla="*/ 48 h 53"/>
                    <a:gd name="T38" fmla="*/ 188 w 203"/>
                    <a:gd name="T39" fmla="*/ 44 h 53"/>
                    <a:gd name="T40" fmla="*/ 176 w 203"/>
                    <a:gd name="T41" fmla="*/ 40 h 53"/>
                    <a:gd name="T42" fmla="*/ 164 w 203"/>
                    <a:gd name="T43" fmla="*/ 36 h 53"/>
                    <a:gd name="T44" fmla="*/ 148 w 203"/>
                    <a:gd name="T45" fmla="*/ 32 h 53"/>
                    <a:gd name="T46" fmla="*/ 132 w 203"/>
                    <a:gd name="T47" fmla="*/ 28 h 53"/>
                    <a:gd name="T48" fmla="*/ 118 w 203"/>
                    <a:gd name="T49" fmla="*/ 26 h 53"/>
                    <a:gd name="T50" fmla="*/ 104 w 203"/>
                    <a:gd name="T51" fmla="*/ 26 h 53"/>
                    <a:gd name="T52" fmla="*/ 94 w 203"/>
                    <a:gd name="T53" fmla="*/ 26 h 53"/>
                    <a:gd name="T54" fmla="*/ 80 w 203"/>
                    <a:gd name="T55" fmla="*/ 26 h 53"/>
                    <a:gd name="T56" fmla="*/ 68 w 203"/>
                    <a:gd name="T57" fmla="*/ 28 h 53"/>
                    <a:gd name="T58" fmla="*/ 54 w 203"/>
                    <a:gd name="T59" fmla="*/ 30 h 53"/>
                    <a:gd name="T60" fmla="*/ 40 w 203"/>
                    <a:gd name="T61" fmla="*/ 36 h 53"/>
                    <a:gd name="T62" fmla="*/ 26 w 203"/>
                    <a:gd name="T63" fmla="*/ 38 h 53"/>
                    <a:gd name="T64" fmla="*/ 14 w 203"/>
                    <a:gd name="T65" fmla="*/ 44 h 53"/>
                    <a:gd name="T66" fmla="*/ 0 w 203"/>
                    <a:gd name="T67" fmla="*/ 52 h 53"/>
                    <a:gd name="T68" fmla="*/ 0 w 203"/>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3" h="53">
                      <a:moveTo>
                        <a:pt x="0" y="26"/>
                      </a:moveTo>
                      <a:lnTo>
                        <a:pt x="6" y="22"/>
                      </a:lnTo>
                      <a:lnTo>
                        <a:pt x="14" y="18"/>
                      </a:lnTo>
                      <a:lnTo>
                        <a:pt x="24" y="12"/>
                      </a:lnTo>
                      <a:lnTo>
                        <a:pt x="38" y="10"/>
                      </a:lnTo>
                      <a:lnTo>
                        <a:pt x="50" y="6"/>
                      </a:lnTo>
                      <a:lnTo>
                        <a:pt x="68" y="2"/>
                      </a:lnTo>
                      <a:lnTo>
                        <a:pt x="84" y="0"/>
                      </a:lnTo>
                      <a:lnTo>
                        <a:pt x="98" y="0"/>
                      </a:lnTo>
                      <a:lnTo>
                        <a:pt x="116" y="0"/>
                      </a:lnTo>
                      <a:lnTo>
                        <a:pt x="130" y="2"/>
                      </a:lnTo>
                      <a:lnTo>
                        <a:pt x="144" y="6"/>
                      </a:lnTo>
                      <a:lnTo>
                        <a:pt x="156" y="8"/>
                      </a:lnTo>
                      <a:lnTo>
                        <a:pt x="170" y="12"/>
                      </a:lnTo>
                      <a:lnTo>
                        <a:pt x="186" y="18"/>
                      </a:lnTo>
                      <a:lnTo>
                        <a:pt x="196" y="22"/>
                      </a:lnTo>
                      <a:lnTo>
                        <a:pt x="202" y="28"/>
                      </a:lnTo>
                      <a:lnTo>
                        <a:pt x="202" y="50"/>
                      </a:lnTo>
                      <a:lnTo>
                        <a:pt x="198" y="48"/>
                      </a:lnTo>
                      <a:lnTo>
                        <a:pt x="188" y="44"/>
                      </a:lnTo>
                      <a:lnTo>
                        <a:pt x="176" y="40"/>
                      </a:lnTo>
                      <a:lnTo>
                        <a:pt x="164" y="36"/>
                      </a:lnTo>
                      <a:lnTo>
                        <a:pt x="148" y="32"/>
                      </a:lnTo>
                      <a:lnTo>
                        <a:pt x="132" y="28"/>
                      </a:lnTo>
                      <a:lnTo>
                        <a:pt x="118" y="26"/>
                      </a:lnTo>
                      <a:lnTo>
                        <a:pt x="104" y="26"/>
                      </a:lnTo>
                      <a:lnTo>
                        <a:pt x="94" y="26"/>
                      </a:lnTo>
                      <a:lnTo>
                        <a:pt x="80" y="26"/>
                      </a:lnTo>
                      <a:lnTo>
                        <a:pt x="68" y="28"/>
                      </a:lnTo>
                      <a:lnTo>
                        <a:pt x="54" y="30"/>
                      </a:lnTo>
                      <a:lnTo>
                        <a:pt x="40" y="36"/>
                      </a:lnTo>
                      <a:lnTo>
                        <a:pt x="26" y="38"/>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24" name="Freeform 36"/>
                <p:cNvSpPr>
                  <a:spLocks/>
                </p:cNvSpPr>
                <p:nvPr/>
              </p:nvSpPr>
              <p:spPr bwMode="auto">
                <a:xfrm>
                  <a:off x="4979" y="2775"/>
                  <a:ext cx="203" cy="53"/>
                </a:xfrm>
                <a:custGeom>
                  <a:avLst/>
                  <a:gdLst>
                    <a:gd name="T0" fmla="*/ 0 w 203"/>
                    <a:gd name="T1" fmla="*/ 24 h 53"/>
                    <a:gd name="T2" fmla="*/ 6 w 203"/>
                    <a:gd name="T3" fmla="*/ 22 h 53"/>
                    <a:gd name="T4" fmla="*/ 14 w 203"/>
                    <a:gd name="T5" fmla="*/ 18 h 53"/>
                    <a:gd name="T6" fmla="*/ 24 w 203"/>
                    <a:gd name="T7" fmla="*/ 14 h 53"/>
                    <a:gd name="T8" fmla="*/ 38 w 203"/>
                    <a:gd name="T9" fmla="*/ 10 h 53"/>
                    <a:gd name="T10" fmla="*/ 50 w 203"/>
                    <a:gd name="T11" fmla="*/ 6 h 53"/>
                    <a:gd name="T12" fmla="*/ 68 w 203"/>
                    <a:gd name="T13" fmla="*/ 2 h 53"/>
                    <a:gd name="T14" fmla="*/ 84 w 203"/>
                    <a:gd name="T15" fmla="*/ 0 h 53"/>
                    <a:gd name="T16" fmla="*/ 98 w 203"/>
                    <a:gd name="T17" fmla="*/ 0 h 53"/>
                    <a:gd name="T18" fmla="*/ 116 w 203"/>
                    <a:gd name="T19" fmla="*/ 0 h 53"/>
                    <a:gd name="T20" fmla="*/ 130 w 203"/>
                    <a:gd name="T21" fmla="*/ 2 h 53"/>
                    <a:gd name="T22" fmla="*/ 144 w 203"/>
                    <a:gd name="T23" fmla="*/ 4 h 53"/>
                    <a:gd name="T24" fmla="*/ 156 w 203"/>
                    <a:gd name="T25" fmla="*/ 8 h 53"/>
                    <a:gd name="T26" fmla="*/ 170 w 203"/>
                    <a:gd name="T27" fmla="*/ 12 h 53"/>
                    <a:gd name="T28" fmla="*/ 186 w 203"/>
                    <a:gd name="T29" fmla="*/ 18 h 53"/>
                    <a:gd name="T30" fmla="*/ 196 w 203"/>
                    <a:gd name="T31" fmla="*/ 22 h 53"/>
                    <a:gd name="T32" fmla="*/ 202 w 203"/>
                    <a:gd name="T33" fmla="*/ 26 h 53"/>
                    <a:gd name="T34" fmla="*/ 202 w 203"/>
                    <a:gd name="T35" fmla="*/ 50 h 53"/>
                    <a:gd name="T36" fmla="*/ 198 w 203"/>
                    <a:gd name="T37" fmla="*/ 46 h 53"/>
                    <a:gd name="T38" fmla="*/ 188 w 203"/>
                    <a:gd name="T39" fmla="*/ 44 h 53"/>
                    <a:gd name="T40" fmla="*/ 176 w 203"/>
                    <a:gd name="T41" fmla="*/ 40 h 53"/>
                    <a:gd name="T42" fmla="*/ 164 w 203"/>
                    <a:gd name="T43" fmla="*/ 36 h 53"/>
                    <a:gd name="T44" fmla="*/ 148 w 203"/>
                    <a:gd name="T45" fmla="*/ 32 h 53"/>
                    <a:gd name="T46" fmla="*/ 132 w 203"/>
                    <a:gd name="T47" fmla="*/ 28 h 53"/>
                    <a:gd name="T48" fmla="*/ 118 w 203"/>
                    <a:gd name="T49" fmla="*/ 24 h 53"/>
                    <a:gd name="T50" fmla="*/ 104 w 203"/>
                    <a:gd name="T51" fmla="*/ 24 h 53"/>
                    <a:gd name="T52" fmla="*/ 94 w 203"/>
                    <a:gd name="T53" fmla="*/ 24 h 53"/>
                    <a:gd name="T54" fmla="*/ 80 w 203"/>
                    <a:gd name="T55" fmla="*/ 24 h 53"/>
                    <a:gd name="T56" fmla="*/ 68 w 203"/>
                    <a:gd name="T57" fmla="*/ 26 h 53"/>
                    <a:gd name="T58" fmla="*/ 54 w 203"/>
                    <a:gd name="T59" fmla="*/ 32 h 53"/>
                    <a:gd name="T60" fmla="*/ 40 w 203"/>
                    <a:gd name="T61" fmla="*/ 34 h 53"/>
                    <a:gd name="T62" fmla="*/ 26 w 203"/>
                    <a:gd name="T63" fmla="*/ 40 h 53"/>
                    <a:gd name="T64" fmla="*/ 14 w 203"/>
                    <a:gd name="T65" fmla="*/ 44 h 53"/>
                    <a:gd name="T66" fmla="*/ 0 w 203"/>
                    <a:gd name="T67" fmla="*/ 52 h 53"/>
                    <a:gd name="T68" fmla="*/ 0 w 203"/>
                    <a:gd name="T69" fmla="*/ 24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3" h="53">
                      <a:moveTo>
                        <a:pt x="0" y="24"/>
                      </a:moveTo>
                      <a:lnTo>
                        <a:pt x="6" y="22"/>
                      </a:lnTo>
                      <a:lnTo>
                        <a:pt x="14" y="18"/>
                      </a:lnTo>
                      <a:lnTo>
                        <a:pt x="24" y="14"/>
                      </a:lnTo>
                      <a:lnTo>
                        <a:pt x="38" y="10"/>
                      </a:lnTo>
                      <a:lnTo>
                        <a:pt x="50" y="6"/>
                      </a:lnTo>
                      <a:lnTo>
                        <a:pt x="68" y="2"/>
                      </a:lnTo>
                      <a:lnTo>
                        <a:pt x="84" y="0"/>
                      </a:lnTo>
                      <a:lnTo>
                        <a:pt x="98" y="0"/>
                      </a:lnTo>
                      <a:lnTo>
                        <a:pt x="116" y="0"/>
                      </a:lnTo>
                      <a:lnTo>
                        <a:pt x="130" y="2"/>
                      </a:lnTo>
                      <a:lnTo>
                        <a:pt x="144" y="4"/>
                      </a:lnTo>
                      <a:lnTo>
                        <a:pt x="156" y="8"/>
                      </a:lnTo>
                      <a:lnTo>
                        <a:pt x="170" y="12"/>
                      </a:lnTo>
                      <a:lnTo>
                        <a:pt x="186" y="18"/>
                      </a:lnTo>
                      <a:lnTo>
                        <a:pt x="196" y="22"/>
                      </a:lnTo>
                      <a:lnTo>
                        <a:pt x="202" y="26"/>
                      </a:lnTo>
                      <a:lnTo>
                        <a:pt x="202" y="50"/>
                      </a:lnTo>
                      <a:lnTo>
                        <a:pt x="198" y="46"/>
                      </a:lnTo>
                      <a:lnTo>
                        <a:pt x="188" y="44"/>
                      </a:lnTo>
                      <a:lnTo>
                        <a:pt x="176" y="40"/>
                      </a:lnTo>
                      <a:lnTo>
                        <a:pt x="164" y="36"/>
                      </a:lnTo>
                      <a:lnTo>
                        <a:pt x="148" y="32"/>
                      </a:lnTo>
                      <a:lnTo>
                        <a:pt x="132" y="28"/>
                      </a:lnTo>
                      <a:lnTo>
                        <a:pt x="118" y="24"/>
                      </a:lnTo>
                      <a:lnTo>
                        <a:pt x="104" y="24"/>
                      </a:lnTo>
                      <a:lnTo>
                        <a:pt x="94" y="24"/>
                      </a:lnTo>
                      <a:lnTo>
                        <a:pt x="80" y="24"/>
                      </a:lnTo>
                      <a:lnTo>
                        <a:pt x="68" y="26"/>
                      </a:lnTo>
                      <a:lnTo>
                        <a:pt x="54" y="32"/>
                      </a:lnTo>
                      <a:lnTo>
                        <a:pt x="40" y="34"/>
                      </a:lnTo>
                      <a:lnTo>
                        <a:pt x="26" y="40"/>
                      </a:lnTo>
                      <a:lnTo>
                        <a:pt x="14" y="44"/>
                      </a:lnTo>
                      <a:lnTo>
                        <a:pt x="0" y="52"/>
                      </a:lnTo>
                      <a:lnTo>
                        <a:pt x="0" y="24"/>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sp>
          <p:nvSpPr>
            <p:cNvPr id="21516" name="Freeform 37"/>
            <p:cNvSpPr>
              <a:spLocks/>
            </p:cNvSpPr>
            <p:nvPr/>
          </p:nvSpPr>
          <p:spPr bwMode="auto">
            <a:xfrm>
              <a:off x="4061" y="3063"/>
              <a:ext cx="319" cy="537"/>
            </a:xfrm>
            <a:custGeom>
              <a:avLst/>
              <a:gdLst>
                <a:gd name="T0" fmla="*/ 318 w 319"/>
                <a:gd name="T1" fmla="*/ 0 h 537"/>
                <a:gd name="T2" fmla="*/ 254 w 319"/>
                <a:gd name="T3" fmla="*/ 0 h 537"/>
                <a:gd name="T4" fmla="*/ 254 w 319"/>
                <a:gd name="T5" fmla="*/ 462 h 537"/>
                <a:gd name="T6" fmla="*/ 0 w 319"/>
                <a:gd name="T7" fmla="*/ 462 h 537"/>
                <a:gd name="T8" fmla="*/ 0 w 319"/>
                <a:gd name="T9" fmla="*/ 536 h 537"/>
                <a:gd name="T10" fmla="*/ 318 w 319"/>
                <a:gd name="T11" fmla="*/ 536 h 537"/>
                <a:gd name="T12" fmla="*/ 318 w 319"/>
                <a:gd name="T13" fmla="*/ 0 h 537"/>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319" h="537">
                  <a:moveTo>
                    <a:pt x="318" y="0"/>
                  </a:moveTo>
                  <a:lnTo>
                    <a:pt x="254" y="0"/>
                  </a:lnTo>
                  <a:lnTo>
                    <a:pt x="254" y="462"/>
                  </a:lnTo>
                  <a:lnTo>
                    <a:pt x="0" y="462"/>
                  </a:lnTo>
                  <a:lnTo>
                    <a:pt x="0" y="536"/>
                  </a:lnTo>
                  <a:lnTo>
                    <a:pt x="318" y="536"/>
                  </a:lnTo>
                  <a:lnTo>
                    <a:pt x="318" y="0"/>
                  </a:lnTo>
                </a:path>
              </a:pathLst>
            </a:custGeom>
            <a:solidFill>
              <a:srgbClr val="C0C0C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nvGrpSpPr>
            <p:cNvPr id="21517" name="Group 38"/>
            <p:cNvGrpSpPr>
              <a:grpSpLocks/>
            </p:cNvGrpSpPr>
            <p:nvPr/>
          </p:nvGrpSpPr>
          <p:grpSpPr bwMode="auto">
            <a:xfrm>
              <a:off x="5189" y="3059"/>
              <a:ext cx="319" cy="541"/>
              <a:chOff x="5189" y="3059"/>
              <a:chExt cx="319" cy="541"/>
            </a:xfrm>
          </p:grpSpPr>
          <p:sp>
            <p:nvSpPr>
              <p:cNvPr id="21518" name="Freeform 39"/>
              <p:cNvSpPr>
                <a:spLocks/>
              </p:cNvSpPr>
              <p:nvPr/>
            </p:nvSpPr>
            <p:spPr bwMode="auto">
              <a:xfrm>
                <a:off x="5253" y="3059"/>
                <a:ext cx="255" cy="541"/>
              </a:xfrm>
              <a:custGeom>
                <a:avLst/>
                <a:gdLst>
                  <a:gd name="T0" fmla="*/ 0 w 255"/>
                  <a:gd name="T1" fmla="*/ 0 h 541"/>
                  <a:gd name="T2" fmla="*/ 84 w 255"/>
                  <a:gd name="T3" fmla="*/ 164 h 541"/>
                  <a:gd name="T4" fmla="*/ 84 w 255"/>
                  <a:gd name="T5" fmla="*/ 476 h 541"/>
                  <a:gd name="T6" fmla="*/ 254 w 255"/>
                  <a:gd name="T7" fmla="*/ 476 h 541"/>
                  <a:gd name="T8" fmla="*/ 254 w 255"/>
                  <a:gd name="T9" fmla="*/ 540 h 541"/>
                  <a:gd name="T10" fmla="*/ 0 w 255"/>
                  <a:gd name="T11" fmla="*/ 540 h 541"/>
                  <a:gd name="T12" fmla="*/ 0 w 255"/>
                  <a:gd name="T13" fmla="*/ 0 h 541"/>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255" h="541">
                    <a:moveTo>
                      <a:pt x="0" y="0"/>
                    </a:moveTo>
                    <a:lnTo>
                      <a:pt x="84" y="164"/>
                    </a:lnTo>
                    <a:lnTo>
                      <a:pt x="84" y="476"/>
                    </a:lnTo>
                    <a:lnTo>
                      <a:pt x="254" y="476"/>
                    </a:lnTo>
                    <a:lnTo>
                      <a:pt x="254" y="540"/>
                    </a:lnTo>
                    <a:lnTo>
                      <a:pt x="0" y="540"/>
                    </a:lnTo>
                    <a:lnTo>
                      <a:pt x="0" y="0"/>
                    </a:lnTo>
                  </a:path>
                </a:pathLst>
              </a:custGeom>
              <a:solidFill>
                <a:srgbClr val="80808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1519" name="Freeform 40"/>
              <p:cNvSpPr>
                <a:spLocks/>
              </p:cNvSpPr>
              <p:nvPr/>
            </p:nvSpPr>
            <p:spPr bwMode="auto">
              <a:xfrm>
                <a:off x="5189" y="3059"/>
                <a:ext cx="319" cy="539"/>
              </a:xfrm>
              <a:custGeom>
                <a:avLst/>
                <a:gdLst>
                  <a:gd name="T0" fmla="*/ 0 w 319"/>
                  <a:gd name="T1" fmla="*/ 0 h 539"/>
                  <a:gd name="T2" fmla="*/ 64 w 319"/>
                  <a:gd name="T3" fmla="*/ 0 h 539"/>
                  <a:gd name="T4" fmla="*/ 64 w 319"/>
                  <a:gd name="T5" fmla="*/ 464 h 539"/>
                  <a:gd name="T6" fmla="*/ 318 w 319"/>
                  <a:gd name="T7" fmla="*/ 464 h 539"/>
                  <a:gd name="T8" fmla="*/ 318 w 319"/>
                  <a:gd name="T9" fmla="*/ 538 h 539"/>
                  <a:gd name="T10" fmla="*/ 0 w 319"/>
                  <a:gd name="T11" fmla="*/ 538 h 539"/>
                  <a:gd name="T12" fmla="*/ 0 w 319"/>
                  <a:gd name="T13" fmla="*/ 0 h 539"/>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319" h="539">
                    <a:moveTo>
                      <a:pt x="0" y="0"/>
                    </a:moveTo>
                    <a:lnTo>
                      <a:pt x="64" y="0"/>
                    </a:lnTo>
                    <a:lnTo>
                      <a:pt x="64" y="464"/>
                    </a:lnTo>
                    <a:lnTo>
                      <a:pt x="318" y="464"/>
                    </a:lnTo>
                    <a:lnTo>
                      <a:pt x="318" y="538"/>
                    </a:lnTo>
                    <a:lnTo>
                      <a:pt x="0" y="538"/>
                    </a:lnTo>
                    <a:lnTo>
                      <a:pt x="0" y="0"/>
                    </a:lnTo>
                  </a:path>
                </a:pathLst>
              </a:custGeom>
              <a:solidFill>
                <a:srgbClr val="C0C0C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sp>
        <p:nvSpPr>
          <p:cNvPr id="21509" name="Text Box 41"/>
          <p:cNvSpPr txBox="1">
            <a:spLocks noChangeArrowheads="1"/>
          </p:cNvSpPr>
          <p:nvPr/>
        </p:nvSpPr>
        <p:spPr bwMode="auto">
          <a:xfrm>
            <a:off x="3783484" y="3319935"/>
            <a:ext cx="4229100" cy="12003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174625" indent="-174625">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spcBef>
                <a:spcPct val="50000"/>
              </a:spcBef>
              <a:buFontTx/>
              <a:buChar char="•"/>
            </a:pPr>
            <a:r>
              <a:rPr lang="es-CO" altLang="de-DE" sz="1800" b="1" dirty="0">
                <a:solidFill>
                  <a:srgbClr val="FF0000"/>
                </a:solidFill>
              </a:rPr>
              <a:t>La seguridad </a:t>
            </a:r>
            <a:r>
              <a:rPr lang="es-CO" altLang="de-DE" sz="1800" b="1" dirty="0" err="1">
                <a:solidFill>
                  <a:srgbClr val="FF0000"/>
                </a:solidFill>
              </a:rPr>
              <a:t>juridica</a:t>
            </a:r>
            <a:r>
              <a:rPr lang="es-CO" altLang="de-DE" sz="1800" b="1" dirty="0">
                <a:solidFill>
                  <a:srgbClr val="FF0000"/>
                </a:solidFill>
              </a:rPr>
              <a:t> de la propiedad, </a:t>
            </a:r>
            <a:r>
              <a:rPr lang="es-CO" altLang="de-DE" sz="1800" b="1" dirty="0">
                <a:solidFill>
                  <a:schemeClr val="tx1"/>
                </a:solidFill>
              </a:rPr>
              <a:t>mercado de tierras eficiente, e hipoteca de bienes inmuebles</a:t>
            </a:r>
            <a:endParaRPr lang="es-CO" altLang="de-DE" sz="1800" dirty="0">
              <a:solidFill>
                <a:schemeClr val="tx1"/>
              </a:solidFill>
            </a:endParaRPr>
          </a:p>
        </p:txBody>
      </p:sp>
      <p:graphicFrame>
        <p:nvGraphicFramePr>
          <p:cNvPr id="21510" name="Object 42"/>
          <p:cNvGraphicFramePr>
            <a:graphicFrameLocks noChangeAspect="1"/>
          </p:cNvGraphicFramePr>
          <p:nvPr>
            <p:extLst>
              <p:ext uri="{D42A27DB-BD31-4B8C-83A1-F6EECF244321}">
                <p14:modId xmlns:p14="http://schemas.microsoft.com/office/powerpoint/2010/main" val="2805984913"/>
              </p:ext>
            </p:extLst>
          </p:nvPr>
        </p:nvGraphicFramePr>
        <p:xfrm>
          <a:off x="2217811" y="3046089"/>
          <a:ext cx="1243013" cy="1347788"/>
        </p:xfrm>
        <a:graphic>
          <a:graphicData uri="http://schemas.openxmlformats.org/presentationml/2006/ole">
            <mc:AlternateContent xmlns:mc="http://schemas.openxmlformats.org/markup-compatibility/2006">
              <mc:Choice xmlns:v="urn:schemas-microsoft-com:vml" Requires="v">
                <p:oleObj name="Clip" r:id="rId3" imgW="1657807" imgH="1796796" progId="MS_ClipArt_Gallery.5">
                  <p:embed/>
                </p:oleObj>
              </mc:Choice>
              <mc:Fallback>
                <p:oleObj name="Clip" r:id="rId3" imgW="1657807" imgH="1796796" progId="MS_ClipArt_Gallery.5">
                  <p:embed/>
                  <p:pic>
                    <p:nvPicPr>
                      <p:cNvPr id="21510" name="Object 4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217811" y="3046089"/>
                        <a:ext cx="1243013" cy="1347788"/>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oleObj>
              </mc:Fallback>
            </mc:AlternateContent>
          </a:graphicData>
        </a:graphic>
      </p:graphicFrame>
      <p:sp>
        <p:nvSpPr>
          <p:cNvPr id="21511" name="Text Box 43"/>
          <p:cNvSpPr txBox="1">
            <a:spLocks noChangeArrowheads="1"/>
          </p:cNvSpPr>
          <p:nvPr/>
        </p:nvSpPr>
        <p:spPr bwMode="auto">
          <a:xfrm>
            <a:off x="3779912" y="2931790"/>
            <a:ext cx="4000500"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spcBef>
                <a:spcPct val="50000"/>
              </a:spcBef>
            </a:pPr>
            <a:r>
              <a:rPr lang="es-CO" altLang="de-DE" sz="1800" b="1" dirty="0">
                <a:solidFill>
                  <a:schemeClr val="tx1"/>
                </a:solidFill>
              </a:rPr>
              <a:t>Objetivos del legislador:</a:t>
            </a:r>
          </a:p>
        </p:txBody>
      </p:sp>
    </p:spTree>
    <p:extLst>
      <p:ext uri="{BB962C8B-B14F-4D97-AF65-F5344CB8AC3E}">
        <p14:creationId xmlns:p14="http://schemas.microsoft.com/office/powerpoint/2010/main" val="39901385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59810" name="Rectangle 2"/>
          <p:cNvSpPr>
            <a:spLocks noGrp="1" noChangeArrowheads="1"/>
          </p:cNvSpPr>
          <p:nvPr>
            <p:ph type="title" idx="4294967295"/>
          </p:nvPr>
        </p:nvSpPr>
        <p:spPr/>
        <p:txBody>
          <a:bodyPr/>
          <a:lstStyle/>
          <a:p>
            <a:pPr defTabSz="685800" eaLnBrk="1" hangingPunct="1">
              <a:defRPr/>
            </a:pPr>
            <a:r>
              <a:rPr lang="es-CO" dirty="0"/>
              <a:t>Código civil suizo </a:t>
            </a:r>
            <a:r>
              <a:rPr lang="es-CO" sz="1050" dirty="0"/>
              <a:t>(vigente desde 01/01/1912)</a:t>
            </a:r>
          </a:p>
        </p:txBody>
      </p:sp>
      <p:sp>
        <p:nvSpPr>
          <p:cNvPr id="22532" name="Rectangle 4"/>
          <p:cNvSpPr>
            <a:spLocks noChangeArrowheads="1"/>
          </p:cNvSpPr>
          <p:nvPr/>
        </p:nvSpPr>
        <p:spPr bwMode="auto">
          <a:xfrm>
            <a:off x="1763688" y="987649"/>
            <a:ext cx="6085234" cy="3402806"/>
          </a:xfrm>
          <a:prstGeom prst="rect">
            <a:avLst/>
          </a:prstGeom>
          <a:solidFill>
            <a:schemeClr val="bg1"/>
          </a:solidFill>
          <a:ln w="12700">
            <a:solidFill>
              <a:schemeClr val="tx1"/>
            </a:solidFill>
            <a:miter lim="800000"/>
            <a:headEnd/>
            <a:tailEnd/>
          </a:ln>
          <a:effectLst>
            <a:outerShdw dist="107763" dir="2700000" algn="ctr" rotWithShape="0">
              <a:schemeClr val="bg2"/>
            </a:outerShdw>
          </a:effec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22533" name="Text Box 5"/>
          <p:cNvSpPr txBox="1">
            <a:spLocks noChangeArrowheads="1"/>
          </p:cNvSpPr>
          <p:nvPr/>
        </p:nvSpPr>
        <p:spPr bwMode="auto">
          <a:xfrm>
            <a:off x="1818456" y="987574"/>
            <a:ext cx="5859065" cy="17517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a:defRPr sz="2800">
                <a:solidFill>
                  <a:schemeClr val="bg1"/>
                </a:solidFill>
                <a:latin typeface="Arial" charset="0"/>
              </a:defRPr>
            </a:lvl5pPr>
            <a:lvl6pPr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lvl="4">
              <a:spcBef>
                <a:spcPts val="375"/>
              </a:spcBef>
              <a:spcAft>
                <a:spcPts val="375"/>
              </a:spcAft>
            </a:pPr>
            <a:r>
              <a:rPr lang="es-CO" altLang="de-DE" sz="1350" b="1" dirty="0">
                <a:solidFill>
                  <a:schemeClr val="tx1"/>
                </a:solidFill>
              </a:rPr>
              <a:t>Art. 942</a:t>
            </a:r>
          </a:p>
          <a:p>
            <a:pPr>
              <a:spcBef>
                <a:spcPts val="375"/>
              </a:spcBef>
              <a:spcAft>
                <a:spcPts val="375"/>
              </a:spcAft>
            </a:pPr>
            <a:r>
              <a:rPr lang="es-CO" altLang="de-DE" sz="1350" dirty="0">
                <a:solidFill>
                  <a:schemeClr val="tx1"/>
                </a:solidFill>
              </a:rPr>
              <a:t>1. Todos los derechos sobre los bienes inmuebles tienen que estar inscrito en </a:t>
            </a:r>
            <a:r>
              <a:rPr lang="es-CO" altLang="de-DE" sz="1350" dirty="0">
                <a:solidFill>
                  <a:srgbClr val="FF0000"/>
                </a:solidFill>
              </a:rPr>
              <a:t>el registro de la propiedad</a:t>
            </a:r>
            <a:r>
              <a:rPr lang="es-CO" altLang="de-DE" sz="1350" dirty="0">
                <a:solidFill>
                  <a:schemeClr val="tx1"/>
                </a:solidFill>
              </a:rPr>
              <a:t>.</a:t>
            </a:r>
          </a:p>
          <a:p>
            <a:pPr>
              <a:spcBef>
                <a:spcPts val="375"/>
              </a:spcBef>
              <a:spcAft>
                <a:spcPts val="375"/>
              </a:spcAft>
            </a:pPr>
            <a:r>
              <a:rPr lang="es-CO" altLang="de-DE" sz="1350" dirty="0">
                <a:solidFill>
                  <a:schemeClr val="tx1"/>
                </a:solidFill>
              </a:rPr>
              <a:t>2 El registro de la propiedad consiste en </a:t>
            </a:r>
            <a:r>
              <a:rPr lang="es-CO" altLang="de-DE" sz="1350" dirty="0">
                <a:solidFill>
                  <a:srgbClr val="FF0000"/>
                </a:solidFill>
              </a:rPr>
              <a:t>el libro mayor, con sus mapas asociados</a:t>
            </a:r>
            <a:r>
              <a:rPr lang="es-CO" altLang="de-DE" sz="1350" dirty="0">
                <a:solidFill>
                  <a:schemeClr val="tx1"/>
                </a:solidFill>
              </a:rPr>
              <a:t>, los registros auxiliares (en particular la lista de propietarios), los hechos y evidencias (registros), la descripción de las propiedades y el libro diario.</a:t>
            </a:r>
            <a:endParaRPr lang="en-GB" altLang="de-DE" sz="1350" dirty="0">
              <a:solidFill>
                <a:schemeClr val="tx1"/>
              </a:solidFill>
            </a:endParaRPr>
          </a:p>
        </p:txBody>
      </p:sp>
      <p:sp>
        <p:nvSpPr>
          <p:cNvPr id="22534" name="Text Box 6"/>
          <p:cNvSpPr txBox="1">
            <a:spLocks noChangeArrowheads="1"/>
          </p:cNvSpPr>
          <p:nvPr/>
        </p:nvSpPr>
        <p:spPr bwMode="auto">
          <a:xfrm>
            <a:off x="1820838" y="2787774"/>
            <a:ext cx="5911451" cy="15440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a:defRPr sz="2800">
                <a:solidFill>
                  <a:schemeClr val="bg1"/>
                </a:solidFill>
                <a:latin typeface="Arial" charset="0"/>
              </a:defRPr>
            </a:lvl5pPr>
            <a:lvl6pPr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lvl="4">
              <a:spcBef>
                <a:spcPts val="375"/>
              </a:spcBef>
              <a:spcAft>
                <a:spcPts val="375"/>
              </a:spcAft>
            </a:pPr>
            <a:r>
              <a:rPr lang="es-CO" altLang="de-DE" sz="1350" b="1" dirty="0">
                <a:solidFill>
                  <a:schemeClr val="tx1"/>
                </a:solidFill>
              </a:rPr>
              <a:t>Art. 950</a:t>
            </a:r>
          </a:p>
          <a:p>
            <a:pPr>
              <a:spcBef>
                <a:spcPts val="375"/>
              </a:spcBef>
              <a:spcAft>
                <a:spcPts val="375"/>
              </a:spcAft>
            </a:pPr>
            <a:r>
              <a:rPr lang="es-CO" altLang="de-DE" sz="1350" dirty="0">
                <a:solidFill>
                  <a:schemeClr val="tx1"/>
                </a:solidFill>
              </a:rPr>
              <a:t>1 El registro y descripción de las propiedades en el registro de la propiedad tienen que ser hechas </a:t>
            </a:r>
            <a:r>
              <a:rPr lang="es-CO" altLang="de-DE" sz="1350" dirty="0">
                <a:solidFill>
                  <a:srgbClr val="FF0000"/>
                </a:solidFill>
              </a:rPr>
              <a:t>sobre la base de un mapa</a:t>
            </a:r>
            <a:r>
              <a:rPr lang="es-CO" altLang="de-DE" sz="1350" dirty="0">
                <a:solidFill>
                  <a:schemeClr val="tx1"/>
                </a:solidFill>
              </a:rPr>
              <a:t>, que por regla general, tiene que ser el resultado de </a:t>
            </a:r>
            <a:r>
              <a:rPr lang="es-CO" altLang="de-DE" sz="1350" b="1" dirty="0">
                <a:solidFill>
                  <a:schemeClr val="tx1"/>
                </a:solidFill>
              </a:rPr>
              <a:t>un levantamiento oficial catastral</a:t>
            </a:r>
            <a:r>
              <a:rPr lang="es-CO" altLang="de-DE" sz="1350" dirty="0">
                <a:solidFill>
                  <a:schemeClr val="tx1"/>
                </a:solidFill>
              </a:rPr>
              <a:t>.</a:t>
            </a:r>
          </a:p>
          <a:p>
            <a:pPr>
              <a:spcBef>
                <a:spcPts val="375"/>
              </a:spcBef>
              <a:spcAft>
                <a:spcPts val="375"/>
              </a:spcAft>
            </a:pPr>
            <a:r>
              <a:rPr lang="es-CO" altLang="de-DE" sz="1350" dirty="0">
                <a:solidFill>
                  <a:schemeClr val="tx1"/>
                </a:solidFill>
              </a:rPr>
              <a:t>2 El Consejo Federal decide sobre qué principios estos mapas tienen que basarse.</a:t>
            </a:r>
            <a:endParaRPr lang="en-GB" altLang="de-DE" sz="1350" dirty="0">
              <a:solidFill>
                <a:schemeClr val="tx1"/>
              </a:solidFill>
            </a:endParaRPr>
          </a:p>
        </p:txBody>
      </p:sp>
    </p:spTree>
    <p:extLst>
      <p:ext uri="{BB962C8B-B14F-4D97-AF65-F5344CB8AC3E}">
        <p14:creationId xmlns:p14="http://schemas.microsoft.com/office/powerpoint/2010/main" val="3719414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62882" name="Rectangle 2"/>
          <p:cNvSpPr>
            <a:spLocks noGrp="1" noChangeArrowheads="1"/>
          </p:cNvSpPr>
          <p:nvPr>
            <p:ph type="title" idx="4294967295"/>
          </p:nvPr>
        </p:nvSpPr>
        <p:spPr>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round/>
                <a:headEnd/>
                <a:tailEnd/>
              </a14:hiddenLine>
            </a:ext>
          </a:extLst>
        </p:spPr>
        <p:txBody>
          <a:bodyPr/>
          <a:lstStyle/>
          <a:p>
            <a:pPr eaLnBrk="1" hangingPunct="1">
              <a:defRPr/>
            </a:pPr>
            <a:r>
              <a:rPr lang="es-419" dirty="0">
                <a:latin typeface="+mj-lt"/>
              </a:rPr>
              <a:t>Dos componentes básicos del sistema catastral</a:t>
            </a:r>
          </a:p>
        </p:txBody>
      </p:sp>
      <p:sp>
        <p:nvSpPr>
          <p:cNvPr id="24579" name="Text Box 3"/>
          <p:cNvSpPr txBox="1">
            <a:spLocks noChangeArrowheads="1"/>
          </p:cNvSpPr>
          <p:nvPr/>
        </p:nvSpPr>
        <p:spPr bwMode="auto">
          <a:xfrm>
            <a:off x="5194970" y="1180977"/>
            <a:ext cx="2457450" cy="457200"/>
          </a:xfrm>
          <a:prstGeom prst="rect">
            <a:avLst/>
          </a:prstGeom>
          <a:solidFill>
            <a:srgbClr val="FFCCCC"/>
          </a:solidFill>
          <a:ln w="254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800" b="1" dirty="0">
                <a:solidFill>
                  <a:schemeClr val="tx1"/>
                </a:solidFill>
              </a:rPr>
              <a:t>Registro</a:t>
            </a:r>
          </a:p>
        </p:txBody>
      </p:sp>
      <p:sp>
        <p:nvSpPr>
          <p:cNvPr id="24580" name="Text Box 4"/>
          <p:cNvSpPr txBox="1">
            <a:spLocks noChangeArrowheads="1"/>
          </p:cNvSpPr>
          <p:nvPr/>
        </p:nvSpPr>
        <p:spPr bwMode="auto">
          <a:xfrm>
            <a:off x="2051720" y="1203598"/>
            <a:ext cx="2457450" cy="457200"/>
          </a:xfrm>
          <a:prstGeom prst="rect">
            <a:avLst/>
          </a:prstGeom>
          <a:solidFill>
            <a:srgbClr val="43C182"/>
          </a:solidFill>
          <a:ln w="254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800" b="1" dirty="0">
                <a:solidFill>
                  <a:schemeClr val="tx1"/>
                </a:solidFill>
              </a:rPr>
              <a:t>Catastro</a:t>
            </a:r>
          </a:p>
        </p:txBody>
      </p:sp>
      <p:sp>
        <p:nvSpPr>
          <p:cNvPr id="24581" name="Text Box 5"/>
          <p:cNvSpPr txBox="1">
            <a:spLocks noChangeArrowheads="1"/>
          </p:cNvSpPr>
          <p:nvPr/>
        </p:nvSpPr>
        <p:spPr bwMode="auto">
          <a:xfrm>
            <a:off x="5248549" y="1775099"/>
            <a:ext cx="2408635" cy="211750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114300" indent="-114300">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spcBef>
                <a:spcPct val="5000"/>
              </a:spcBef>
              <a:spcAft>
                <a:spcPct val="5000"/>
              </a:spcAft>
              <a:buFontTx/>
              <a:buChar char="•"/>
            </a:pPr>
            <a:r>
              <a:rPr lang="es-419" altLang="de-DE" sz="1400" dirty="0">
                <a:solidFill>
                  <a:schemeClr val="tx1"/>
                </a:solidFill>
              </a:rPr>
              <a:t>Libro principal</a:t>
            </a:r>
          </a:p>
          <a:p>
            <a:pPr>
              <a:spcBef>
                <a:spcPct val="5000"/>
              </a:spcBef>
              <a:spcAft>
                <a:spcPct val="5000"/>
              </a:spcAft>
              <a:buFontTx/>
              <a:buChar char="•"/>
            </a:pPr>
            <a:r>
              <a:rPr lang="es-419" altLang="de-DE" sz="1400" dirty="0">
                <a:solidFill>
                  <a:schemeClr val="tx1"/>
                </a:solidFill>
              </a:rPr>
              <a:t>registros auxiliares (en particular la lista de los propietarios)</a:t>
            </a:r>
          </a:p>
          <a:p>
            <a:pPr>
              <a:spcBef>
                <a:spcPct val="5000"/>
              </a:spcBef>
              <a:spcAft>
                <a:spcPct val="5000"/>
              </a:spcAft>
              <a:buFontTx/>
              <a:buChar char="•"/>
            </a:pPr>
            <a:r>
              <a:rPr lang="es-419" altLang="de-DE" sz="1400" dirty="0">
                <a:solidFill>
                  <a:schemeClr val="tx1"/>
                </a:solidFill>
              </a:rPr>
              <a:t>escrituras (registros y evidencias)</a:t>
            </a:r>
          </a:p>
          <a:p>
            <a:pPr>
              <a:spcBef>
                <a:spcPct val="5000"/>
              </a:spcBef>
              <a:spcAft>
                <a:spcPct val="5000"/>
              </a:spcAft>
              <a:buFontTx/>
              <a:buChar char="•"/>
            </a:pPr>
            <a:r>
              <a:rPr lang="es-419" altLang="de-DE" sz="1400" dirty="0">
                <a:solidFill>
                  <a:schemeClr val="tx1"/>
                </a:solidFill>
              </a:rPr>
              <a:t>Descripción de propiedades</a:t>
            </a:r>
          </a:p>
          <a:p>
            <a:pPr>
              <a:spcBef>
                <a:spcPct val="5000"/>
              </a:spcBef>
              <a:spcAft>
                <a:spcPct val="5000"/>
              </a:spcAft>
              <a:buFontTx/>
              <a:buChar char="•"/>
            </a:pPr>
            <a:r>
              <a:rPr lang="es-419" altLang="de-DE" sz="1400" dirty="0">
                <a:solidFill>
                  <a:schemeClr val="tx1"/>
                </a:solidFill>
              </a:rPr>
              <a:t>Libro diario</a:t>
            </a:r>
          </a:p>
        </p:txBody>
      </p:sp>
      <p:sp>
        <p:nvSpPr>
          <p:cNvPr id="24582" name="Rectangle 6"/>
          <p:cNvSpPr>
            <a:spLocks noChangeArrowheads="1"/>
          </p:cNvSpPr>
          <p:nvPr/>
        </p:nvSpPr>
        <p:spPr bwMode="auto">
          <a:xfrm>
            <a:off x="5194970" y="1650083"/>
            <a:ext cx="2457450" cy="2571750"/>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es-419" altLang="de-DE" sz="2100" dirty="0"/>
          </a:p>
        </p:txBody>
      </p:sp>
      <p:sp>
        <p:nvSpPr>
          <p:cNvPr id="24583" name="Rectangle 7"/>
          <p:cNvSpPr>
            <a:spLocks noChangeArrowheads="1"/>
          </p:cNvSpPr>
          <p:nvPr/>
        </p:nvSpPr>
        <p:spPr bwMode="auto">
          <a:xfrm>
            <a:off x="2051720" y="1660798"/>
            <a:ext cx="2457450" cy="2571750"/>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es-419" altLang="de-DE" sz="2100" dirty="0"/>
          </a:p>
        </p:txBody>
      </p:sp>
      <p:grpSp>
        <p:nvGrpSpPr>
          <p:cNvPr id="24584" name="Group 8"/>
          <p:cNvGrpSpPr>
            <a:grpSpLocks/>
          </p:cNvGrpSpPr>
          <p:nvPr/>
        </p:nvGrpSpPr>
        <p:grpSpPr bwMode="auto">
          <a:xfrm>
            <a:off x="6307014" y="3375298"/>
            <a:ext cx="1298972" cy="857250"/>
            <a:chOff x="4061" y="2479"/>
            <a:chExt cx="1447" cy="1121"/>
          </a:xfrm>
        </p:grpSpPr>
        <p:grpSp>
          <p:nvGrpSpPr>
            <p:cNvPr id="24587" name="Group 9"/>
            <p:cNvGrpSpPr>
              <a:grpSpLocks/>
            </p:cNvGrpSpPr>
            <p:nvPr/>
          </p:nvGrpSpPr>
          <p:grpSpPr bwMode="auto">
            <a:xfrm>
              <a:off x="4381" y="2479"/>
              <a:ext cx="299" cy="1121"/>
              <a:chOff x="4381" y="2479"/>
              <a:chExt cx="299" cy="1121"/>
            </a:xfrm>
          </p:grpSpPr>
          <p:grpSp>
            <p:nvGrpSpPr>
              <p:cNvPr id="24616" name="Group 10"/>
              <p:cNvGrpSpPr>
                <a:grpSpLocks/>
              </p:cNvGrpSpPr>
              <p:nvPr/>
            </p:nvGrpSpPr>
            <p:grpSpPr bwMode="auto">
              <a:xfrm>
                <a:off x="4381" y="2479"/>
                <a:ext cx="299" cy="1121"/>
                <a:chOff x="4381" y="2479"/>
                <a:chExt cx="299" cy="1121"/>
              </a:xfrm>
            </p:grpSpPr>
            <p:sp>
              <p:nvSpPr>
                <p:cNvPr id="24621" name="Freeform 11"/>
                <p:cNvSpPr>
                  <a:spLocks/>
                </p:cNvSpPr>
                <p:nvPr/>
              </p:nvSpPr>
              <p:spPr bwMode="auto">
                <a:xfrm>
                  <a:off x="4583" y="2507"/>
                  <a:ext cx="97" cy="1093"/>
                </a:xfrm>
                <a:custGeom>
                  <a:avLst/>
                  <a:gdLst>
                    <a:gd name="T0" fmla="*/ 0 w 97"/>
                    <a:gd name="T1" fmla="*/ 0 h 1093"/>
                    <a:gd name="T2" fmla="*/ 96 w 97"/>
                    <a:gd name="T3" fmla="*/ 174 h 1093"/>
                    <a:gd name="T4" fmla="*/ 96 w 97"/>
                    <a:gd name="T5" fmla="*/ 1092 h 1093"/>
                    <a:gd name="T6" fmla="*/ 0 w 97"/>
                    <a:gd name="T7" fmla="*/ 1092 h 1093"/>
                    <a:gd name="T8" fmla="*/ 0 w 97"/>
                    <a:gd name="T9" fmla="*/ 0 h 1093"/>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7" h="1093">
                      <a:moveTo>
                        <a:pt x="0" y="0"/>
                      </a:moveTo>
                      <a:lnTo>
                        <a:pt x="96" y="174"/>
                      </a:lnTo>
                      <a:lnTo>
                        <a:pt x="96" y="1092"/>
                      </a:lnTo>
                      <a:lnTo>
                        <a:pt x="0" y="1092"/>
                      </a:lnTo>
                      <a:lnTo>
                        <a:pt x="0" y="0"/>
                      </a:lnTo>
                    </a:path>
                  </a:pathLst>
                </a:custGeom>
                <a:solidFill>
                  <a:srgbClr val="8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622" name="Freeform 12"/>
                <p:cNvSpPr>
                  <a:spLocks/>
                </p:cNvSpPr>
                <p:nvPr/>
              </p:nvSpPr>
              <p:spPr bwMode="auto">
                <a:xfrm>
                  <a:off x="4381" y="2479"/>
                  <a:ext cx="203" cy="1121"/>
                </a:xfrm>
                <a:custGeom>
                  <a:avLst/>
                  <a:gdLst>
                    <a:gd name="T0" fmla="*/ 0 w 203"/>
                    <a:gd name="T1" fmla="*/ 1120 h 1121"/>
                    <a:gd name="T2" fmla="*/ 0 w 203"/>
                    <a:gd name="T3" fmla="*/ 24 h 1121"/>
                    <a:gd name="T4" fmla="*/ 12 w 203"/>
                    <a:gd name="T5" fmla="*/ 18 h 1121"/>
                    <a:gd name="T6" fmla="*/ 28 w 203"/>
                    <a:gd name="T7" fmla="*/ 12 h 1121"/>
                    <a:gd name="T8" fmla="*/ 50 w 203"/>
                    <a:gd name="T9" fmla="*/ 6 h 1121"/>
                    <a:gd name="T10" fmla="*/ 68 w 203"/>
                    <a:gd name="T11" fmla="*/ 2 h 1121"/>
                    <a:gd name="T12" fmla="*/ 86 w 203"/>
                    <a:gd name="T13" fmla="*/ 0 h 1121"/>
                    <a:gd name="T14" fmla="*/ 100 w 203"/>
                    <a:gd name="T15" fmla="*/ 0 h 1121"/>
                    <a:gd name="T16" fmla="*/ 110 w 203"/>
                    <a:gd name="T17" fmla="*/ 0 h 1121"/>
                    <a:gd name="T18" fmla="*/ 122 w 203"/>
                    <a:gd name="T19" fmla="*/ 0 h 1121"/>
                    <a:gd name="T20" fmla="*/ 134 w 203"/>
                    <a:gd name="T21" fmla="*/ 2 h 1121"/>
                    <a:gd name="T22" fmla="*/ 140 w 203"/>
                    <a:gd name="T23" fmla="*/ 4 h 1121"/>
                    <a:gd name="T24" fmla="*/ 150 w 203"/>
                    <a:gd name="T25" fmla="*/ 6 h 1121"/>
                    <a:gd name="T26" fmla="*/ 164 w 203"/>
                    <a:gd name="T27" fmla="*/ 10 h 1121"/>
                    <a:gd name="T28" fmla="*/ 182 w 203"/>
                    <a:gd name="T29" fmla="*/ 16 h 1121"/>
                    <a:gd name="T30" fmla="*/ 194 w 203"/>
                    <a:gd name="T31" fmla="*/ 22 h 1121"/>
                    <a:gd name="T32" fmla="*/ 202 w 203"/>
                    <a:gd name="T33" fmla="*/ 24 h 1121"/>
                    <a:gd name="T34" fmla="*/ 202 w 203"/>
                    <a:gd name="T35" fmla="*/ 1120 h 1121"/>
                    <a:gd name="T36" fmla="*/ 0 w 203"/>
                    <a:gd name="T37" fmla="*/ 1120 h 112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203" h="1121">
                      <a:moveTo>
                        <a:pt x="0" y="1120"/>
                      </a:moveTo>
                      <a:lnTo>
                        <a:pt x="0" y="24"/>
                      </a:lnTo>
                      <a:lnTo>
                        <a:pt x="12" y="18"/>
                      </a:lnTo>
                      <a:lnTo>
                        <a:pt x="28" y="12"/>
                      </a:lnTo>
                      <a:lnTo>
                        <a:pt x="50" y="6"/>
                      </a:lnTo>
                      <a:lnTo>
                        <a:pt x="68" y="2"/>
                      </a:lnTo>
                      <a:lnTo>
                        <a:pt x="86" y="0"/>
                      </a:lnTo>
                      <a:lnTo>
                        <a:pt x="100" y="0"/>
                      </a:lnTo>
                      <a:lnTo>
                        <a:pt x="110" y="0"/>
                      </a:lnTo>
                      <a:lnTo>
                        <a:pt x="122" y="0"/>
                      </a:lnTo>
                      <a:lnTo>
                        <a:pt x="134" y="2"/>
                      </a:lnTo>
                      <a:lnTo>
                        <a:pt x="140" y="4"/>
                      </a:lnTo>
                      <a:lnTo>
                        <a:pt x="150" y="6"/>
                      </a:lnTo>
                      <a:lnTo>
                        <a:pt x="164" y="10"/>
                      </a:lnTo>
                      <a:lnTo>
                        <a:pt x="182" y="16"/>
                      </a:lnTo>
                      <a:lnTo>
                        <a:pt x="194" y="22"/>
                      </a:lnTo>
                      <a:lnTo>
                        <a:pt x="202" y="24"/>
                      </a:lnTo>
                      <a:lnTo>
                        <a:pt x="202" y="1120"/>
                      </a:lnTo>
                      <a:lnTo>
                        <a:pt x="0" y="1120"/>
                      </a:lnTo>
                    </a:path>
                  </a:pathLst>
                </a:custGeom>
                <a:solidFill>
                  <a:srgbClr val="FF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grpSp>
          <p:grpSp>
            <p:nvGrpSpPr>
              <p:cNvPr id="24617" name="Group 13"/>
              <p:cNvGrpSpPr>
                <a:grpSpLocks/>
              </p:cNvGrpSpPr>
              <p:nvPr/>
            </p:nvGrpSpPr>
            <p:grpSpPr bwMode="auto">
              <a:xfrm>
                <a:off x="4381" y="2775"/>
                <a:ext cx="203" cy="633"/>
                <a:chOff x="4381" y="2775"/>
                <a:chExt cx="203" cy="633"/>
              </a:xfrm>
            </p:grpSpPr>
            <p:sp>
              <p:nvSpPr>
                <p:cNvPr id="24618" name="Freeform 14"/>
                <p:cNvSpPr>
                  <a:spLocks/>
                </p:cNvSpPr>
                <p:nvPr/>
              </p:nvSpPr>
              <p:spPr bwMode="auto">
                <a:xfrm>
                  <a:off x="4381" y="3293"/>
                  <a:ext cx="201" cy="53"/>
                </a:xfrm>
                <a:custGeom>
                  <a:avLst/>
                  <a:gdLst>
                    <a:gd name="T0" fmla="*/ 0 w 201"/>
                    <a:gd name="T1" fmla="*/ 26 h 53"/>
                    <a:gd name="T2" fmla="*/ 8 w 201"/>
                    <a:gd name="T3" fmla="*/ 22 h 53"/>
                    <a:gd name="T4" fmla="*/ 14 w 201"/>
                    <a:gd name="T5" fmla="*/ 16 h 53"/>
                    <a:gd name="T6" fmla="*/ 24 w 201"/>
                    <a:gd name="T7" fmla="*/ 14 h 53"/>
                    <a:gd name="T8" fmla="*/ 38 w 201"/>
                    <a:gd name="T9" fmla="*/ 8 h 53"/>
                    <a:gd name="T10" fmla="*/ 52 w 201"/>
                    <a:gd name="T11" fmla="*/ 6 h 53"/>
                    <a:gd name="T12" fmla="*/ 68 w 201"/>
                    <a:gd name="T13" fmla="*/ 0 h 53"/>
                    <a:gd name="T14" fmla="*/ 84 w 201"/>
                    <a:gd name="T15" fmla="*/ 0 h 53"/>
                    <a:gd name="T16" fmla="*/ 98 w 201"/>
                    <a:gd name="T17" fmla="*/ 0 h 53"/>
                    <a:gd name="T18" fmla="*/ 114 w 201"/>
                    <a:gd name="T19" fmla="*/ 0 h 53"/>
                    <a:gd name="T20" fmla="*/ 128 w 201"/>
                    <a:gd name="T21" fmla="*/ 0 h 53"/>
                    <a:gd name="T22" fmla="*/ 144 w 201"/>
                    <a:gd name="T23" fmla="*/ 4 h 53"/>
                    <a:gd name="T24" fmla="*/ 154 w 201"/>
                    <a:gd name="T25" fmla="*/ 8 h 53"/>
                    <a:gd name="T26" fmla="*/ 168 w 201"/>
                    <a:gd name="T27" fmla="*/ 12 h 53"/>
                    <a:gd name="T28" fmla="*/ 182 w 201"/>
                    <a:gd name="T29" fmla="*/ 16 h 53"/>
                    <a:gd name="T30" fmla="*/ 192 w 201"/>
                    <a:gd name="T31" fmla="*/ 22 h 53"/>
                    <a:gd name="T32" fmla="*/ 200 w 201"/>
                    <a:gd name="T33" fmla="*/ 26 h 53"/>
                    <a:gd name="T34" fmla="*/ 200 w 201"/>
                    <a:gd name="T35" fmla="*/ 50 h 53"/>
                    <a:gd name="T36" fmla="*/ 194 w 201"/>
                    <a:gd name="T37" fmla="*/ 48 h 53"/>
                    <a:gd name="T38" fmla="*/ 184 w 201"/>
                    <a:gd name="T39" fmla="*/ 44 h 53"/>
                    <a:gd name="T40" fmla="*/ 172 w 201"/>
                    <a:gd name="T41" fmla="*/ 40 h 53"/>
                    <a:gd name="T42" fmla="*/ 160 w 201"/>
                    <a:gd name="T43" fmla="*/ 36 h 53"/>
                    <a:gd name="T44" fmla="*/ 146 w 201"/>
                    <a:gd name="T45" fmla="*/ 30 h 53"/>
                    <a:gd name="T46" fmla="*/ 130 w 201"/>
                    <a:gd name="T47" fmla="*/ 28 h 53"/>
                    <a:gd name="T48" fmla="*/ 116 w 201"/>
                    <a:gd name="T49" fmla="*/ 26 h 53"/>
                    <a:gd name="T50" fmla="*/ 102 w 201"/>
                    <a:gd name="T51" fmla="*/ 26 h 53"/>
                    <a:gd name="T52" fmla="*/ 92 w 201"/>
                    <a:gd name="T53" fmla="*/ 26 h 53"/>
                    <a:gd name="T54" fmla="*/ 78 w 201"/>
                    <a:gd name="T55" fmla="*/ 26 h 53"/>
                    <a:gd name="T56" fmla="*/ 68 w 201"/>
                    <a:gd name="T57" fmla="*/ 26 h 53"/>
                    <a:gd name="T58" fmla="*/ 54 w 201"/>
                    <a:gd name="T59" fmla="*/ 30 h 53"/>
                    <a:gd name="T60" fmla="*/ 40 w 201"/>
                    <a:gd name="T61" fmla="*/ 34 h 53"/>
                    <a:gd name="T62" fmla="*/ 26 w 201"/>
                    <a:gd name="T63" fmla="*/ 40 h 53"/>
                    <a:gd name="T64" fmla="*/ 14 w 201"/>
                    <a:gd name="T65" fmla="*/ 44 h 53"/>
                    <a:gd name="T66" fmla="*/ 0 w 201"/>
                    <a:gd name="T67" fmla="*/ 52 h 53"/>
                    <a:gd name="T68" fmla="*/ 0 w 201"/>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1" h="53">
                      <a:moveTo>
                        <a:pt x="0" y="26"/>
                      </a:moveTo>
                      <a:lnTo>
                        <a:pt x="8" y="22"/>
                      </a:lnTo>
                      <a:lnTo>
                        <a:pt x="14" y="16"/>
                      </a:lnTo>
                      <a:lnTo>
                        <a:pt x="24" y="14"/>
                      </a:lnTo>
                      <a:lnTo>
                        <a:pt x="38" y="8"/>
                      </a:lnTo>
                      <a:lnTo>
                        <a:pt x="52" y="6"/>
                      </a:lnTo>
                      <a:lnTo>
                        <a:pt x="68" y="0"/>
                      </a:lnTo>
                      <a:lnTo>
                        <a:pt x="84" y="0"/>
                      </a:lnTo>
                      <a:lnTo>
                        <a:pt x="98" y="0"/>
                      </a:lnTo>
                      <a:lnTo>
                        <a:pt x="114" y="0"/>
                      </a:lnTo>
                      <a:lnTo>
                        <a:pt x="128" y="0"/>
                      </a:lnTo>
                      <a:lnTo>
                        <a:pt x="144" y="4"/>
                      </a:lnTo>
                      <a:lnTo>
                        <a:pt x="154" y="8"/>
                      </a:lnTo>
                      <a:lnTo>
                        <a:pt x="168" y="12"/>
                      </a:lnTo>
                      <a:lnTo>
                        <a:pt x="182" y="16"/>
                      </a:lnTo>
                      <a:lnTo>
                        <a:pt x="192" y="22"/>
                      </a:lnTo>
                      <a:lnTo>
                        <a:pt x="200" y="26"/>
                      </a:lnTo>
                      <a:lnTo>
                        <a:pt x="200" y="50"/>
                      </a:lnTo>
                      <a:lnTo>
                        <a:pt x="194" y="48"/>
                      </a:lnTo>
                      <a:lnTo>
                        <a:pt x="184" y="44"/>
                      </a:lnTo>
                      <a:lnTo>
                        <a:pt x="172" y="40"/>
                      </a:lnTo>
                      <a:lnTo>
                        <a:pt x="160" y="36"/>
                      </a:lnTo>
                      <a:lnTo>
                        <a:pt x="146" y="30"/>
                      </a:lnTo>
                      <a:lnTo>
                        <a:pt x="130" y="28"/>
                      </a:lnTo>
                      <a:lnTo>
                        <a:pt x="116" y="26"/>
                      </a:lnTo>
                      <a:lnTo>
                        <a:pt x="102" y="26"/>
                      </a:lnTo>
                      <a:lnTo>
                        <a:pt x="92" y="26"/>
                      </a:lnTo>
                      <a:lnTo>
                        <a:pt x="78" y="26"/>
                      </a:lnTo>
                      <a:lnTo>
                        <a:pt x="68" y="26"/>
                      </a:lnTo>
                      <a:lnTo>
                        <a:pt x="54" y="30"/>
                      </a:lnTo>
                      <a:lnTo>
                        <a:pt x="40" y="34"/>
                      </a:lnTo>
                      <a:lnTo>
                        <a:pt x="26" y="40"/>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619" name="Freeform 15"/>
                <p:cNvSpPr>
                  <a:spLocks/>
                </p:cNvSpPr>
                <p:nvPr/>
              </p:nvSpPr>
              <p:spPr bwMode="auto">
                <a:xfrm>
                  <a:off x="4383" y="3355"/>
                  <a:ext cx="201" cy="53"/>
                </a:xfrm>
                <a:custGeom>
                  <a:avLst/>
                  <a:gdLst>
                    <a:gd name="T0" fmla="*/ 0 w 201"/>
                    <a:gd name="T1" fmla="*/ 26 h 53"/>
                    <a:gd name="T2" fmla="*/ 6 w 201"/>
                    <a:gd name="T3" fmla="*/ 22 h 53"/>
                    <a:gd name="T4" fmla="*/ 14 w 201"/>
                    <a:gd name="T5" fmla="*/ 18 h 53"/>
                    <a:gd name="T6" fmla="*/ 24 w 201"/>
                    <a:gd name="T7" fmla="*/ 12 h 53"/>
                    <a:gd name="T8" fmla="*/ 40 w 201"/>
                    <a:gd name="T9" fmla="*/ 10 h 53"/>
                    <a:gd name="T10" fmla="*/ 52 w 201"/>
                    <a:gd name="T11" fmla="*/ 6 h 53"/>
                    <a:gd name="T12" fmla="*/ 66 w 201"/>
                    <a:gd name="T13" fmla="*/ 2 h 53"/>
                    <a:gd name="T14" fmla="*/ 84 w 201"/>
                    <a:gd name="T15" fmla="*/ 0 h 53"/>
                    <a:gd name="T16" fmla="*/ 96 w 201"/>
                    <a:gd name="T17" fmla="*/ 0 h 53"/>
                    <a:gd name="T18" fmla="*/ 112 w 201"/>
                    <a:gd name="T19" fmla="*/ 0 h 53"/>
                    <a:gd name="T20" fmla="*/ 128 w 201"/>
                    <a:gd name="T21" fmla="*/ 2 h 53"/>
                    <a:gd name="T22" fmla="*/ 144 w 201"/>
                    <a:gd name="T23" fmla="*/ 6 h 53"/>
                    <a:gd name="T24" fmla="*/ 154 w 201"/>
                    <a:gd name="T25" fmla="*/ 8 h 53"/>
                    <a:gd name="T26" fmla="*/ 168 w 201"/>
                    <a:gd name="T27" fmla="*/ 12 h 53"/>
                    <a:gd name="T28" fmla="*/ 182 w 201"/>
                    <a:gd name="T29" fmla="*/ 18 h 53"/>
                    <a:gd name="T30" fmla="*/ 192 w 201"/>
                    <a:gd name="T31" fmla="*/ 22 h 53"/>
                    <a:gd name="T32" fmla="*/ 200 w 201"/>
                    <a:gd name="T33" fmla="*/ 28 h 53"/>
                    <a:gd name="T34" fmla="*/ 200 w 201"/>
                    <a:gd name="T35" fmla="*/ 50 h 53"/>
                    <a:gd name="T36" fmla="*/ 194 w 201"/>
                    <a:gd name="T37" fmla="*/ 48 h 53"/>
                    <a:gd name="T38" fmla="*/ 184 w 201"/>
                    <a:gd name="T39" fmla="*/ 44 h 53"/>
                    <a:gd name="T40" fmla="*/ 172 w 201"/>
                    <a:gd name="T41" fmla="*/ 40 h 53"/>
                    <a:gd name="T42" fmla="*/ 160 w 201"/>
                    <a:gd name="T43" fmla="*/ 36 h 53"/>
                    <a:gd name="T44" fmla="*/ 146 w 201"/>
                    <a:gd name="T45" fmla="*/ 32 h 53"/>
                    <a:gd name="T46" fmla="*/ 132 w 201"/>
                    <a:gd name="T47" fmla="*/ 28 h 53"/>
                    <a:gd name="T48" fmla="*/ 116 w 201"/>
                    <a:gd name="T49" fmla="*/ 26 h 53"/>
                    <a:gd name="T50" fmla="*/ 102 w 201"/>
                    <a:gd name="T51" fmla="*/ 26 h 53"/>
                    <a:gd name="T52" fmla="*/ 90 w 201"/>
                    <a:gd name="T53" fmla="*/ 26 h 53"/>
                    <a:gd name="T54" fmla="*/ 78 w 201"/>
                    <a:gd name="T55" fmla="*/ 26 h 53"/>
                    <a:gd name="T56" fmla="*/ 66 w 201"/>
                    <a:gd name="T57" fmla="*/ 28 h 53"/>
                    <a:gd name="T58" fmla="*/ 54 w 201"/>
                    <a:gd name="T59" fmla="*/ 30 h 53"/>
                    <a:gd name="T60" fmla="*/ 40 w 201"/>
                    <a:gd name="T61" fmla="*/ 36 h 53"/>
                    <a:gd name="T62" fmla="*/ 26 w 201"/>
                    <a:gd name="T63" fmla="*/ 38 h 53"/>
                    <a:gd name="T64" fmla="*/ 14 w 201"/>
                    <a:gd name="T65" fmla="*/ 44 h 53"/>
                    <a:gd name="T66" fmla="*/ 0 w 201"/>
                    <a:gd name="T67" fmla="*/ 52 h 53"/>
                    <a:gd name="T68" fmla="*/ 0 w 201"/>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1" h="53">
                      <a:moveTo>
                        <a:pt x="0" y="26"/>
                      </a:moveTo>
                      <a:lnTo>
                        <a:pt x="6" y="22"/>
                      </a:lnTo>
                      <a:lnTo>
                        <a:pt x="14" y="18"/>
                      </a:lnTo>
                      <a:lnTo>
                        <a:pt x="24" y="12"/>
                      </a:lnTo>
                      <a:lnTo>
                        <a:pt x="40" y="10"/>
                      </a:lnTo>
                      <a:lnTo>
                        <a:pt x="52" y="6"/>
                      </a:lnTo>
                      <a:lnTo>
                        <a:pt x="66" y="2"/>
                      </a:lnTo>
                      <a:lnTo>
                        <a:pt x="84" y="0"/>
                      </a:lnTo>
                      <a:lnTo>
                        <a:pt x="96" y="0"/>
                      </a:lnTo>
                      <a:lnTo>
                        <a:pt x="112" y="0"/>
                      </a:lnTo>
                      <a:lnTo>
                        <a:pt x="128" y="2"/>
                      </a:lnTo>
                      <a:lnTo>
                        <a:pt x="144" y="6"/>
                      </a:lnTo>
                      <a:lnTo>
                        <a:pt x="154" y="8"/>
                      </a:lnTo>
                      <a:lnTo>
                        <a:pt x="168" y="12"/>
                      </a:lnTo>
                      <a:lnTo>
                        <a:pt x="182" y="18"/>
                      </a:lnTo>
                      <a:lnTo>
                        <a:pt x="192" y="22"/>
                      </a:lnTo>
                      <a:lnTo>
                        <a:pt x="200" y="28"/>
                      </a:lnTo>
                      <a:lnTo>
                        <a:pt x="200" y="50"/>
                      </a:lnTo>
                      <a:lnTo>
                        <a:pt x="194" y="48"/>
                      </a:lnTo>
                      <a:lnTo>
                        <a:pt x="184" y="44"/>
                      </a:lnTo>
                      <a:lnTo>
                        <a:pt x="172" y="40"/>
                      </a:lnTo>
                      <a:lnTo>
                        <a:pt x="160" y="36"/>
                      </a:lnTo>
                      <a:lnTo>
                        <a:pt x="146" y="32"/>
                      </a:lnTo>
                      <a:lnTo>
                        <a:pt x="132" y="28"/>
                      </a:lnTo>
                      <a:lnTo>
                        <a:pt x="116" y="26"/>
                      </a:lnTo>
                      <a:lnTo>
                        <a:pt x="102" y="26"/>
                      </a:lnTo>
                      <a:lnTo>
                        <a:pt x="90" y="26"/>
                      </a:lnTo>
                      <a:lnTo>
                        <a:pt x="78" y="26"/>
                      </a:lnTo>
                      <a:lnTo>
                        <a:pt x="66" y="28"/>
                      </a:lnTo>
                      <a:lnTo>
                        <a:pt x="54" y="30"/>
                      </a:lnTo>
                      <a:lnTo>
                        <a:pt x="40" y="36"/>
                      </a:lnTo>
                      <a:lnTo>
                        <a:pt x="26" y="38"/>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620" name="Freeform 16"/>
                <p:cNvSpPr>
                  <a:spLocks/>
                </p:cNvSpPr>
                <p:nvPr/>
              </p:nvSpPr>
              <p:spPr bwMode="auto">
                <a:xfrm>
                  <a:off x="4383" y="2775"/>
                  <a:ext cx="201" cy="53"/>
                </a:xfrm>
                <a:custGeom>
                  <a:avLst/>
                  <a:gdLst>
                    <a:gd name="T0" fmla="*/ 0 w 201"/>
                    <a:gd name="T1" fmla="*/ 24 h 53"/>
                    <a:gd name="T2" fmla="*/ 6 w 201"/>
                    <a:gd name="T3" fmla="*/ 22 h 53"/>
                    <a:gd name="T4" fmla="*/ 14 w 201"/>
                    <a:gd name="T5" fmla="*/ 18 h 53"/>
                    <a:gd name="T6" fmla="*/ 24 w 201"/>
                    <a:gd name="T7" fmla="*/ 14 h 53"/>
                    <a:gd name="T8" fmla="*/ 40 w 201"/>
                    <a:gd name="T9" fmla="*/ 10 h 53"/>
                    <a:gd name="T10" fmla="*/ 52 w 201"/>
                    <a:gd name="T11" fmla="*/ 6 h 53"/>
                    <a:gd name="T12" fmla="*/ 66 w 201"/>
                    <a:gd name="T13" fmla="*/ 2 h 53"/>
                    <a:gd name="T14" fmla="*/ 84 w 201"/>
                    <a:gd name="T15" fmla="*/ 0 h 53"/>
                    <a:gd name="T16" fmla="*/ 96 w 201"/>
                    <a:gd name="T17" fmla="*/ 0 h 53"/>
                    <a:gd name="T18" fmla="*/ 112 w 201"/>
                    <a:gd name="T19" fmla="*/ 0 h 53"/>
                    <a:gd name="T20" fmla="*/ 128 w 201"/>
                    <a:gd name="T21" fmla="*/ 2 h 53"/>
                    <a:gd name="T22" fmla="*/ 144 w 201"/>
                    <a:gd name="T23" fmla="*/ 4 h 53"/>
                    <a:gd name="T24" fmla="*/ 154 w 201"/>
                    <a:gd name="T25" fmla="*/ 8 h 53"/>
                    <a:gd name="T26" fmla="*/ 168 w 201"/>
                    <a:gd name="T27" fmla="*/ 12 h 53"/>
                    <a:gd name="T28" fmla="*/ 182 w 201"/>
                    <a:gd name="T29" fmla="*/ 18 h 53"/>
                    <a:gd name="T30" fmla="*/ 192 w 201"/>
                    <a:gd name="T31" fmla="*/ 22 h 53"/>
                    <a:gd name="T32" fmla="*/ 200 w 201"/>
                    <a:gd name="T33" fmla="*/ 26 h 53"/>
                    <a:gd name="T34" fmla="*/ 200 w 201"/>
                    <a:gd name="T35" fmla="*/ 50 h 53"/>
                    <a:gd name="T36" fmla="*/ 194 w 201"/>
                    <a:gd name="T37" fmla="*/ 46 h 53"/>
                    <a:gd name="T38" fmla="*/ 184 w 201"/>
                    <a:gd name="T39" fmla="*/ 44 h 53"/>
                    <a:gd name="T40" fmla="*/ 172 w 201"/>
                    <a:gd name="T41" fmla="*/ 40 h 53"/>
                    <a:gd name="T42" fmla="*/ 160 w 201"/>
                    <a:gd name="T43" fmla="*/ 36 h 53"/>
                    <a:gd name="T44" fmla="*/ 146 w 201"/>
                    <a:gd name="T45" fmla="*/ 32 h 53"/>
                    <a:gd name="T46" fmla="*/ 132 w 201"/>
                    <a:gd name="T47" fmla="*/ 28 h 53"/>
                    <a:gd name="T48" fmla="*/ 116 w 201"/>
                    <a:gd name="T49" fmla="*/ 24 h 53"/>
                    <a:gd name="T50" fmla="*/ 102 w 201"/>
                    <a:gd name="T51" fmla="*/ 24 h 53"/>
                    <a:gd name="T52" fmla="*/ 90 w 201"/>
                    <a:gd name="T53" fmla="*/ 24 h 53"/>
                    <a:gd name="T54" fmla="*/ 78 w 201"/>
                    <a:gd name="T55" fmla="*/ 24 h 53"/>
                    <a:gd name="T56" fmla="*/ 66 w 201"/>
                    <a:gd name="T57" fmla="*/ 26 h 53"/>
                    <a:gd name="T58" fmla="*/ 54 w 201"/>
                    <a:gd name="T59" fmla="*/ 32 h 53"/>
                    <a:gd name="T60" fmla="*/ 40 w 201"/>
                    <a:gd name="T61" fmla="*/ 34 h 53"/>
                    <a:gd name="T62" fmla="*/ 26 w 201"/>
                    <a:gd name="T63" fmla="*/ 40 h 53"/>
                    <a:gd name="T64" fmla="*/ 14 w 201"/>
                    <a:gd name="T65" fmla="*/ 44 h 53"/>
                    <a:gd name="T66" fmla="*/ 0 w 201"/>
                    <a:gd name="T67" fmla="*/ 52 h 53"/>
                    <a:gd name="T68" fmla="*/ 0 w 201"/>
                    <a:gd name="T69" fmla="*/ 24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1" h="53">
                      <a:moveTo>
                        <a:pt x="0" y="24"/>
                      </a:moveTo>
                      <a:lnTo>
                        <a:pt x="6" y="22"/>
                      </a:lnTo>
                      <a:lnTo>
                        <a:pt x="14" y="18"/>
                      </a:lnTo>
                      <a:lnTo>
                        <a:pt x="24" y="14"/>
                      </a:lnTo>
                      <a:lnTo>
                        <a:pt x="40" y="10"/>
                      </a:lnTo>
                      <a:lnTo>
                        <a:pt x="52" y="6"/>
                      </a:lnTo>
                      <a:lnTo>
                        <a:pt x="66" y="2"/>
                      </a:lnTo>
                      <a:lnTo>
                        <a:pt x="84" y="0"/>
                      </a:lnTo>
                      <a:lnTo>
                        <a:pt x="96" y="0"/>
                      </a:lnTo>
                      <a:lnTo>
                        <a:pt x="112" y="0"/>
                      </a:lnTo>
                      <a:lnTo>
                        <a:pt x="128" y="2"/>
                      </a:lnTo>
                      <a:lnTo>
                        <a:pt x="144" y="4"/>
                      </a:lnTo>
                      <a:lnTo>
                        <a:pt x="154" y="8"/>
                      </a:lnTo>
                      <a:lnTo>
                        <a:pt x="168" y="12"/>
                      </a:lnTo>
                      <a:lnTo>
                        <a:pt x="182" y="18"/>
                      </a:lnTo>
                      <a:lnTo>
                        <a:pt x="192" y="22"/>
                      </a:lnTo>
                      <a:lnTo>
                        <a:pt x="200" y="26"/>
                      </a:lnTo>
                      <a:lnTo>
                        <a:pt x="200" y="50"/>
                      </a:lnTo>
                      <a:lnTo>
                        <a:pt x="194" y="46"/>
                      </a:lnTo>
                      <a:lnTo>
                        <a:pt x="184" y="44"/>
                      </a:lnTo>
                      <a:lnTo>
                        <a:pt x="172" y="40"/>
                      </a:lnTo>
                      <a:lnTo>
                        <a:pt x="160" y="36"/>
                      </a:lnTo>
                      <a:lnTo>
                        <a:pt x="146" y="32"/>
                      </a:lnTo>
                      <a:lnTo>
                        <a:pt x="132" y="28"/>
                      </a:lnTo>
                      <a:lnTo>
                        <a:pt x="116" y="24"/>
                      </a:lnTo>
                      <a:lnTo>
                        <a:pt x="102" y="24"/>
                      </a:lnTo>
                      <a:lnTo>
                        <a:pt x="90" y="24"/>
                      </a:lnTo>
                      <a:lnTo>
                        <a:pt x="78" y="24"/>
                      </a:lnTo>
                      <a:lnTo>
                        <a:pt x="66" y="26"/>
                      </a:lnTo>
                      <a:lnTo>
                        <a:pt x="54" y="32"/>
                      </a:lnTo>
                      <a:lnTo>
                        <a:pt x="40" y="34"/>
                      </a:lnTo>
                      <a:lnTo>
                        <a:pt x="26" y="40"/>
                      </a:lnTo>
                      <a:lnTo>
                        <a:pt x="14" y="44"/>
                      </a:lnTo>
                      <a:lnTo>
                        <a:pt x="0" y="52"/>
                      </a:lnTo>
                      <a:lnTo>
                        <a:pt x="0" y="24"/>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grpSp>
        </p:grpSp>
        <p:grpSp>
          <p:nvGrpSpPr>
            <p:cNvPr id="24588" name="Group 17"/>
            <p:cNvGrpSpPr>
              <a:grpSpLocks/>
            </p:cNvGrpSpPr>
            <p:nvPr/>
          </p:nvGrpSpPr>
          <p:grpSpPr bwMode="auto">
            <a:xfrm>
              <a:off x="4579" y="2479"/>
              <a:ext cx="297" cy="1121"/>
              <a:chOff x="4579" y="2479"/>
              <a:chExt cx="297" cy="1121"/>
            </a:xfrm>
          </p:grpSpPr>
          <p:grpSp>
            <p:nvGrpSpPr>
              <p:cNvPr id="24609" name="Group 18"/>
              <p:cNvGrpSpPr>
                <a:grpSpLocks/>
              </p:cNvGrpSpPr>
              <p:nvPr/>
            </p:nvGrpSpPr>
            <p:grpSpPr bwMode="auto">
              <a:xfrm>
                <a:off x="4579" y="2479"/>
                <a:ext cx="297" cy="1121"/>
                <a:chOff x="4579" y="2479"/>
                <a:chExt cx="297" cy="1121"/>
              </a:xfrm>
            </p:grpSpPr>
            <p:sp>
              <p:nvSpPr>
                <p:cNvPr id="24614" name="Freeform 19"/>
                <p:cNvSpPr>
                  <a:spLocks/>
                </p:cNvSpPr>
                <p:nvPr/>
              </p:nvSpPr>
              <p:spPr bwMode="auto">
                <a:xfrm>
                  <a:off x="4781" y="2507"/>
                  <a:ext cx="95" cy="1093"/>
                </a:xfrm>
                <a:custGeom>
                  <a:avLst/>
                  <a:gdLst>
                    <a:gd name="T0" fmla="*/ 0 w 95"/>
                    <a:gd name="T1" fmla="*/ 0 h 1093"/>
                    <a:gd name="T2" fmla="*/ 94 w 95"/>
                    <a:gd name="T3" fmla="*/ 174 h 1093"/>
                    <a:gd name="T4" fmla="*/ 94 w 95"/>
                    <a:gd name="T5" fmla="*/ 1092 h 1093"/>
                    <a:gd name="T6" fmla="*/ 0 w 95"/>
                    <a:gd name="T7" fmla="*/ 1092 h 1093"/>
                    <a:gd name="T8" fmla="*/ 0 w 95"/>
                    <a:gd name="T9" fmla="*/ 0 h 1093"/>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5" h="1093">
                      <a:moveTo>
                        <a:pt x="0" y="0"/>
                      </a:moveTo>
                      <a:lnTo>
                        <a:pt x="94" y="174"/>
                      </a:lnTo>
                      <a:lnTo>
                        <a:pt x="94" y="1092"/>
                      </a:lnTo>
                      <a:lnTo>
                        <a:pt x="0" y="1092"/>
                      </a:lnTo>
                      <a:lnTo>
                        <a:pt x="0" y="0"/>
                      </a:lnTo>
                    </a:path>
                  </a:pathLst>
                </a:custGeom>
                <a:solidFill>
                  <a:srgbClr val="8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615" name="Freeform 20"/>
                <p:cNvSpPr>
                  <a:spLocks/>
                </p:cNvSpPr>
                <p:nvPr/>
              </p:nvSpPr>
              <p:spPr bwMode="auto">
                <a:xfrm>
                  <a:off x="4579" y="2479"/>
                  <a:ext cx="203" cy="1121"/>
                </a:xfrm>
                <a:custGeom>
                  <a:avLst/>
                  <a:gdLst>
                    <a:gd name="T0" fmla="*/ 0 w 203"/>
                    <a:gd name="T1" fmla="*/ 1120 h 1121"/>
                    <a:gd name="T2" fmla="*/ 0 w 203"/>
                    <a:gd name="T3" fmla="*/ 24 h 1121"/>
                    <a:gd name="T4" fmla="*/ 12 w 203"/>
                    <a:gd name="T5" fmla="*/ 18 h 1121"/>
                    <a:gd name="T6" fmla="*/ 28 w 203"/>
                    <a:gd name="T7" fmla="*/ 12 h 1121"/>
                    <a:gd name="T8" fmla="*/ 50 w 203"/>
                    <a:gd name="T9" fmla="*/ 6 h 1121"/>
                    <a:gd name="T10" fmla="*/ 68 w 203"/>
                    <a:gd name="T11" fmla="*/ 2 h 1121"/>
                    <a:gd name="T12" fmla="*/ 86 w 203"/>
                    <a:gd name="T13" fmla="*/ 0 h 1121"/>
                    <a:gd name="T14" fmla="*/ 98 w 203"/>
                    <a:gd name="T15" fmla="*/ 0 h 1121"/>
                    <a:gd name="T16" fmla="*/ 110 w 203"/>
                    <a:gd name="T17" fmla="*/ 0 h 1121"/>
                    <a:gd name="T18" fmla="*/ 122 w 203"/>
                    <a:gd name="T19" fmla="*/ 0 h 1121"/>
                    <a:gd name="T20" fmla="*/ 134 w 203"/>
                    <a:gd name="T21" fmla="*/ 2 h 1121"/>
                    <a:gd name="T22" fmla="*/ 142 w 203"/>
                    <a:gd name="T23" fmla="*/ 4 h 1121"/>
                    <a:gd name="T24" fmla="*/ 150 w 203"/>
                    <a:gd name="T25" fmla="*/ 6 h 1121"/>
                    <a:gd name="T26" fmla="*/ 164 w 203"/>
                    <a:gd name="T27" fmla="*/ 10 h 1121"/>
                    <a:gd name="T28" fmla="*/ 182 w 203"/>
                    <a:gd name="T29" fmla="*/ 16 h 1121"/>
                    <a:gd name="T30" fmla="*/ 192 w 203"/>
                    <a:gd name="T31" fmla="*/ 22 h 1121"/>
                    <a:gd name="T32" fmla="*/ 202 w 203"/>
                    <a:gd name="T33" fmla="*/ 24 h 1121"/>
                    <a:gd name="T34" fmla="*/ 202 w 203"/>
                    <a:gd name="T35" fmla="*/ 1120 h 1121"/>
                    <a:gd name="T36" fmla="*/ 0 w 203"/>
                    <a:gd name="T37" fmla="*/ 1120 h 112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203" h="1121">
                      <a:moveTo>
                        <a:pt x="0" y="1120"/>
                      </a:moveTo>
                      <a:lnTo>
                        <a:pt x="0" y="24"/>
                      </a:lnTo>
                      <a:lnTo>
                        <a:pt x="12" y="18"/>
                      </a:lnTo>
                      <a:lnTo>
                        <a:pt x="28" y="12"/>
                      </a:lnTo>
                      <a:lnTo>
                        <a:pt x="50" y="6"/>
                      </a:lnTo>
                      <a:lnTo>
                        <a:pt x="68" y="2"/>
                      </a:lnTo>
                      <a:lnTo>
                        <a:pt x="86" y="0"/>
                      </a:lnTo>
                      <a:lnTo>
                        <a:pt x="98" y="0"/>
                      </a:lnTo>
                      <a:lnTo>
                        <a:pt x="110" y="0"/>
                      </a:lnTo>
                      <a:lnTo>
                        <a:pt x="122" y="0"/>
                      </a:lnTo>
                      <a:lnTo>
                        <a:pt x="134" y="2"/>
                      </a:lnTo>
                      <a:lnTo>
                        <a:pt x="142" y="4"/>
                      </a:lnTo>
                      <a:lnTo>
                        <a:pt x="150" y="6"/>
                      </a:lnTo>
                      <a:lnTo>
                        <a:pt x="164" y="10"/>
                      </a:lnTo>
                      <a:lnTo>
                        <a:pt x="182" y="16"/>
                      </a:lnTo>
                      <a:lnTo>
                        <a:pt x="192" y="22"/>
                      </a:lnTo>
                      <a:lnTo>
                        <a:pt x="202" y="24"/>
                      </a:lnTo>
                      <a:lnTo>
                        <a:pt x="202" y="1120"/>
                      </a:lnTo>
                      <a:lnTo>
                        <a:pt x="0" y="1120"/>
                      </a:lnTo>
                    </a:path>
                  </a:pathLst>
                </a:custGeom>
                <a:solidFill>
                  <a:srgbClr val="FF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grpSp>
          <p:grpSp>
            <p:nvGrpSpPr>
              <p:cNvPr id="24610" name="Group 21"/>
              <p:cNvGrpSpPr>
                <a:grpSpLocks/>
              </p:cNvGrpSpPr>
              <p:nvPr/>
            </p:nvGrpSpPr>
            <p:grpSpPr bwMode="auto">
              <a:xfrm>
                <a:off x="4579" y="2775"/>
                <a:ext cx="203" cy="633"/>
                <a:chOff x="4579" y="2775"/>
                <a:chExt cx="203" cy="633"/>
              </a:xfrm>
            </p:grpSpPr>
            <p:sp>
              <p:nvSpPr>
                <p:cNvPr id="24611" name="Freeform 22"/>
                <p:cNvSpPr>
                  <a:spLocks/>
                </p:cNvSpPr>
                <p:nvPr/>
              </p:nvSpPr>
              <p:spPr bwMode="auto">
                <a:xfrm>
                  <a:off x="4579" y="3293"/>
                  <a:ext cx="201" cy="53"/>
                </a:xfrm>
                <a:custGeom>
                  <a:avLst/>
                  <a:gdLst>
                    <a:gd name="T0" fmla="*/ 0 w 201"/>
                    <a:gd name="T1" fmla="*/ 26 h 53"/>
                    <a:gd name="T2" fmla="*/ 6 w 201"/>
                    <a:gd name="T3" fmla="*/ 22 h 53"/>
                    <a:gd name="T4" fmla="*/ 14 w 201"/>
                    <a:gd name="T5" fmla="*/ 16 h 53"/>
                    <a:gd name="T6" fmla="*/ 24 w 201"/>
                    <a:gd name="T7" fmla="*/ 14 h 53"/>
                    <a:gd name="T8" fmla="*/ 40 w 201"/>
                    <a:gd name="T9" fmla="*/ 8 h 53"/>
                    <a:gd name="T10" fmla="*/ 52 w 201"/>
                    <a:gd name="T11" fmla="*/ 6 h 53"/>
                    <a:gd name="T12" fmla="*/ 66 w 201"/>
                    <a:gd name="T13" fmla="*/ 0 h 53"/>
                    <a:gd name="T14" fmla="*/ 84 w 201"/>
                    <a:gd name="T15" fmla="*/ 0 h 53"/>
                    <a:gd name="T16" fmla="*/ 96 w 201"/>
                    <a:gd name="T17" fmla="*/ 0 h 53"/>
                    <a:gd name="T18" fmla="*/ 112 w 201"/>
                    <a:gd name="T19" fmla="*/ 0 h 53"/>
                    <a:gd name="T20" fmla="*/ 130 w 201"/>
                    <a:gd name="T21" fmla="*/ 0 h 53"/>
                    <a:gd name="T22" fmla="*/ 144 w 201"/>
                    <a:gd name="T23" fmla="*/ 4 h 53"/>
                    <a:gd name="T24" fmla="*/ 154 w 201"/>
                    <a:gd name="T25" fmla="*/ 8 h 53"/>
                    <a:gd name="T26" fmla="*/ 168 w 201"/>
                    <a:gd name="T27" fmla="*/ 12 h 53"/>
                    <a:gd name="T28" fmla="*/ 182 w 201"/>
                    <a:gd name="T29" fmla="*/ 16 h 53"/>
                    <a:gd name="T30" fmla="*/ 192 w 201"/>
                    <a:gd name="T31" fmla="*/ 22 h 53"/>
                    <a:gd name="T32" fmla="*/ 200 w 201"/>
                    <a:gd name="T33" fmla="*/ 26 h 53"/>
                    <a:gd name="T34" fmla="*/ 200 w 201"/>
                    <a:gd name="T35" fmla="*/ 50 h 53"/>
                    <a:gd name="T36" fmla="*/ 194 w 201"/>
                    <a:gd name="T37" fmla="*/ 48 h 53"/>
                    <a:gd name="T38" fmla="*/ 186 w 201"/>
                    <a:gd name="T39" fmla="*/ 44 h 53"/>
                    <a:gd name="T40" fmla="*/ 174 w 201"/>
                    <a:gd name="T41" fmla="*/ 40 h 53"/>
                    <a:gd name="T42" fmla="*/ 160 w 201"/>
                    <a:gd name="T43" fmla="*/ 36 h 53"/>
                    <a:gd name="T44" fmla="*/ 146 w 201"/>
                    <a:gd name="T45" fmla="*/ 30 h 53"/>
                    <a:gd name="T46" fmla="*/ 132 w 201"/>
                    <a:gd name="T47" fmla="*/ 28 h 53"/>
                    <a:gd name="T48" fmla="*/ 116 w 201"/>
                    <a:gd name="T49" fmla="*/ 26 h 53"/>
                    <a:gd name="T50" fmla="*/ 102 w 201"/>
                    <a:gd name="T51" fmla="*/ 26 h 53"/>
                    <a:gd name="T52" fmla="*/ 90 w 201"/>
                    <a:gd name="T53" fmla="*/ 26 h 53"/>
                    <a:gd name="T54" fmla="*/ 78 w 201"/>
                    <a:gd name="T55" fmla="*/ 26 h 53"/>
                    <a:gd name="T56" fmla="*/ 66 w 201"/>
                    <a:gd name="T57" fmla="*/ 26 h 53"/>
                    <a:gd name="T58" fmla="*/ 54 w 201"/>
                    <a:gd name="T59" fmla="*/ 30 h 53"/>
                    <a:gd name="T60" fmla="*/ 40 w 201"/>
                    <a:gd name="T61" fmla="*/ 34 h 53"/>
                    <a:gd name="T62" fmla="*/ 26 w 201"/>
                    <a:gd name="T63" fmla="*/ 40 h 53"/>
                    <a:gd name="T64" fmla="*/ 14 w 201"/>
                    <a:gd name="T65" fmla="*/ 44 h 53"/>
                    <a:gd name="T66" fmla="*/ 0 w 201"/>
                    <a:gd name="T67" fmla="*/ 52 h 53"/>
                    <a:gd name="T68" fmla="*/ 0 w 201"/>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1" h="53">
                      <a:moveTo>
                        <a:pt x="0" y="26"/>
                      </a:moveTo>
                      <a:lnTo>
                        <a:pt x="6" y="22"/>
                      </a:lnTo>
                      <a:lnTo>
                        <a:pt x="14" y="16"/>
                      </a:lnTo>
                      <a:lnTo>
                        <a:pt x="24" y="14"/>
                      </a:lnTo>
                      <a:lnTo>
                        <a:pt x="40" y="8"/>
                      </a:lnTo>
                      <a:lnTo>
                        <a:pt x="52" y="6"/>
                      </a:lnTo>
                      <a:lnTo>
                        <a:pt x="66" y="0"/>
                      </a:lnTo>
                      <a:lnTo>
                        <a:pt x="84" y="0"/>
                      </a:lnTo>
                      <a:lnTo>
                        <a:pt x="96" y="0"/>
                      </a:lnTo>
                      <a:lnTo>
                        <a:pt x="112" y="0"/>
                      </a:lnTo>
                      <a:lnTo>
                        <a:pt x="130" y="0"/>
                      </a:lnTo>
                      <a:lnTo>
                        <a:pt x="144" y="4"/>
                      </a:lnTo>
                      <a:lnTo>
                        <a:pt x="154" y="8"/>
                      </a:lnTo>
                      <a:lnTo>
                        <a:pt x="168" y="12"/>
                      </a:lnTo>
                      <a:lnTo>
                        <a:pt x="182" y="16"/>
                      </a:lnTo>
                      <a:lnTo>
                        <a:pt x="192" y="22"/>
                      </a:lnTo>
                      <a:lnTo>
                        <a:pt x="200" y="26"/>
                      </a:lnTo>
                      <a:lnTo>
                        <a:pt x="200" y="50"/>
                      </a:lnTo>
                      <a:lnTo>
                        <a:pt x="194" y="48"/>
                      </a:lnTo>
                      <a:lnTo>
                        <a:pt x="186" y="44"/>
                      </a:lnTo>
                      <a:lnTo>
                        <a:pt x="174" y="40"/>
                      </a:lnTo>
                      <a:lnTo>
                        <a:pt x="160" y="36"/>
                      </a:lnTo>
                      <a:lnTo>
                        <a:pt x="146" y="30"/>
                      </a:lnTo>
                      <a:lnTo>
                        <a:pt x="132" y="28"/>
                      </a:lnTo>
                      <a:lnTo>
                        <a:pt x="116" y="26"/>
                      </a:lnTo>
                      <a:lnTo>
                        <a:pt x="102" y="26"/>
                      </a:lnTo>
                      <a:lnTo>
                        <a:pt x="90" y="26"/>
                      </a:lnTo>
                      <a:lnTo>
                        <a:pt x="78" y="26"/>
                      </a:lnTo>
                      <a:lnTo>
                        <a:pt x="66" y="26"/>
                      </a:lnTo>
                      <a:lnTo>
                        <a:pt x="54" y="30"/>
                      </a:lnTo>
                      <a:lnTo>
                        <a:pt x="40" y="34"/>
                      </a:lnTo>
                      <a:lnTo>
                        <a:pt x="26" y="40"/>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612" name="Freeform 23"/>
                <p:cNvSpPr>
                  <a:spLocks/>
                </p:cNvSpPr>
                <p:nvPr/>
              </p:nvSpPr>
              <p:spPr bwMode="auto">
                <a:xfrm>
                  <a:off x="4579" y="3355"/>
                  <a:ext cx="203" cy="53"/>
                </a:xfrm>
                <a:custGeom>
                  <a:avLst/>
                  <a:gdLst>
                    <a:gd name="T0" fmla="*/ 0 w 203"/>
                    <a:gd name="T1" fmla="*/ 26 h 53"/>
                    <a:gd name="T2" fmla="*/ 4 w 203"/>
                    <a:gd name="T3" fmla="*/ 22 h 53"/>
                    <a:gd name="T4" fmla="*/ 14 w 203"/>
                    <a:gd name="T5" fmla="*/ 18 h 53"/>
                    <a:gd name="T6" fmla="*/ 24 w 203"/>
                    <a:gd name="T7" fmla="*/ 12 h 53"/>
                    <a:gd name="T8" fmla="*/ 38 w 203"/>
                    <a:gd name="T9" fmla="*/ 10 h 53"/>
                    <a:gd name="T10" fmla="*/ 50 w 203"/>
                    <a:gd name="T11" fmla="*/ 6 h 53"/>
                    <a:gd name="T12" fmla="*/ 66 w 203"/>
                    <a:gd name="T13" fmla="*/ 2 h 53"/>
                    <a:gd name="T14" fmla="*/ 84 w 203"/>
                    <a:gd name="T15" fmla="*/ 0 h 53"/>
                    <a:gd name="T16" fmla="*/ 96 w 203"/>
                    <a:gd name="T17" fmla="*/ 0 h 53"/>
                    <a:gd name="T18" fmla="*/ 112 w 203"/>
                    <a:gd name="T19" fmla="*/ 0 h 53"/>
                    <a:gd name="T20" fmla="*/ 130 w 203"/>
                    <a:gd name="T21" fmla="*/ 2 h 53"/>
                    <a:gd name="T22" fmla="*/ 142 w 203"/>
                    <a:gd name="T23" fmla="*/ 6 h 53"/>
                    <a:gd name="T24" fmla="*/ 156 w 203"/>
                    <a:gd name="T25" fmla="*/ 8 h 53"/>
                    <a:gd name="T26" fmla="*/ 168 w 203"/>
                    <a:gd name="T27" fmla="*/ 12 h 53"/>
                    <a:gd name="T28" fmla="*/ 182 w 203"/>
                    <a:gd name="T29" fmla="*/ 18 h 53"/>
                    <a:gd name="T30" fmla="*/ 194 w 203"/>
                    <a:gd name="T31" fmla="*/ 22 h 53"/>
                    <a:gd name="T32" fmla="*/ 202 w 203"/>
                    <a:gd name="T33" fmla="*/ 28 h 53"/>
                    <a:gd name="T34" fmla="*/ 202 w 203"/>
                    <a:gd name="T35" fmla="*/ 50 h 53"/>
                    <a:gd name="T36" fmla="*/ 194 w 203"/>
                    <a:gd name="T37" fmla="*/ 48 h 53"/>
                    <a:gd name="T38" fmla="*/ 186 w 203"/>
                    <a:gd name="T39" fmla="*/ 44 h 53"/>
                    <a:gd name="T40" fmla="*/ 174 w 203"/>
                    <a:gd name="T41" fmla="*/ 40 h 53"/>
                    <a:gd name="T42" fmla="*/ 162 w 203"/>
                    <a:gd name="T43" fmla="*/ 36 h 53"/>
                    <a:gd name="T44" fmla="*/ 146 w 203"/>
                    <a:gd name="T45" fmla="*/ 32 h 53"/>
                    <a:gd name="T46" fmla="*/ 130 w 203"/>
                    <a:gd name="T47" fmla="*/ 28 h 53"/>
                    <a:gd name="T48" fmla="*/ 116 w 203"/>
                    <a:gd name="T49" fmla="*/ 26 h 53"/>
                    <a:gd name="T50" fmla="*/ 100 w 203"/>
                    <a:gd name="T51" fmla="*/ 26 h 53"/>
                    <a:gd name="T52" fmla="*/ 90 w 203"/>
                    <a:gd name="T53" fmla="*/ 26 h 53"/>
                    <a:gd name="T54" fmla="*/ 78 w 203"/>
                    <a:gd name="T55" fmla="*/ 26 h 53"/>
                    <a:gd name="T56" fmla="*/ 66 w 203"/>
                    <a:gd name="T57" fmla="*/ 28 h 53"/>
                    <a:gd name="T58" fmla="*/ 52 w 203"/>
                    <a:gd name="T59" fmla="*/ 30 h 53"/>
                    <a:gd name="T60" fmla="*/ 38 w 203"/>
                    <a:gd name="T61" fmla="*/ 36 h 53"/>
                    <a:gd name="T62" fmla="*/ 26 w 203"/>
                    <a:gd name="T63" fmla="*/ 38 h 53"/>
                    <a:gd name="T64" fmla="*/ 14 w 203"/>
                    <a:gd name="T65" fmla="*/ 44 h 53"/>
                    <a:gd name="T66" fmla="*/ 0 w 203"/>
                    <a:gd name="T67" fmla="*/ 52 h 53"/>
                    <a:gd name="T68" fmla="*/ 0 w 203"/>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3" h="53">
                      <a:moveTo>
                        <a:pt x="0" y="26"/>
                      </a:moveTo>
                      <a:lnTo>
                        <a:pt x="4" y="22"/>
                      </a:lnTo>
                      <a:lnTo>
                        <a:pt x="14" y="18"/>
                      </a:lnTo>
                      <a:lnTo>
                        <a:pt x="24" y="12"/>
                      </a:lnTo>
                      <a:lnTo>
                        <a:pt x="38" y="10"/>
                      </a:lnTo>
                      <a:lnTo>
                        <a:pt x="50" y="6"/>
                      </a:lnTo>
                      <a:lnTo>
                        <a:pt x="66" y="2"/>
                      </a:lnTo>
                      <a:lnTo>
                        <a:pt x="84" y="0"/>
                      </a:lnTo>
                      <a:lnTo>
                        <a:pt x="96" y="0"/>
                      </a:lnTo>
                      <a:lnTo>
                        <a:pt x="112" y="0"/>
                      </a:lnTo>
                      <a:lnTo>
                        <a:pt x="130" y="2"/>
                      </a:lnTo>
                      <a:lnTo>
                        <a:pt x="142" y="6"/>
                      </a:lnTo>
                      <a:lnTo>
                        <a:pt x="156" y="8"/>
                      </a:lnTo>
                      <a:lnTo>
                        <a:pt x="168" y="12"/>
                      </a:lnTo>
                      <a:lnTo>
                        <a:pt x="182" y="18"/>
                      </a:lnTo>
                      <a:lnTo>
                        <a:pt x="194" y="22"/>
                      </a:lnTo>
                      <a:lnTo>
                        <a:pt x="202" y="28"/>
                      </a:lnTo>
                      <a:lnTo>
                        <a:pt x="202" y="50"/>
                      </a:lnTo>
                      <a:lnTo>
                        <a:pt x="194" y="48"/>
                      </a:lnTo>
                      <a:lnTo>
                        <a:pt x="186" y="44"/>
                      </a:lnTo>
                      <a:lnTo>
                        <a:pt x="174" y="40"/>
                      </a:lnTo>
                      <a:lnTo>
                        <a:pt x="162" y="36"/>
                      </a:lnTo>
                      <a:lnTo>
                        <a:pt x="146" y="32"/>
                      </a:lnTo>
                      <a:lnTo>
                        <a:pt x="130" y="28"/>
                      </a:lnTo>
                      <a:lnTo>
                        <a:pt x="116" y="26"/>
                      </a:lnTo>
                      <a:lnTo>
                        <a:pt x="100" y="26"/>
                      </a:lnTo>
                      <a:lnTo>
                        <a:pt x="90" y="26"/>
                      </a:lnTo>
                      <a:lnTo>
                        <a:pt x="78" y="26"/>
                      </a:lnTo>
                      <a:lnTo>
                        <a:pt x="66" y="28"/>
                      </a:lnTo>
                      <a:lnTo>
                        <a:pt x="52" y="30"/>
                      </a:lnTo>
                      <a:lnTo>
                        <a:pt x="38" y="36"/>
                      </a:lnTo>
                      <a:lnTo>
                        <a:pt x="26" y="38"/>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613" name="Freeform 24"/>
                <p:cNvSpPr>
                  <a:spLocks/>
                </p:cNvSpPr>
                <p:nvPr/>
              </p:nvSpPr>
              <p:spPr bwMode="auto">
                <a:xfrm>
                  <a:off x="4579" y="2775"/>
                  <a:ext cx="203" cy="53"/>
                </a:xfrm>
                <a:custGeom>
                  <a:avLst/>
                  <a:gdLst>
                    <a:gd name="T0" fmla="*/ 0 w 203"/>
                    <a:gd name="T1" fmla="*/ 24 h 53"/>
                    <a:gd name="T2" fmla="*/ 4 w 203"/>
                    <a:gd name="T3" fmla="*/ 22 h 53"/>
                    <a:gd name="T4" fmla="*/ 14 w 203"/>
                    <a:gd name="T5" fmla="*/ 18 h 53"/>
                    <a:gd name="T6" fmla="*/ 24 w 203"/>
                    <a:gd name="T7" fmla="*/ 14 h 53"/>
                    <a:gd name="T8" fmla="*/ 38 w 203"/>
                    <a:gd name="T9" fmla="*/ 10 h 53"/>
                    <a:gd name="T10" fmla="*/ 50 w 203"/>
                    <a:gd name="T11" fmla="*/ 6 h 53"/>
                    <a:gd name="T12" fmla="*/ 66 w 203"/>
                    <a:gd name="T13" fmla="*/ 2 h 53"/>
                    <a:gd name="T14" fmla="*/ 84 w 203"/>
                    <a:gd name="T15" fmla="*/ 0 h 53"/>
                    <a:gd name="T16" fmla="*/ 96 w 203"/>
                    <a:gd name="T17" fmla="*/ 0 h 53"/>
                    <a:gd name="T18" fmla="*/ 112 w 203"/>
                    <a:gd name="T19" fmla="*/ 0 h 53"/>
                    <a:gd name="T20" fmla="*/ 130 w 203"/>
                    <a:gd name="T21" fmla="*/ 2 h 53"/>
                    <a:gd name="T22" fmla="*/ 142 w 203"/>
                    <a:gd name="T23" fmla="*/ 4 h 53"/>
                    <a:gd name="T24" fmla="*/ 156 w 203"/>
                    <a:gd name="T25" fmla="*/ 8 h 53"/>
                    <a:gd name="T26" fmla="*/ 168 w 203"/>
                    <a:gd name="T27" fmla="*/ 12 h 53"/>
                    <a:gd name="T28" fmla="*/ 182 w 203"/>
                    <a:gd name="T29" fmla="*/ 18 h 53"/>
                    <a:gd name="T30" fmla="*/ 194 w 203"/>
                    <a:gd name="T31" fmla="*/ 22 h 53"/>
                    <a:gd name="T32" fmla="*/ 202 w 203"/>
                    <a:gd name="T33" fmla="*/ 26 h 53"/>
                    <a:gd name="T34" fmla="*/ 202 w 203"/>
                    <a:gd name="T35" fmla="*/ 50 h 53"/>
                    <a:gd name="T36" fmla="*/ 194 w 203"/>
                    <a:gd name="T37" fmla="*/ 46 h 53"/>
                    <a:gd name="T38" fmla="*/ 186 w 203"/>
                    <a:gd name="T39" fmla="*/ 44 h 53"/>
                    <a:gd name="T40" fmla="*/ 174 w 203"/>
                    <a:gd name="T41" fmla="*/ 40 h 53"/>
                    <a:gd name="T42" fmla="*/ 162 w 203"/>
                    <a:gd name="T43" fmla="*/ 36 h 53"/>
                    <a:gd name="T44" fmla="*/ 146 w 203"/>
                    <a:gd name="T45" fmla="*/ 32 h 53"/>
                    <a:gd name="T46" fmla="*/ 130 w 203"/>
                    <a:gd name="T47" fmla="*/ 28 h 53"/>
                    <a:gd name="T48" fmla="*/ 116 w 203"/>
                    <a:gd name="T49" fmla="*/ 24 h 53"/>
                    <a:gd name="T50" fmla="*/ 100 w 203"/>
                    <a:gd name="T51" fmla="*/ 24 h 53"/>
                    <a:gd name="T52" fmla="*/ 90 w 203"/>
                    <a:gd name="T53" fmla="*/ 24 h 53"/>
                    <a:gd name="T54" fmla="*/ 78 w 203"/>
                    <a:gd name="T55" fmla="*/ 24 h 53"/>
                    <a:gd name="T56" fmla="*/ 66 w 203"/>
                    <a:gd name="T57" fmla="*/ 26 h 53"/>
                    <a:gd name="T58" fmla="*/ 52 w 203"/>
                    <a:gd name="T59" fmla="*/ 32 h 53"/>
                    <a:gd name="T60" fmla="*/ 38 w 203"/>
                    <a:gd name="T61" fmla="*/ 34 h 53"/>
                    <a:gd name="T62" fmla="*/ 26 w 203"/>
                    <a:gd name="T63" fmla="*/ 40 h 53"/>
                    <a:gd name="T64" fmla="*/ 14 w 203"/>
                    <a:gd name="T65" fmla="*/ 44 h 53"/>
                    <a:gd name="T66" fmla="*/ 0 w 203"/>
                    <a:gd name="T67" fmla="*/ 52 h 53"/>
                    <a:gd name="T68" fmla="*/ 0 w 203"/>
                    <a:gd name="T69" fmla="*/ 24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3" h="53">
                      <a:moveTo>
                        <a:pt x="0" y="24"/>
                      </a:moveTo>
                      <a:lnTo>
                        <a:pt x="4" y="22"/>
                      </a:lnTo>
                      <a:lnTo>
                        <a:pt x="14" y="18"/>
                      </a:lnTo>
                      <a:lnTo>
                        <a:pt x="24" y="14"/>
                      </a:lnTo>
                      <a:lnTo>
                        <a:pt x="38" y="10"/>
                      </a:lnTo>
                      <a:lnTo>
                        <a:pt x="50" y="6"/>
                      </a:lnTo>
                      <a:lnTo>
                        <a:pt x="66" y="2"/>
                      </a:lnTo>
                      <a:lnTo>
                        <a:pt x="84" y="0"/>
                      </a:lnTo>
                      <a:lnTo>
                        <a:pt x="96" y="0"/>
                      </a:lnTo>
                      <a:lnTo>
                        <a:pt x="112" y="0"/>
                      </a:lnTo>
                      <a:lnTo>
                        <a:pt x="130" y="2"/>
                      </a:lnTo>
                      <a:lnTo>
                        <a:pt x="142" y="4"/>
                      </a:lnTo>
                      <a:lnTo>
                        <a:pt x="156" y="8"/>
                      </a:lnTo>
                      <a:lnTo>
                        <a:pt x="168" y="12"/>
                      </a:lnTo>
                      <a:lnTo>
                        <a:pt x="182" y="18"/>
                      </a:lnTo>
                      <a:lnTo>
                        <a:pt x="194" y="22"/>
                      </a:lnTo>
                      <a:lnTo>
                        <a:pt x="202" y="26"/>
                      </a:lnTo>
                      <a:lnTo>
                        <a:pt x="202" y="50"/>
                      </a:lnTo>
                      <a:lnTo>
                        <a:pt x="194" y="46"/>
                      </a:lnTo>
                      <a:lnTo>
                        <a:pt x="186" y="44"/>
                      </a:lnTo>
                      <a:lnTo>
                        <a:pt x="174" y="40"/>
                      </a:lnTo>
                      <a:lnTo>
                        <a:pt x="162" y="36"/>
                      </a:lnTo>
                      <a:lnTo>
                        <a:pt x="146" y="32"/>
                      </a:lnTo>
                      <a:lnTo>
                        <a:pt x="130" y="28"/>
                      </a:lnTo>
                      <a:lnTo>
                        <a:pt x="116" y="24"/>
                      </a:lnTo>
                      <a:lnTo>
                        <a:pt x="100" y="24"/>
                      </a:lnTo>
                      <a:lnTo>
                        <a:pt x="90" y="24"/>
                      </a:lnTo>
                      <a:lnTo>
                        <a:pt x="78" y="24"/>
                      </a:lnTo>
                      <a:lnTo>
                        <a:pt x="66" y="26"/>
                      </a:lnTo>
                      <a:lnTo>
                        <a:pt x="52" y="32"/>
                      </a:lnTo>
                      <a:lnTo>
                        <a:pt x="38" y="34"/>
                      </a:lnTo>
                      <a:lnTo>
                        <a:pt x="26" y="40"/>
                      </a:lnTo>
                      <a:lnTo>
                        <a:pt x="14" y="44"/>
                      </a:lnTo>
                      <a:lnTo>
                        <a:pt x="0" y="52"/>
                      </a:lnTo>
                      <a:lnTo>
                        <a:pt x="0" y="24"/>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grpSp>
        </p:grpSp>
        <p:grpSp>
          <p:nvGrpSpPr>
            <p:cNvPr id="24589" name="Group 25"/>
            <p:cNvGrpSpPr>
              <a:grpSpLocks/>
            </p:cNvGrpSpPr>
            <p:nvPr/>
          </p:nvGrpSpPr>
          <p:grpSpPr bwMode="auto">
            <a:xfrm>
              <a:off x="4779" y="2479"/>
              <a:ext cx="297" cy="1121"/>
              <a:chOff x="4779" y="2479"/>
              <a:chExt cx="297" cy="1121"/>
            </a:xfrm>
          </p:grpSpPr>
          <p:grpSp>
            <p:nvGrpSpPr>
              <p:cNvPr id="24602" name="Group 26"/>
              <p:cNvGrpSpPr>
                <a:grpSpLocks/>
              </p:cNvGrpSpPr>
              <p:nvPr/>
            </p:nvGrpSpPr>
            <p:grpSpPr bwMode="auto">
              <a:xfrm>
                <a:off x="4779" y="2479"/>
                <a:ext cx="297" cy="1121"/>
                <a:chOff x="4779" y="2479"/>
                <a:chExt cx="297" cy="1121"/>
              </a:xfrm>
            </p:grpSpPr>
            <p:sp>
              <p:nvSpPr>
                <p:cNvPr id="24607" name="Freeform 27"/>
                <p:cNvSpPr>
                  <a:spLocks/>
                </p:cNvSpPr>
                <p:nvPr/>
              </p:nvSpPr>
              <p:spPr bwMode="auto">
                <a:xfrm>
                  <a:off x="4979" y="2507"/>
                  <a:ext cx="97" cy="1093"/>
                </a:xfrm>
                <a:custGeom>
                  <a:avLst/>
                  <a:gdLst>
                    <a:gd name="T0" fmla="*/ 0 w 97"/>
                    <a:gd name="T1" fmla="*/ 0 h 1093"/>
                    <a:gd name="T2" fmla="*/ 96 w 97"/>
                    <a:gd name="T3" fmla="*/ 174 h 1093"/>
                    <a:gd name="T4" fmla="*/ 96 w 97"/>
                    <a:gd name="T5" fmla="*/ 1092 h 1093"/>
                    <a:gd name="T6" fmla="*/ 0 w 97"/>
                    <a:gd name="T7" fmla="*/ 1092 h 1093"/>
                    <a:gd name="T8" fmla="*/ 0 w 97"/>
                    <a:gd name="T9" fmla="*/ 0 h 1093"/>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7" h="1093">
                      <a:moveTo>
                        <a:pt x="0" y="0"/>
                      </a:moveTo>
                      <a:lnTo>
                        <a:pt x="96" y="174"/>
                      </a:lnTo>
                      <a:lnTo>
                        <a:pt x="96" y="1092"/>
                      </a:lnTo>
                      <a:lnTo>
                        <a:pt x="0" y="1092"/>
                      </a:lnTo>
                      <a:lnTo>
                        <a:pt x="0" y="0"/>
                      </a:lnTo>
                    </a:path>
                  </a:pathLst>
                </a:custGeom>
                <a:solidFill>
                  <a:srgbClr val="8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608" name="Freeform 28"/>
                <p:cNvSpPr>
                  <a:spLocks/>
                </p:cNvSpPr>
                <p:nvPr/>
              </p:nvSpPr>
              <p:spPr bwMode="auto">
                <a:xfrm>
                  <a:off x="4779" y="2479"/>
                  <a:ext cx="201" cy="1121"/>
                </a:xfrm>
                <a:custGeom>
                  <a:avLst/>
                  <a:gdLst>
                    <a:gd name="T0" fmla="*/ 0 w 201"/>
                    <a:gd name="T1" fmla="*/ 1120 h 1121"/>
                    <a:gd name="T2" fmla="*/ 0 w 201"/>
                    <a:gd name="T3" fmla="*/ 24 h 1121"/>
                    <a:gd name="T4" fmla="*/ 12 w 201"/>
                    <a:gd name="T5" fmla="*/ 18 h 1121"/>
                    <a:gd name="T6" fmla="*/ 28 w 201"/>
                    <a:gd name="T7" fmla="*/ 12 h 1121"/>
                    <a:gd name="T8" fmla="*/ 50 w 201"/>
                    <a:gd name="T9" fmla="*/ 6 h 1121"/>
                    <a:gd name="T10" fmla="*/ 68 w 201"/>
                    <a:gd name="T11" fmla="*/ 2 h 1121"/>
                    <a:gd name="T12" fmla="*/ 84 w 201"/>
                    <a:gd name="T13" fmla="*/ 0 h 1121"/>
                    <a:gd name="T14" fmla="*/ 98 w 201"/>
                    <a:gd name="T15" fmla="*/ 0 h 1121"/>
                    <a:gd name="T16" fmla="*/ 108 w 201"/>
                    <a:gd name="T17" fmla="*/ 0 h 1121"/>
                    <a:gd name="T18" fmla="*/ 120 w 201"/>
                    <a:gd name="T19" fmla="*/ 0 h 1121"/>
                    <a:gd name="T20" fmla="*/ 132 w 201"/>
                    <a:gd name="T21" fmla="*/ 2 h 1121"/>
                    <a:gd name="T22" fmla="*/ 140 w 201"/>
                    <a:gd name="T23" fmla="*/ 4 h 1121"/>
                    <a:gd name="T24" fmla="*/ 148 w 201"/>
                    <a:gd name="T25" fmla="*/ 6 h 1121"/>
                    <a:gd name="T26" fmla="*/ 162 w 201"/>
                    <a:gd name="T27" fmla="*/ 10 h 1121"/>
                    <a:gd name="T28" fmla="*/ 182 w 201"/>
                    <a:gd name="T29" fmla="*/ 16 h 1121"/>
                    <a:gd name="T30" fmla="*/ 192 w 201"/>
                    <a:gd name="T31" fmla="*/ 22 h 1121"/>
                    <a:gd name="T32" fmla="*/ 200 w 201"/>
                    <a:gd name="T33" fmla="*/ 24 h 1121"/>
                    <a:gd name="T34" fmla="*/ 200 w 201"/>
                    <a:gd name="T35" fmla="*/ 1120 h 1121"/>
                    <a:gd name="T36" fmla="*/ 0 w 201"/>
                    <a:gd name="T37" fmla="*/ 1120 h 112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201" h="1121">
                      <a:moveTo>
                        <a:pt x="0" y="1120"/>
                      </a:moveTo>
                      <a:lnTo>
                        <a:pt x="0" y="24"/>
                      </a:lnTo>
                      <a:lnTo>
                        <a:pt x="12" y="18"/>
                      </a:lnTo>
                      <a:lnTo>
                        <a:pt x="28" y="12"/>
                      </a:lnTo>
                      <a:lnTo>
                        <a:pt x="50" y="6"/>
                      </a:lnTo>
                      <a:lnTo>
                        <a:pt x="68" y="2"/>
                      </a:lnTo>
                      <a:lnTo>
                        <a:pt x="84" y="0"/>
                      </a:lnTo>
                      <a:lnTo>
                        <a:pt x="98" y="0"/>
                      </a:lnTo>
                      <a:lnTo>
                        <a:pt x="108" y="0"/>
                      </a:lnTo>
                      <a:lnTo>
                        <a:pt x="120" y="0"/>
                      </a:lnTo>
                      <a:lnTo>
                        <a:pt x="132" y="2"/>
                      </a:lnTo>
                      <a:lnTo>
                        <a:pt x="140" y="4"/>
                      </a:lnTo>
                      <a:lnTo>
                        <a:pt x="148" y="6"/>
                      </a:lnTo>
                      <a:lnTo>
                        <a:pt x="162" y="10"/>
                      </a:lnTo>
                      <a:lnTo>
                        <a:pt x="182" y="16"/>
                      </a:lnTo>
                      <a:lnTo>
                        <a:pt x="192" y="22"/>
                      </a:lnTo>
                      <a:lnTo>
                        <a:pt x="200" y="24"/>
                      </a:lnTo>
                      <a:lnTo>
                        <a:pt x="200" y="1120"/>
                      </a:lnTo>
                      <a:lnTo>
                        <a:pt x="0" y="1120"/>
                      </a:lnTo>
                    </a:path>
                  </a:pathLst>
                </a:custGeom>
                <a:solidFill>
                  <a:srgbClr val="FF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grpSp>
          <p:grpSp>
            <p:nvGrpSpPr>
              <p:cNvPr id="24603" name="Group 29"/>
              <p:cNvGrpSpPr>
                <a:grpSpLocks/>
              </p:cNvGrpSpPr>
              <p:nvPr/>
            </p:nvGrpSpPr>
            <p:grpSpPr bwMode="auto">
              <a:xfrm>
                <a:off x="4779" y="2775"/>
                <a:ext cx="201" cy="633"/>
                <a:chOff x="4779" y="2775"/>
                <a:chExt cx="201" cy="633"/>
              </a:xfrm>
            </p:grpSpPr>
            <p:sp>
              <p:nvSpPr>
                <p:cNvPr id="24604" name="Freeform 30"/>
                <p:cNvSpPr>
                  <a:spLocks/>
                </p:cNvSpPr>
                <p:nvPr/>
              </p:nvSpPr>
              <p:spPr bwMode="auto">
                <a:xfrm>
                  <a:off x="4779" y="3293"/>
                  <a:ext cx="199" cy="53"/>
                </a:xfrm>
                <a:custGeom>
                  <a:avLst/>
                  <a:gdLst>
                    <a:gd name="T0" fmla="*/ 0 w 199"/>
                    <a:gd name="T1" fmla="*/ 26 h 53"/>
                    <a:gd name="T2" fmla="*/ 8 w 199"/>
                    <a:gd name="T3" fmla="*/ 22 h 53"/>
                    <a:gd name="T4" fmla="*/ 14 w 199"/>
                    <a:gd name="T5" fmla="*/ 16 h 53"/>
                    <a:gd name="T6" fmla="*/ 24 w 199"/>
                    <a:gd name="T7" fmla="*/ 14 h 53"/>
                    <a:gd name="T8" fmla="*/ 38 w 199"/>
                    <a:gd name="T9" fmla="*/ 8 h 53"/>
                    <a:gd name="T10" fmla="*/ 52 w 199"/>
                    <a:gd name="T11" fmla="*/ 6 h 53"/>
                    <a:gd name="T12" fmla="*/ 66 w 199"/>
                    <a:gd name="T13" fmla="*/ 0 h 53"/>
                    <a:gd name="T14" fmla="*/ 82 w 199"/>
                    <a:gd name="T15" fmla="*/ 0 h 53"/>
                    <a:gd name="T16" fmla="*/ 96 w 199"/>
                    <a:gd name="T17" fmla="*/ 0 h 53"/>
                    <a:gd name="T18" fmla="*/ 114 w 199"/>
                    <a:gd name="T19" fmla="*/ 0 h 53"/>
                    <a:gd name="T20" fmla="*/ 128 w 199"/>
                    <a:gd name="T21" fmla="*/ 0 h 53"/>
                    <a:gd name="T22" fmla="*/ 142 w 199"/>
                    <a:gd name="T23" fmla="*/ 4 h 53"/>
                    <a:gd name="T24" fmla="*/ 154 w 199"/>
                    <a:gd name="T25" fmla="*/ 8 h 53"/>
                    <a:gd name="T26" fmla="*/ 168 w 199"/>
                    <a:gd name="T27" fmla="*/ 12 h 53"/>
                    <a:gd name="T28" fmla="*/ 182 w 199"/>
                    <a:gd name="T29" fmla="*/ 16 h 53"/>
                    <a:gd name="T30" fmla="*/ 192 w 199"/>
                    <a:gd name="T31" fmla="*/ 22 h 53"/>
                    <a:gd name="T32" fmla="*/ 198 w 199"/>
                    <a:gd name="T33" fmla="*/ 26 h 53"/>
                    <a:gd name="T34" fmla="*/ 198 w 199"/>
                    <a:gd name="T35" fmla="*/ 50 h 53"/>
                    <a:gd name="T36" fmla="*/ 194 w 199"/>
                    <a:gd name="T37" fmla="*/ 48 h 53"/>
                    <a:gd name="T38" fmla="*/ 184 w 199"/>
                    <a:gd name="T39" fmla="*/ 44 h 53"/>
                    <a:gd name="T40" fmla="*/ 172 w 199"/>
                    <a:gd name="T41" fmla="*/ 40 h 53"/>
                    <a:gd name="T42" fmla="*/ 160 w 199"/>
                    <a:gd name="T43" fmla="*/ 36 h 53"/>
                    <a:gd name="T44" fmla="*/ 146 w 199"/>
                    <a:gd name="T45" fmla="*/ 30 h 53"/>
                    <a:gd name="T46" fmla="*/ 130 w 199"/>
                    <a:gd name="T47" fmla="*/ 28 h 53"/>
                    <a:gd name="T48" fmla="*/ 116 w 199"/>
                    <a:gd name="T49" fmla="*/ 26 h 53"/>
                    <a:gd name="T50" fmla="*/ 102 w 199"/>
                    <a:gd name="T51" fmla="*/ 26 h 53"/>
                    <a:gd name="T52" fmla="*/ 92 w 199"/>
                    <a:gd name="T53" fmla="*/ 26 h 53"/>
                    <a:gd name="T54" fmla="*/ 78 w 199"/>
                    <a:gd name="T55" fmla="*/ 26 h 53"/>
                    <a:gd name="T56" fmla="*/ 66 w 199"/>
                    <a:gd name="T57" fmla="*/ 26 h 53"/>
                    <a:gd name="T58" fmla="*/ 54 w 199"/>
                    <a:gd name="T59" fmla="*/ 30 h 53"/>
                    <a:gd name="T60" fmla="*/ 40 w 199"/>
                    <a:gd name="T61" fmla="*/ 34 h 53"/>
                    <a:gd name="T62" fmla="*/ 26 w 199"/>
                    <a:gd name="T63" fmla="*/ 40 h 53"/>
                    <a:gd name="T64" fmla="*/ 14 w 199"/>
                    <a:gd name="T65" fmla="*/ 44 h 53"/>
                    <a:gd name="T66" fmla="*/ 0 w 199"/>
                    <a:gd name="T67" fmla="*/ 52 h 53"/>
                    <a:gd name="T68" fmla="*/ 0 w 199"/>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99" h="53">
                      <a:moveTo>
                        <a:pt x="0" y="26"/>
                      </a:moveTo>
                      <a:lnTo>
                        <a:pt x="8" y="22"/>
                      </a:lnTo>
                      <a:lnTo>
                        <a:pt x="14" y="16"/>
                      </a:lnTo>
                      <a:lnTo>
                        <a:pt x="24" y="14"/>
                      </a:lnTo>
                      <a:lnTo>
                        <a:pt x="38" y="8"/>
                      </a:lnTo>
                      <a:lnTo>
                        <a:pt x="52" y="6"/>
                      </a:lnTo>
                      <a:lnTo>
                        <a:pt x="66" y="0"/>
                      </a:lnTo>
                      <a:lnTo>
                        <a:pt x="82" y="0"/>
                      </a:lnTo>
                      <a:lnTo>
                        <a:pt x="96" y="0"/>
                      </a:lnTo>
                      <a:lnTo>
                        <a:pt x="114" y="0"/>
                      </a:lnTo>
                      <a:lnTo>
                        <a:pt x="128" y="0"/>
                      </a:lnTo>
                      <a:lnTo>
                        <a:pt x="142" y="4"/>
                      </a:lnTo>
                      <a:lnTo>
                        <a:pt x="154" y="8"/>
                      </a:lnTo>
                      <a:lnTo>
                        <a:pt x="168" y="12"/>
                      </a:lnTo>
                      <a:lnTo>
                        <a:pt x="182" y="16"/>
                      </a:lnTo>
                      <a:lnTo>
                        <a:pt x="192" y="22"/>
                      </a:lnTo>
                      <a:lnTo>
                        <a:pt x="198" y="26"/>
                      </a:lnTo>
                      <a:lnTo>
                        <a:pt x="198" y="50"/>
                      </a:lnTo>
                      <a:lnTo>
                        <a:pt x="194" y="48"/>
                      </a:lnTo>
                      <a:lnTo>
                        <a:pt x="184" y="44"/>
                      </a:lnTo>
                      <a:lnTo>
                        <a:pt x="172" y="40"/>
                      </a:lnTo>
                      <a:lnTo>
                        <a:pt x="160" y="36"/>
                      </a:lnTo>
                      <a:lnTo>
                        <a:pt x="146" y="30"/>
                      </a:lnTo>
                      <a:lnTo>
                        <a:pt x="130" y="28"/>
                      </a:lnTo>
                      <a:lnTo>
                        <a:pt x="116" y="26"/>
                      </a:lnTo>
                      <a:lnTo>
                        <a:pt x="102" y="26"/>
                      </a:lnTo>
                      <a:lnTo>
                        <a:pt x="92" y="26"/>
                      </a:lnTo>
                      <a:lnTo>
                        <a:pt x="78" y="26"/>
                      </a:lnTo>
                      <a:lnTo>
                        <a:pt x="66" y="26"/>
                      </a:lnTo>
                      <a:lnTo>
                        <a:pt x="54" y="30"/>
                      </a:lnTo>
                      <a:lnTo>
                        <a:pt x="40" y="34"/>
                      </a:lnTo>
                      <a:lnTo>
                        <a:pt x="26" y="40"/>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605" name="Freeform 31"/>
                <p:cNvSpPr>
                  <a:spLocks/>
                </p:cNvSpPr>
                <p:nvPr/>
              </p:nvSpPr>
              <p:spPr bwMode="auto">
                <a:xfrm>
                  <a:off x="4781" y="3355"/>
                  <a:ext cx="199" cy="53"/>
                </a:xfrm>
                <a:custGeom>
                  <a:avLst/>
                  <a:gdLst>
                    <a:gd name="T0" fmla="*/ 0 w 199"/>
                    <a:gd name="T1" fmla="*/ 26 h 53"/>
                    <a:gd name="T2" fmla="*/ 6 w 199"/>
                    <a:gd name="T3" fmla="*/ 22 h 53"/>
                    <a:gd name="T4" fmla="*/ 14 w 199"/>
                    <a:gd name="T5" fmla="*/ 18 h 53"/>
                    <a:gd name="T6" fmla="*/ 24 w 199"/>
                    <a:gd name="T7" fmla="*/ 12 h 53"/>
                    <a:gd name="T8" fmla="*/ 38 w 199"/>
                    <a:gd name="T9" fmla="*/ 10 h 53"/>
                    <a:gd name="T10" fmla="*/ 50 w 199"/>
                    <a:gd name="T11" fmla="*/ 6 h 53"/>
                    <a:gd name="T12" fmla="*/ 66 w 199"/>
                    <a:gd name="T13" fmla="*/ 2 h 53"/>
                    <a:gd name="T14" fmla="*/ 82 w 199"/>
                    <a:gd name="T15" fmla="*/ 0 h 53"/>
                    <a:gd name="T16" fmla="*/ 94 w 199"/>
                    <a:gd name="T17" fmla="*/ 0 h 53"/>
                    <a:gd name="T18" fmla="*/ 112 w 199"/>
                    <a:gd name="T19" fmla="*/ 0 h 53"/>
                    <a:gd name="T20" fmla="*/ 128 w 199"/>
                    <a:gd name="T21" fmla="*/ 2 h 53"/>
                    <a:gd name="T22" fmla="*/ 142 w 199"/>
                    <a:gd name="T23" fmla="*/ 6 h 53"/>
                    <a:gd name="T24" fmla="*/ 154 w 199"/>
                    <a:gd name="T25" fmla="*/ 8 h 53"/>
                    <a:gd name="T26" fmla="*/ 166 w 199"/>
                    <a:gd name="T27" fmla="*/ 12 h 53"/>
                    <a:gd name="T28" fmla="*/ 180 w 199"/>
                    <a:gd name="T29" fmla="*/ 18 h 53"/>
                    <a:gd name="T30" fmla="*/ 190 w 199"/>
                    <a:gd name="T31" fmla="*/ 22 h 53"/>
                    <a:gd name="T32" fmla="*/ 198 w 199"/>
                    <a:gd name="T33" fmla="*/ 28 h 53"/>
                    <a:gd name="T34" fmla="*/ 198 w 199"/>
                    <a:gd name="T35" fmla="*/ 50 h 53"/>
                    <a:gd name="T36" fmla="*/ 192 w 199"/>
                    <a:gd name="T37" fmla="*/ 48 h 53"/>
                    <a:gd name="T38" fmla="*/ 182 w 199"/>
                    <a:gd name="T39" fmla="*/ 44 h 53"/>
                    <a:gd name="T40" fmla="*/ 170 w 199"/>
                    <a:gd name="T41" fmla="*/ 40 h 53"/>
                    <a:gd name="T42" fmla="*/ 158 w 199"/>
                    <a:gd name="T43" fmla="*/ 36 h 53"/>
                    <a:gd name="T44" fmla="*/ 144 w 199"/>
                    <a:gd name="T45" fmla="*/ 32 h 53"/>
                    <a:gd name="T46" fmla="*/ 130 w 199"/>
                    <a:gd name="T47" fmla="*/ 28 h 53"/>
                    <a:gd name="T48" fmla="*/ 114 w 199"/>
                    <a:gd name="T49" fmla="*/ 26 h 53"/>
                    <a:gd name="T50" fmla="*/ 102 w 199"/>
                    <a:gd name="T51" fmla="*/ 26 h 53"/>
                    <a:gd name="T52" fmla="*/ 90 w 199"/>
                    <a:gd name="T53" fmla="*/ 26 h 53"/>
                    <a:gd name="T54" fmla="*/ 78 w 199"/>
                    <a:gd name="T55" fmla="*/ 26 h 53"/>
                    <a:gd name="T56" fmla="*/ 66 w 199"/>
                    <a:gd name="T57" fmla="*/ 28 h 53"/>
                    <a:gd name="T58" fmla="*/ 54 w 199"/>
                    <a:gd name="T59" fmla="*/ 30 h 53"/>
                    <a:gd name="T60" fmla="*/ 38 w 199"/>
                    <a:gd name="T61" fmla="*/ 36 h 53"/>
                    <a:gd name="T62" fmla="*/ 26 w 199"/>
                    <a:gd name="T63" fmla="*/ 38 h 53"/>
                    <a:gd name="T64" fmla="*/ 14 w 199"/>
                    <a:gd name="T65" fmla="*/ 44 h 53"/>
                    <a:gd name="T66" fmla="*/ 0 w 199"/>
                    <a:gd name="T67" fmla="*/ 52 h 53"/>
                    <a:gd name="T68" fmla="*/ 0 w 199"/>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99" h="53">
                      <a:moveTo>
                        <a:pt x="0" y="26"/>
                      </a:moveTo>
                      <a:lnTo>
                        <a:pt x="6" y="22"/>
                      </a:lnTo>
                      <a:lnTo>
                        <a:pt x="14" y="18"/>
                      </a:lnTo>
                      <a:lnTo>
                        <a:pt x="24" y="12"/>
                      </a:lnTo>
                      <a:lnTo>
                        <a:pt x="38" y="10"/>
                      </a:lnTo>
                      <a:lnTo>
                        <a:pt x="50" y="6"/>
                      </a:lnTo>
                      <a:lnTo>
                        <a:pt x="66" y="2"/>
                      </a:lnTo>
                      <a:lnTo>
                        <a:pt x="82" y="0"/>
                      </a:lnTo>
                      <a:lnTo>
                        <a:pt x="94" y="0"/>
                      </a:lnTo>
                      <a:lnTo>
                        <a:pt x="112" y="0"/>
                      </a:lnTo>
                      <a:lnTo>
                        <a:pt x="128" y="2"/>
                      </a:lnTo>
                      <a:lnTo>
                        <a:pt x="142" y="6"/>
                      </a:lnTo>
                      <a:lnTo>
                        <a:pt x="154" y="8"/>
                      </a:lnTo>
                      <a:lnTo>
                        <a:pt x="166" y="12"/>
                      </a:lnTo>
                      <a:lnTo>
                        <a:pt x="180" y="18"/>
                      </a:lnTo>
                      <a:lnTo>
                        <a:pt x="190" y="22"/>
                      </a:lnTo>
                      <a:lnTo>
                        <a:pt x="198" y="28"/>
                      </a:lnTo>
                      <a:lnTo>
                        <a:pt x="198" y="50"/>
                      </a:lnTo>
                      <a:lnTo>
                        <a:pt x="192" y="48"/>
                      </a:lnTo>
                      <a:lnTo>
                        <a:pt x="182" y="44"/>
                      </a:lnTo>
                      <a:lnTo>
                        <a:pt x="170" y="40"/>
                      </a:lnTo>
                      <a:lnTo>
                        <a:pt x="158" y="36"/>
                      </a:lnTo>
                      <a:lnTo>
                        <a:pt x="144" y="32"/>
                      </a:lnTo>
                      <a:lnTo>
                        <a:pt x="130" y="28"/>
                      </a:lnTo>
                      <a:lnTo>
                        <a:pt x="114" y="26"/>
                      </a:lnTo>
                      <a:lnTo>
                        <a:pt x="102" y="26"/>
                      </a:lnTo>
                      <a:lnTo>
                        <a:pt x="90" y="26"/>
                      </a:lnTo>
                      <a:lnTo>
                        <a:pt x="78" y="26"/>
                      </a:lnTo>
                      <a:lnTo>
                        <a:pt x="66" y="28"/>
                      </a:lnTo>
                      <a:lnTo>
                        <a:pt x="54" y="30"/>
                      </a:lnTo>
                      <a:lnTo>
                        <a:pt x="38" y="36"/>
                      </a:lnTo>
                      <a:lnTo>
                        <a:pt x="26" y="38"/>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606" name="Freeform 32"/>
                <p:cNvSpPr>
                  <a:spLocks/>
                </p:cNvSpPr>
                <p:nvPr/>
              </p:nvSpPr>
              <p:spPr bwMode="auto">
                <a:xfrm>
                  <a:off x="4781" y="2775"/>
                  <a:ext cx="199" cy="53"/>
                </a:xfrm>
                <a:custGeom>
                  <a:avLst/>
                  <a:gdLst>
                    <a:gd name="T0" fmla="*/ 0 w 199"/>
                    <a:gd name="T1" fmla="*/ 24 h 53"/>
                    <a:gd name="T2" fmla="*/ 6 w 199"/>
                    <a:gd name="T3" fmla="*/ 22 h 53"/>
                    <a:gd name="T4" fmla="*/ 14 w 199"/>
                    <a:gd name="T5" fmla="*/ 18 h 53"/>
                    <a:gd name="T6" fmla="*/ 24 w 199"/>
                    <a:gd name="T7" fmla="*/ 14 h 53"/>
                    <a:gd name="T8" fmla="*/ 38 w 199"/>
                    <a:gd name="T9" fmla="*/ 10 h 53"/>
                    <a:gd name="T10" fmla="*/ 50 w 199"/>
                    <a:gd name="T11" fmla="*/ 6 h 53"/>
                    <a:gd name="T12" fmla="*/ 66 w 199"/>
                    <a:gd name="T13" fmla="*/ 2 h 53"/>
                    <a:gd name="T14" fmla="*/ 82 w 199"/>
                    <a:gd name="T15" fmla="*/ 0 h 53"/>
                    <a:gd name="T16" fmla="*/ 94 w 199"/>
                    <a:gd name="T17" fmla="*/ 0 h 53"/>
                    <a:gd name="T18" fmla="*/ 112 w 199"/>
                    <a:gd name="T19" fmla="*/ 0 h 53"/>
                    <a:gd name="T20" fmla="*/ 128 w 199"/>
                    <a:gd name="T21" fmla="*/ 2 h 53"/>
                    <a:gd name="T22" fmla="*/ 142 w 199"/>
                    <a:gd name="T23" fmla="*/ 4 h 53"/>
                    <a:gd name="T24" fmla="*/ 154 w 199"/>
                    <a:gd name="T25" fmla="*/ 8 h 53"/>
                    <a:gd name="T26" fmla="*/ 166 w 199"/>
                    <a:gd name="T27" fmla="*/ 12 h 53"/>
                    <a:gd name="T28" fmla="*/ 180 w 199"/>
                    <a:gd name="T29" fmla="*/ 18 h 53"/>
                    <a:gd name="T30" fmla="*/ 190 w 199"/>
                    <a:gd name="T31" fmla="*/ 22 h 53"/>
                    <a:gd name="T32" fmla="*/ 198 w 199"/>
                    <a:gd name="T33" fmla="*/ 26 h 53"/>
                    <a:gd name="T34" fmla="*/ 198 w 199"/>
                    <a:gd name="T35" fmla="*/ 50 h 53"/>
                    <a:gd name="T36" fmla="*/ 192 w 199"/>
                    <a:gd name="T37" fmla="*/ 46 h 53"/>
                    <a:gd name="T38" fmla="*/ 182 w 199"/>
                    <a:gd name="T39" fmla="*/ 44 h 53"/>
                    <a:gd name="T40" fmla="*/ 170 w 199"/>
                    <a:gd name="T41" fmla="*/ 40 h 53"/>
                    <a:gd name="T42" fmla="*/ 158 w 199"/>
                    <a:gd name="T43" fmla="*/ 36 h 53"/>
                    <a:gd name="T44" fmla="*/ 144 w 199"/>
                    <a:gd name="T45" fmla="*/ 32 h 53"/>
                    <a:gd name="T46" fmla="*/ 130 w 199"/>
                    <a:gd name="T47" fmla="*/ 28 h 53"/>
                    <a:gd name="T48" fmla="*/ 114 w 199"/>
                    <a:gd name="T49" fmla="*/ 24 h 53"/>
                    <a:gd name="T50" fmla="*/ 102 w 199"/>
                    <a:gd name="T51" fmla="*/ 24 h 53"/>
                    <a:gd name="T52" fmla="*/ 90 w 199"/>
                    <a:gd name="T53" fmla="*/ 24 h 53"/>
                    <a:gd name="T54" fmla="*/ 78 w 199"/>
                    <a:gd name="T55" fmla="*/ 24 h 53"/>
                    <a:gd name="T56" fmla="*/ 66 w 199"/>
                    <a:gd name="T57" fmla="*/ 26 h 53"/>
                    <a:gd name="T58" fmla="*/ 54 w 199"/>
                    <a:gd name="T59" fmla="*/ 32 h 53"/>
                    <a:gd name="T60" fmla="*/ 38 w 199"/>
                    <a:gd name="T61" fmla="*/ 34 h 53"/>
                    <a:gd name="T62" fmla="*/ 26 w 199"/>
                    <a:gd name="T63" fmla="*/ 40 h 53"/>
                    <a:gd name="T64" fmla="*/ 14 w 199"/>
                    <a:gd name="T65" fmla="*/ 44 h 53"/>
                    <a:gd name="T66" fmla="*/ 0 w 199"/>
                    <a:gd name="T67" fmla="*/ 52 h 53"/>
                    <a:gd name="T68" fmla="*/ 0 w 199"/>
                    <a:gd name="T69" fmla="*/ 24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99" h="53">
                      <a:moveTo>
                        <a:pt x="0" y="24"/>
                      </a:moveTo>
                      <a:lnTo>
                        <a:pt x="6" y="22"/>
                      </a:lnTo>
                      <a:lnTo>
                        <a:pt x="14" y="18"/>
                      </a:lnTo>
                      <a:lnTo>
                        <a:pt x="24" y="14"/>
                      </a:lnTo>
                      <a:lnTo>
                        <a:pt x="38" y="10"/>
                      </a:lnTo>
                      <a:lnTo>
                        <a:pt x="50" y="6"/>
                      </a:lnTo>
                      <a:lnTo>
                        <a:pt x="66" y="2"/>
                      </a:lnTo>
                      <a:lnTo>
                        <a:pt x="82" y="0"/>
                      </a:lnTo>
                      <a:lnTo>
                        <a:pt x="94" y="0"/>
                      </a:lnTo>
                      <a:lnTo>
                        <a:pt x="112" y="0"/>
                      </a:lnTo>
                      <a:lnTo>
                        <a:pt x="128" y="2"/>
                      </a:lnTo>
                      <a:lnTo>
                        <a:pt x="142" y="4"/>
                      </a:lnTo>
                      <a:lnTo>
                        <a:pt x="154" y="8"/>
                      </a:lnTo>
                      <a:lnTo>
                        <a:pt x="166" y="12"/>
                      </a:lnTo>
                      <a:lnTo>
                        <a:pt x="180" y="18"/>
                      </a:lnTo>
                      <a:lnTo>
                        <a:pt x="190" y="22"/>
                      </a:lnTo>
                      <a:lnTo>
                        <a:pt x="198" y="26"/>
                      </a:lnTo>
                      <a:lnTo>
                        <a:pt x="198" y="50"/>
                      </a:lnTo>
                      <a:lnTo>
                        <a:pt x="192" y="46"/>
                      </a:lnTo>
                      <a:lnTo>
                        <a:pt x="182" y="44"/>
                      </a:lnTo>
                      <a:lnTo>
                        <a:pt x="170" y="40"/>
                      </a:lnTo>
                      <a:lnTo>
                        <a:pt x="158" y="36"/>
                      </a:lnTo>
                      <a:lnTo>
                        <a:pt x="144" y="32"/>
                      </a:lnTo>
                      <a:lnTo>
                        <a:pt x="130" y="28"/>
                      </a:lnTo>
                      <a:lnTo>
                        <a:pt x="114" y="24"/>
                      </a:lnTo>
                      <a:lnTo>
                        <a:pt x="102" y="24"/>
                      </a:lnTo>
                      <a:lnTo>
                        <a:pt x="90" y="24"/>
                      </a:lnTo>
                      <a:lnTo>
                        <a:pt x="78" y="24"/>
                      </a:lnTo>
                      <a:lnTo>
                        <a:pt x="66" y="26"/>
                      </a:lnTo>
                      <a:lnTo>
                        <a:pt x="54" y="32"/>
                      </a:lnTo>
                      <a:lnTo>
                        <a:pt x="38" y="34"/>
                      </a:lnTo>
                      <a:lnTo>
                        <a:pt x="26" y="40"/>
                      </a:lnTo>
                      <a:lnTo>
                        <a:pt x="14" y="44"/>
                      </a:lnTo>
                      <a:lnTo>
                        <a:pt x="0" y="52"/>
                      </a:lnTo>
                      <a:lnTo>
                        <a:pt x="0" y="24"/>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grpSp>
        </p:grpSp>
        <p:grpSp>
          <p:nvGrpSpPr>
            <p:cNvPr id="24590" name="Group 33"/>
            <p:cNvGrpSpPr>
              <a:grpSpLocks/>
            </p:cNvGrpSpPr>
            <p:nvPr/>
          </p:nvGrpSpPr>
          <p:grpSpPr bwMode="auto">
            <a:xfrm>
              <a:off x="4979" y="2479"/>
              <a:ext cx="299" cy="1121"/>
              <a:chOff x="4979" y="2479"/>
              <a:chExt cx="299" cy="1121"/>
            </a:xfrm>
          </p:grpSpPr>
          <p:grpSp>
            <p:nvGrpSpPr>
              <p:cNvPr id="24595" name="Group 34"/>
              <p:cNvGrpSpPr>
                <a:grpSpLocks/>
              </p:cNvGrpSpPr>
              <p:nvPr/>
            </p:nvGrpSpPr>
            <p:grpSpPr bwMode="auto">
              <a:xfrm>
                <a:off x="4979" y="2479"/>
                <a:ext cx="299" cy="1121"/>
                <a:chOff x="4979" y="2479"/>
                <a:chExt cx="299" cy="1121"/>
              </a:xfrm>
            </p:grpSpPr>
            <p:sp>
              <p:nvSpPr>
                <p:cNvPr id="24600" name="Freeform 35"/>
                <p:cNvSpPr>
                  <a:spLocks/>
                </p:cNvSpPr>
                <p:nvPr/>
              </p:nvSpPr>
              <p:spPr bwMode="auto">
                <a:xfrm>
                  <a:off x="4979" y="2479"/>
                  <a:ext cx="203" cy="1121"/>
                </a:xfrm>
                <a:custGeom>
                  <a:avLst/>
                  <a:gdLst>
                    <a:gd name="T0" fmla="*/ 0 w 203"/>
                    <a:gd name="T1" fmla="*/ 1120 h 1121"/>
                    <a:gd name="T2" fmla="*/ 0 w 203"/>
                    <a:gd name="T3" fmla="*/ 24 h 1121"/>
                    <a:gd name="T4" fmla="*/ 12 w 203"/>
                    <a:gd name="T5" fmla="*/ 18 h 1121"/>
                    <a:gd name="T6" fmla="*/ 26 w 203"/>
                    <a:gd name="T7" fmla="*/ 12 h 1121"/>
                    <a:gd name="T8" fmla="*/ 48 w 203"/>
                    <a:gd name="T9" fmla="*/ 6 h 1121"/>
                    <a:gd name="T10" fmla="*/ 68 w 203"/>
                    <a:gd name="T11" fmla="*/ 2 h 1121"/>
                    <a:gd name="T12" fmla="*/ 84 w 203"/>
                    <a:gd name="T13" fmla="*/ 0 h 1121"/>
                    <a:gd name="T14" fmla="*/ 98 w 203"/>
                    <a:gd name="T15" fmla="*/ 0 h 1121"/>
                    <a:gd name="T16" fmla="*/ 108 w 203"/>
                    <a:gd name="T17" fmla="*/ 0 h 1121"/>
                    <a:gd name="T18" fmla="*/ 120 w 203"/>
                    <a:gd name="T19" fmla="*/ 0 h 1121"/>
                    <a:gd name="T20" fmla="*/ 132 w 203"/>
                    <a:gd name="T21" fmla="*/ 2 h 1121"/>
                    <a:gd name="T22" fmla="*/ 142 w 203"/>
                    <a:gd name="T23" fmla="*/ 4 h 1121"/>
                    <a:gd name="T24" fmla="*/ 148 w 203"/>
                    <a:gd name="T25" fmla="*/ 6 h 1121"/>
                    <a:gd name="T26" fmla="*/ 164 w 203"/>
                    <a:gd name="T27" fmla="*/ 10 h 1121"/>
                    <a:gd name="T28" fmla="*/ 184 w 203"/>
                    <a:gd name="T29" fmla="*/ 16 h 1121"/>
                    <a:gd name="T30" fmla="*/ 194 w 203"/>
                    <a:gd name="T31" fmla="*/ 22 h 1121"/>
                    <a:gd name="T32" fmla="*/ 202 w 203"/>
                    <a:gd name="T33" fmla="*/ 24 h 1121"/>
                    <a:gd name="T34" fmla="*/ 202 w 203"/>
                    <a:gd name="T35" fmla="*/ 1120 h 1121"/>
                    <a:gd name="T36" fmla="*/ 0 w 203"/>
                    <a:gd name="T37" fmla="*/ 1120 h 112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203" h="1121">
                      <a:moveTo>
                        <a:pt x="0" y="1120"/>
                      </a:moveTo>
                      <a:lnTo>
                        <a:pt x="0" y="24"/>
                      </a:lnTo>
                      <a:lnTo>
                        <a:pt x="12" y="18"/>
                      </a:lnTo>
                      <a:lnTo>
                        <a:pt x="26" y="12"/>
                      </a:lnTo>
                      <a:lnTo>
                        <a:pt x="48" y="6"/>
                      </a:lnTo>
                      <a:lnTo>
                        <a:pt x="68" y="2"/>
                      </a:lnTo>
                      <a:lnTo>
                        <a:pt x="84" y="0"/>
                      </a:lnTo>
                      <a:lnTo>
                        <a:pt x="98" y="0"/>
                      </a:lnTo>
                      <a:lnTo>
                        <a:pt x="108" y="0"/>
                      </a:lnTo>
                      <a:lnTo>
                        <a:pt x="120" y="0"/>
                      </a:lnTo>
                      <a:lnTo>
                        <a:pt x="132" y="2"/>
                      </a:lnTo>
                      <a:lnTo>
                        <a:pt x="142" y="4"/>
                      </a:lnTo>
                      <a:lnTo>
                        <a:pt x="148" y="6"/>
                      </a:lnTo>
                      <a:lnTo>
                        <a:pt x="164" y="10"/>
                      </a:lnTo>
                      <a:lnTo>
                        <a:pt x="184" y="16"/>
                      </a:lnTo>
                      <a:lnTo>
                        <a:pt x="194" y="22"/>
                      </a:lnTo>
                      <a:lnTo>
                        <a:pt x="202" y="24"/>
                      </a:lnTo>
                      <a:lnTo>
                        <a:pt x="202" y="1120"/>
                      </a:lnTo>
                      <a:lnTo>
                        <a:pt x="0" y="1120"/>
                      </a:lnTo>
                    </a:path>
                  </a:pathLst>
                </a:custGeom>
                <a:solidFill>
                  <a:srgbClr val="FF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601" name="Freeform 36"/>
                <p:cNvSpPr>
                  <a:spLocks/>
                </p:cNvSpPr>
                <p:nvPr/>
              </p:nvSpPr>
              <p:spPr bwMode="auto">
                <a:xfrm>
                  <a:off x="5181" y="2507"/>
                  <a:ext cx="97" cy="1093"/>
                </a:xfrm>
                <a:custGeom>
                  <a:avLst/>
                  <a:gdLst>
                    <a:gd name="T0" fmla="*/ 0 w 97"/>
                    <a:gd name="T1" fmla="*/ 0 h 1093"/>
                    <a:gd name="T2" fmla="*/ 96 w 97"/>
                    <a:gd name="T3" fmla="*/ 174 h 1093"/>
                    <a:gd name="T4" fmla="*/ 96 w 97"/>
                    <a:gd name="T5" fmla="*/ 1092 h 1093"/>
                    <a:gd name="T6" fmla="*/ 0 w 97"/>
                    <a:gd name="T7" fmla="*/ 1092 h 1093"/>
                    <a:gd name="T8" fmla="*/ 0 w 97"/>
                    <a:gd name="T9" fmla="*/ 0 h 1093"/>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7" h="1093">
                      <a:moveTo>
                        <a:pt x="0" y="0"/>
                      </a:moveTo>
                      <a:lnTo>
                        <a:pt x="96" y="174"/>
                      </a:lnTo>
                      <a:lnTo>
                        <a:pt x="96" y="1092"/>
                      </a:lnTo>
                      <a:lnTo>
                        <a:pt x="0" y="1092"/>
                      </a:lnTo>
                      <a:lnTo>
                        <a:pt x="0" y="0"/>
                      </a:lnTo>
                    </a:path>
                  </a:pathLst>
                </a:custGeom>
                <a:solidFill>
                  <a:srgbClr val="8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grpSp>
          <p:grpSp>
            <p:nvGrpSpPr>
              <p:cNvPr id="24596" name="Group 37"/>
              <p:cNvGrpSpPr>
                <a:grpSpLocks/>
              </p:cNvGrpSpPr>
              <p:nvPr/>
            </p:nvGrpSpPr>
            <p:grpSpPr bwMode="auto">
              <a:xfrm>
                <a:off x="4979" y="2775"/>
                <a:ext cx="203" cy="633"/>
                <a:chOff x="4979" y="2775"/>
                <a:chExt cx="203" cy="633"/>
              </a:xfrm>
            </p:grpSpPr>
            <p:sp>
              <p:nvSpPr>
                <p:cNvPr id="24597" name="Freeform 38"/>
                <p:cNvSpPr>
                  <a:spLocks/>
                </p:cNvSpPr>
                <p:nvPr/>
              </p:nvSpPr>
              <p:spPr bwMode="auto">
                <a:xfrm>
                  <a:off x="4979" y="3293"/>
                  <a:ext cx="203" cy="53"/>
                </a:xfrm>
                <a:custGeom>
                  <a:avLst/>
                  <a:gdLst>
                    <a:gd name="T0" fmla="*/ 0 w 203"/>
                    <a:gd name="T1" fmla="*/ 26 h 53"/>
                    <a:gd name="T2" fmla="*/ 4 w 203"/>
                    <a:gd name="T3" fmla="*/ 22 h 53"/>
                    <a:gd name="T4" fmla="*/ 14 w 203"/>
                    <a:gd name="T5" fmla="*/ 16 h 53"/>
                    <a:gd name="T6" fmla="*/ 24 w 203"/>
                    <a:gd name="T7" fmla="*/ 14 h 53"/>
                    <a:gd name="T8" fmla="*/ 38 w 203"/>
                    <a:gd name="T9" fmla="*/ 8 h 53"/>
                    <a:gd name="T10" fmla="*/ 50 w 203"/>
                    <a:gd name="T11" fmla="*/ 6 h 53"/>
                    <a:gd name="T12" fmla="*/ 66 w 203"/>
                    <a:gd name="T13" fmla="*/ 0 h 53"/>
                    <a:gd name="T14" fmla="*/ 84 w 203"/>
                    <a:gd name="T15" fmla="*/ 0 h 53"/>
                    <a:gd name="T16" fmla="*/ 96 w 203"/>
                    <a:gd name="T17" fmla="*/ 0 h 53"/>
                    <a:gd name="T18" fmla="*/ 114 w 203"/>
                    <a:gd name="T19" fmla="*/ 0 h 53"/>
                    <a:gd name="T20" fmla="*/ 130 w 203"/>
                    <a:gd name="T21" fmla="*/ 0 h 53"/>
                    <a:gd name="T22" fmla="*/ 142 w 203"/>
                    <a:gd name="T23" fmla="*/ 4 h 53"/>
                    <a:gd name="T24" fmla="*/ 156 w 203"/>
                    <a:gd name="T25" fmla="*/ 8 h 53"/>
                    <a:gd name="T26" fmla="*/ 170 w 203"/>
                    <a:gd name="T27" fmla="*/ 12 h 53"/>
                    <a:gd name="T28" fmla="*/ 184 w 203"/>
                    <a:gd name="T29" fmla="*/ 16 h 53"/>
                    <a:gd name="T30" fmla="*/ 194 w 203"/>
                    <a:gd name="T31" fmla="*/ 22 h 53"/>
                    <a:gd name="T32" fmla="*/ 202 w 203"/>
                    <a:gd name="T33" fmla="*/ 26 h 53"/>
                    <a:gd name="T34" fmla="*/ 202 w 203"/>
                    <a:gd name="T35" fmla="*/ 50 h 53"/>
                    <a:gd name="T36" fmla="*/ 196 w 203"/>
                    <a:gd name="T37" fmla="*/ 48 h 53"/>
                    <a:gd name="T38" fmla="*/ 186 w 203"/>
                    <a:gd name="T39" fmla="*/ 44 h 53"/>
                    <a:gd name="T40" fmla="*/ 176 w 203"/>
                    <a:gd name="T41" fmla="*/ 40 h 53"/>
                    <a:gd name="T42" fmla="*/ 162 w 203"/>
                    <a:gd name="T43" fmla="*/ 36 h 53"/>
                    <a:gd name="T44" fmla="*/ 146 w 203"/>
                    <a:gd name="T45" fmla="*/ 30 h 53"/>
                    <a:gd name="T46" fmla="*/ 130 w 203"/>
                    <a:gd name="T47" fmla="*/ 28 h 53"/>
                    <a:gd name="T48" fmla="*/ 116 w 203"/>
                    <a:gd name="T49" fmla="*/ 26 h 53"/>
                    <a:gd name="T50" fmla="*/ 104 w 203"/>
                    <a:gd name="T51" fmla="*/ 26 h 53"/>
                    <a:gd name="T52" fmla="*/ 92 w 203"/>
                    <a:gd name="T53" fmla="*/ 26 h 53"/>
                    <a:gd name="T54" fmla="*/ 80 w 203"/>
                    <a:gd name="T55" fmla="*/ 26 h 53"/>
                    <a:gd name="T56" fmla="*/ 66 w 203"/>
                    <a:gd name="T57" fmla="*/ 26 h 53"/>
                    <a:gd name="T58" fmla="*/ 52 w 203"/>
                    <a:gd name="T59" fmla="*/ 30 h 53"/>
                    <a:gd name="T60" fmla="*/ 38 w 203"/>
                    <a:gd name="T61" fmla="*/ 34 h 53"/>
                    <a:gd name="T62" fmla="*/ 26 w 203"/>
                    <a:gd name="T63" fmla="*/ 40 h 53"/>
                    <a:gd name="T64" fmla="*/ 14 w 203"/>
                    <a:gd name="T65" fmla="*/ 44 h 53"/>
                    <a:gd name="T66" fmla="*/ 0 w 203"/>
                    <a:gd name="T67" fmla="*/ 52 h 53"/>
                    <a:gd name="T68" fmla="*/ 0 w 203"/>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3" h="53">
                      <a:moveTo>
                        <a:pt x="0" y="26"/>
                      </a:moveTo>
                      <a:lnTo>
                        <a:pt x="4" y="22"/>
                      </a:lnTo>
                      <a:lnTo>
                        <a:pt x="14" y="16"/>
                      </a:lnTo>
                      <a:lnTo>
                        <a:pt x="24" y="14"/>
                      </a:lnTo>
                      <a:lnTo>
                        <a:pt x="38" y="8"/>
                      </a:lnTo>
                      <a:lnTo>
                        <a:pt x="50" y="6"/>
                      </a:lnTo>
                      <a:lnTo>
                        <a:pt x="66" y="0"/>
                      </a:lnTo>
                      <a:lnTo>
                        <a:pt x="84" y="0"/>
                      </a:lnTo>
                      <a:lnTo>
                        <a:pt x="96" y="0"/>
                      </a:lnTo>
                      <a:lnTo>
                        <a:pt x="114" y="0"/>
                      </a:lnTo>
                      <a:lnTo>
                        <a:pt x="130" y="0"/>
                      </a:lnTo>
                      <a:lnTo>
                        <a:pt x="142" y="4"/>
                      </a:lnTo>
                      <a:lnTo>
                        <a:pt x="156" y="8"/>
                      </a:lnTo>
                      <a:lnTo>
                        <a:pt x="170" y="12"/>
                      </a:lnTo>
                      <a:lnTo>
                        <a:pt x="184" y="16"/>
                      </a:lnTo>
                      <a:lnTo>
                        <a:pt x="194" y="22"/>
                      </a:lnTo>
                      <a:lnTo>
                        <a:pt x="202" y="26"/>
                      </a:lnTo>
                      <a:lnTo>
                        <a:pt x="202" y="50"/>
                      </a:lnTo>
                      <a:lnTo>
                        <a:pt x="196" y="48"/>
                      </a:lnTo>
                      <a:lnTo>
                        <a:pt x="186" y="44"/>
                      </a:lnTo>
                      <a:lnTo>
                        <a:pt x="176" y="40"/>
                      </a:lnTo>
                      <a:lnTo>
                        <a:pt x="162" y="36"/>
                      </a:lnTo>
                      <a:lnTo>
                        <a:pt x="146" y="30"/>
                      </a:lnTo>
                      <a:lnTo>
                        <a:pt x="130" y="28"/>
                      </a:lnTo>
                      <a:lnTo>
                        <a:pt x="116" y="26"/>
                      </a:lnTo>
                      <a:lnTo>
                        <a:pt x="104" y="26"/>
                      </a:lnTo>
                      <a:lnTo>
                        <a:pt x="92" y="26"/>
                      </a:lnTo>
                      <a:lnTo>
                        <a:pt x="80" y="26"/>
                      </a:lnTo>
                      <a:lnTo>
                        <a:pt x="66" y="26"/>
                      </a:lnTo>
                      <a:lnTo>
                        <a:pt x="52" y="30"/>
                      </a:lnTo>
                      <a:lnTo>
                        <a:pt x="38" y="34"/>
                      </a:lnTo>
                      <a:lnTo>
                        <a:pt x="26" y="40"/>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598" name="Freeform 39"/>
                <p:cNvSpPr>
                  <a:spLocks/>
                </p:cNvSpPr>
                <p:nvPr/>
              </p:nvSpPr>
              <p:spPr bwMode="auto">
                <a:xfrm>
                  <a:off x="4979" y="3355"/>
                  <a:ext cx="203" cy="53"/>
                </a:xfrm>
                <a:custGeom>
                  <a:avLst/>
                  <a:gdLst>
                    <a:gd name="T0" fmla="*/ 0 w 203"/>
                    <a:gd name="T1" fmla="*/ 26 h 53"/>
                    <a:gd name="T2" fmla="*/ 6 w 203"/>
                    <a:gd name="T3" fmla="*/ 22 h 53"/>
                    <a:gd name="T4" fmla="*/ 14 w 203"/>
                    <a:gd name="T5" fmla="*/ 18 h 53"/>
                    <a:gd name="T6" fmla="*/ 24 w 203"/>
                    <a:gd name="T7" fmla="*/ 12 h 53"/>
                    <a:gd name="T8" fmla="*/ 38 w 203"/>
                    <a:gd name="T9" fmla="*/ 10 h 53"/>
                    <a:gd name="T10" fmla="*/ 50 w 203"/>
                    <a:gd name="T11" fmla="*/ 6 h 53"/>
                    <a:gd name="T12" fmla="*/ 68 w 203"/>
                    <a:gd name="T13" fmla="*/ 2 h 53"/>
                    <a:gd name="T14" fmla="*/ 84 w 203"/>
                    <a:gd name="T15" fmla="*/ 0 h 53"/>
                    <a:gd name="T16" fmla="*/ 98 w 203"/>
                    <a:gd name="T17" fmla="*/ 0 h 53"/>
                    <a:gd name="T18" fmla="*/ 116 w 203"/>
                    <a:gd name="T19" fmla="*/ 0 h 53"/>
                    <a:gd name="T20" fmla="*/ 130 w 203"/>
                    <a:gd name="T21" fmla="*/ 2 h 53"/>
                    <a:gd name="T22" fmla="*/ 144 w 203"/>
                    <a:gd name="T23" fmla="*/ 6 h 53"/>
                    <a:gd name="T24" fmla="*/ 156 w 203"/>
                    <a:gd name="T25" fmla="*/ 8 h 53"/>
                    <a:gd name="T26" fmla="*/ 170 w 203"/>
                    <a:gd name="T27" fmla="*/ 12 h 53"/>
                    <a:gd name="T28" fmla="*/ 186 w 203"/>
                    <a:gd name="T29" fmla="*/ 18 h 53"/>
                    <a:gd name="T30" fmla="*/ 196 w 203"/>
                    <a:gd name="T31" fmla="*/ 22 h 53"/>
                    <a:gd name="T32" fmla="*/ 202 w 203"/>
                    <a:gd name="T33" fmla="*/ 28 h 53"/>
                    <a:gd name="T34" fmla="*/ 202 w 203"/>
                    <a:gd name="T35" fmla="*/ 50 h 53"/>
                    <a:gd name="T36" fmla="*/ 198 w 203"/>
                    <a:gd name="T37" fmla="*/ 48 h 53"/>
                    <a:gd name="T38" fmla="*/ 188 w 203"/>
                    <a:gd name="T39" fmla="*/ 44 h 53"/>
                    <a:gd name="T40" fmla="*/ 176 w 203"/>
                    <a:gd name="T41" fmla="*/ 40 h 53"/>
                    <a:gd name="T42" fmla="*/ 164 w 203"/>
                    <a:gd name="T43" fmla="*/ 36 h 53"/>
                    <a:gd name="T44" fmla="*/ 148 w 203"/>
                    <a:gd name="T45" fmla="*/ 32 h 53"/>
                    <a:gd name="T46" fmla="*/ 132 w 203"/>
                    <a:gd name="T47" fmla="*/ 28 h 53"/>
                    <a:gd name="T48" fmla="*/ 118 w 203"/>
                    <a:gd name="T49" fmla="*/ 26 h 53"/>
                    <a:gd name="T50" fmla="*/ 104 w 203"/>
                    <a:gd name="T51" fmla="*/ 26 h 53"/>
                    <a:gd name="T52" fmla="*/ 94 w 203"/>
                    <a:gd name="T53" fmla="*/ 26 h 53"/>
                    <a:gd name="T54" fmla="*/ 80 w 203"/>
                    <a:gd name="T55" fmla="*/ 26 h 53"/>
                    <a:gd name="T56" fmla="*/ 68 w 203"/>
                    <a:gd name="T57" fmla="*/ 28 h 53"/>
                    <a:gd name="T58" fmla="*/ 54 w 203"/>
                    <a:gd name="T59" fmla="*/ 30 h 53"/>
                    <a:gd name="T60" fmla="*/ 40 w 203"/>
                    <a:gd name="T61" fmla="*/ 36 h 53"/>
                    <a:gd name="T62" fmla="*/ 26 w 203"/>
                    <a:gd name="T63" fmla="*/ 38 h 53"/>
                    <a:gd name="T64" fmla="*/ 14 w 203"/>
                    <a:gd name="T65" fmla="*/ 44 h 53"/>
                    <a:gd name="T66" fmla="*/ 0 w 203"/>
                    <a:gd name="T67" fmla="*/ 52 h 53"/>
                    <a:gd name="T68" fmla="*/ 0 w 203"/>
                    <a:gd name="T69" fmla="*/ 26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3" h="53">
                      <a:moveTo>
                        <a:pt x="0" y="26"/>
                      </a:moveTo>
                      <a:lnTo>
                        <a:pt x="6" y="22"/>
                      </a:lnTo>
                      <a:lnTo>
                        <a:pt x="14" y="18"/>
                      </a:lnTo>
                      <a:lnTo>
                        <a:pt x="24" y="12"/>
                      </a:lnTo>
                      <a:lnTo>
                        <a:pt x="38" y="10"/>
                      </a:lnTo>
                      <a:lnTo>
                        <a:pt x="50" y="6"/>
                      </a:lnTo>
                      <a:lnTo>
                        <a:pt x="68" y="2"/>
                      </a:lnTo>
                      <a:lnTo>
                        <a:pt x="84" y="0"/>
                      </a:lnTo>
                      <a:lnTo>
                        <a:pt x="98" y="0"/>
                      </a:lnTo>
                      <a:lnTo>
                        <a:pt x="116" y="0"/>
                      </a:lnTo>
                      <a:lnTo>
                        <a:pt x="130" y="2"/>
                      </a:lnTo>
                      <a:lnTo>
                        <a:pt x="144" y="6"/>
                      </a:lnTo>
                      <a:lnTo>
                        <a:pt x="156" y="8"/>
                      </a:lnTo>
                      <a:lnTo>
                        <a:pt x="170" y="12"/>
                      </a:lnTo>
                      <a:lnTo>
                        <a:pt x="186" y="18"/>
                      </a:lnTo>
                      <a:lnTo>
                        <a:pt x="196" y="22"/>
                      </a:lnTo>
                      <a:lnTo>
                        <a:pt x="202" y="28"/>
                      </a:lnTo>
                      <a:lnTo>
                        <a:pt x="202" y="50"/>
                      </a:lnTo>
                      <a:lnTo>
                        <a:pt x="198" y="48"/>
                      </a:lnTo>
                      <a:lnTo>
                        <a:pt x="188" y="44"/>
                      </a:lnTo>
                      <a:lnTo>
                        <a:pt x="176" y="40"/>
                      </a:lnTo>
                      <a:lnTo>
                        <a:pt x="164" y="36"/>
                      </a:lnTo>
                      <a:lnTo>
                        <a:pt x="148" y="32"/>
                      </a:lnTo>
                      <a:lnTo>
                        <a:pt x="132" y="28"/>
                      </a:lnTo>
                      <a:lnTo>
                        <a:pt x="118" y="26"/>
                      </a:lnTo>
                      <a:lnTo>
                        <a:pt x="104" y="26"/>
                      </a:lnTo>
                      <a:lnTo>
                        <a:pt x="94" y="26"/>
                      </a:lnTo>
                      <a:lnTo>
                        <a:pt x="80" y="26"/>
                      </a:lnTo>
                      <a:lnTo>
                        <a:pt x="68" y="28"/>
                      </a:lnTo>
                      <a:lnTo>
                        <a:pt x="54" y="30"/>
                      </a:lnTo>
                      <a:lnTo>
                        <a:pt x="40" y="36"/>
                      </a:lnTo>
                      <a:lnTo>
                        <a:pt x="26" y="38"/>
                      </a:lnTo>
                      <a:lnTo>
                        <a:pt x="14" y="44"/>
                      </a:lnTo>
                      <a:lnTo>
                        <a:pt x="0" y="52"/>
                      </a:lnTo>
                      <a:lnTo>
                        <a:pt x="0" y="26"/>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599" name="Freeform 40"/>
                <p:cNvSpPr>
                  <a:spLocks/>
                </p:cNvSpPr>
                <p:nvPr/>
              </p:nvSpPr>
              <p:spPr bwMode="auto">
                <a:xfrm>
                  <a:off x="4979" y="2775"/>
                  <a:ext cx="203" cy="53"/>
                </a:xfrm>
                <a:custGeom>
                  <a:avLst/>
                  <a:gdLst>
                    <a:gd name="T0" fmla="*/ 0 w 203"/>
                    <a:gd name="T1" fmla="*/ 24 h 53"/>
                    <a:gd name="T2" fmla="*/ 6 w 203"/>
                    <a:gd name="T3" fmla="*/ 22 h 53"/>
                    <a:gd name="T4" fmla="*/ 14 w 203"/>
                    <a:gd name="T5" fmla="*/ 18 h 53"/>
                    <a:gd name="T6" fmla="*/ 24 w 203"/>
                    <a:gd name="T7" fmla="*/ 14 h 53"/>
                    <a:gd name="T8" fmla="*/ 38 w 203"/>
                    <a:gd name="T9" fmla="*/ 10 h 53"/>
                    <a:gd name="T10" fmla="*/ 50 w 203"/>
                    <a:gd name="T11" fmla="*/ 6 h 53"/>
                    <a:gd name="T12" fmla="*/ 68 w 203"/>
                    <a:gd name="T13" fmla="*/ 2 h 53"/>
                    <a:gd name="T14" fmla="*/ 84 w 203"/>
                    <a:gd name="T15" fmla="*/ 0 h 53"/>
                    <a:gd name="T16" fmla="*/ 98 w 203"/>
                    <a:gd name="T17" fmla="*/ 0 h 53"/>
                    <a:gd name="T18" fmla="*/ 116 w 203"/>
                    <a:gd name="T19" fmla="*/ 0 h 53"/>
                    <a:gd name="T20" fmla="*/ 130 w 203"/>
                    <a:gd name="T21" fmla="*/ 2 h 53"/>
                    <a:gd name="T22" fmla="*/ 144 w 203"/>
                    <a:gd name="T23" fmla="*/ 4 h 53"/>
                    <a:gd name="T24" fmla="*/ 156 w 203"/>
                    <a:gd name="T25" fmla="*/ 8 h 53"/>
                    <a:gd name="T26" fmla="*/ 170 w 203"/>
                    <a:gd name="T27" fmla="*/ 12 h 53"/>
                    <a:gd name="T28" fmla="*/ 186 w 203"/>
                    <a:gd name="T29" fmla="*/ 18 h 53"/>
                    <a:gd name="T30" fmla="*/ 196 w 203"/>
                    <a:gd name="T31" fmla="*/ 22 h 53"/>
                    <a:gd name="T32" fmla="*/ 202 w 203"/>
                    <a:gd name="T33" fmla="*/ 26 h 53"/>
                    <a:gd name="T34" fmla="*/ 202 w 203"/>
                    <a:gd name="T35" fmla="*/ 50 h 53"/>
                    <a:gd name="T36" fmla="*/ 198 w 203"/>
                    <a:gd name="T37" fmla="*/ 46 h 53"/>
                    <a:gd name="T38" fmla="*/ 188 w 203"/>
                    <a:gd name="T39" fmla="*/ 44 h 53"/>
                    <a:gd name="T40" fmla="*/ 176 w 203"/>
                    <a:gd name="T41" fmla="*/ 40 h 53"/>
                    <a:gd name="T42" fmla="*/ 164 w 203"/>
                    <a:gd name="T43" fmla="*/ 36 h 53"/>
                    <a:gd name="T44" fmla="*/ 148 w 203"/>
                    <a:gd name="T45" fmla="*/ 32 h 53"/>
                    <a:gd name="T46" fmla="*/ 132 w 203"/>
                    <a:gd name="T47" fmla="*/ 28 h 53"/>
                    <a:gd name="T48" fmla="*/ 118 w 203"/>
                    <a:gd name="T49" fmla="*/ 24 h 53"/>
                    <a:gd name="T50" fmla="*/ 104 w 203"/>
                    <a:gd name="T51" fmla="*/ 24 h 53"/>
                    <a:gd name="T52" fmla="*/ 94 w 203"/>
                    <a:gd name="T53" fmla="*/ 24 h 53"/>
                    <a:gd name="T54" fmla="*/ 80 w 203"/>
                    <a:gd name="T55" fmla="*/ 24 h 53"/>
                    <a:gd name="T56" fmla="*/ 68 w 203"/>
                    <a:gd name="T57" fmla="*/ 26 h 53"/>
                    <a:gd name="T58" fmla="*/ 54 w 203"/>
                    <a:gd name="T59" fmla="*/ 32 h 53"/>
                    <a:gd name="T60" fmla="*/ 40 w 203"/>
                    <a:gd name="T61" fmla="*/ 34 h 53"/>
                    <a:gd name="T62" fmla="*/ 26 w 203"/>
                    <a:gd name="T63" fmla="*/ 40 h 53"/>
                    <a:gd name="T64" fmla="*/ 14 w 203"/>
                    <a:gd name="T65" fmla="*/ 44 h 53"/>
                    <a:gd name="T66" fmla="*/ 0 w 203"/>
                    <a:gd name="T67" fmla="*/ 52 h 53"/>
                    <a:gd name="T68" fmla="*/ 0 w 203"/>
                    <a:gd name="T69" fmla="*/ 24 h 53"/>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203" h="53">
                      <a:moveTo>
                        <a:pt x="0" y="24"/>
                      </a:moveTo>
                      <a:lnTo>
                        <a:pt x="6" y="22"/>
                      </a:lnTo>
                      <a:lnTo>
                        <a:pt x="14" y="18"/>
                      </a:lnTo>
                      <a:lnTo>
                        <a:pt x="24" y="14"/>
                      </a:lnTo>
                      <a:lnTo>
                        <a:pt x="38" y="10"/>
                      </a:lnTo>
                      <a:lnTo>
                        <a:pt x="50" y="6"/>
                      </a:lnTo>
                      <a:lnTo>
                        <a:pt x="68" y="2"/>
                      </a:lnTo>
                      <a:lnTo>
                        <a:pt x="84" y="0"/>
                      </a:lnTo>
                      <a:lnTo>
                        <a:pt x="98" y="0"/>
                      </a:lnTo>
                      <a:lnTo>
                        <a:pt x="116" y="0"/>
                      </a:lnTo>
                      <a:lnTo>
                        <a:pt x="130" y="2"/>
                      </a:lnTo>
                      <a:lnTo>
                        <a:pt x="144" y="4"/>
                      </a:lnTo>
                      <a:lnTo>
                        <a:pt x="156" y="8"/>
                      </a:lnTo>
                      <a:lnTo>
                        <a:pt x="170" y="12"/>
                      </a:lnTo>
                      <a:lnTo>
                        <a:pt x="186" y="18"/>
                      </a:lnTo>
                      <a:lnTo>
                        <a:pt x="196" y="22"/>
                      </a:lnTo>
                      <a:lnTo>
                        <a:pt x="202" y="26"/>
                      </a:lnTo>
                      <a:lnTo>
                        <a:pt x="202" y="50"/>
                      </a:lnTo>
                      <a:lnTo>
                        <a:pt x="198" y="46"/>
                      </a:lnTo>
                      <a:lnTo>
                        <a:pt x="188" y="44"/>
                      </a:lnTo>
                      <a:lnTo>
                        <a:pt x="176" y="40"/>
                      </a:lnTo>
                      <a:lnTo>
                        <a:pt x="164" y="36"/>
                      </a:lnTo>
                      <a:lnTo>
                        <a:pt x="148" y="32"/>
                      </a:lnTo>
                      <a:lnTo>
                        <a:pt x="132" y="28"/>
                      </a:lnTo>
                      <a:lnTo>
                        <a:pt x="118" y="24"/>
                      </a:lnTo>
                      <a:lnTo>
                        <a:pt x="104" y="24"/>
                      </a:lnTo>
                      <a:lnTo>
                        <a:pt x="94" y="24"/>
                      </a:lnTo>
                      <a:lnTo>
                        <a:pt x="80" y="24"/>
                      </a:lnTo>
                      <a:lnTo>
                        <a:pt x="68" y="26"/>
                      </a:lnTo>
                      <a:lnTo>
                        <a:pt x="54" y="32"/>
                      </a:lnTo>
                      <a:lnTo>
                        <a:pt x="40" y="34"/>
                      </a:lnTo>
                      <a:lnTo>
                        <a:pt x="26" y="40"/>
                      </a:lnTo>
                      <a:lnTo>
                        <a:pt x="14" y="44"/>
                      </a:lnTo>
                      <a:lnTo>
                        <a:pt x="0" y="52"/>
                      </a:lnTo>
                      <a:lnTo>
                        <a:pt x="0" y="24"/>
                      </a:lnTo>
                    </a:path>
                  </a:pathLst>
                </a:custGeom>
                <a:solidFill>
                  <a:srgbClr val="00000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grpSp>
        </p:grpSp>
        <p:sp>
          <p:nvSpPr>
            <p:cNvPr id="24591" name="Freeform 41"/>
            <p:cNvSpPr>
              <a:spLocks/>
            </p:cNvSpPr>
            <p:nvPr/>
          </p:nvSpPr>
          <p:spPr bwMode="auto">
            <a:xfrm>
              <a:off x="4061" y="3063"/>
              <a:ext cx="319" cy="537"/>
            </a:xfrm>
            <a:custGeom>
              <a:avLst/>
              <a:gdLst>
                <a:gd name="T0" fmla="*/ 318 w 319"/>
                <a:gd name="T1" fmla="*/ 0 h 537"/>
                <a:gd name="T2" fmla="*/ 254 w 319"/>
                <a:gd name="T3" fmla="*/ 0 h 537"/>
                <a:gd name="T4" fmla="*/ 254 w 319"/>
                <a:gd name="T5" fmla="*/ 462 h 537"/>
                <a:gd name="T6" fmla="*/ 0 w 319"/>
                <a:gd name="T7" fmla="*/ 462 h 537"/>
                <a:gd name="T8" fmla="*/ 0 w 319"/>
                <a:gd name="T9" fmla="*/ 536 h 537"/>
                <a:gd name="T10" fmla="*/ 318 w 319"/>
                <a:gd name="T11" fmla="*/ 536 h 537"/>
                <a:gd name="T12" fmla="*/ 318 w 319"/>
                <a:gd name="T13" fmla="*/ 0 h 537"/>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319" h="537">
                  <a:moveTo>
                    <a:pt x="318" y="0"/>
                  </a:moveTo>
                  <a:lnTo>
                    <a:pt x="254" y="0"/>
                  </a:lnTo>
                  <a:lnTo>
                    <a:pt x="254" y="462"/>
                  </a:lnTo>
                  <a:lnTo>
                    <a:pt x="0" y="462"/>
                  </a:lnTo>
                  <a:lnTo>
                    <a:pt x="0" y="536"/>
                  </a:lnTo>
                  <a:lnTo>
                    <a:pt x="318" y="536"/>
                  </a:lnTo>
                  <a:lnTo>
                    <a:pt x="318" y="0"/>
                  </a:lnTo>
                </a:path>
              </a:pathLst>
            </a:custGeom>
            <a:solidFill>
              <a:srgbClr val="C0C0C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grpSp>
          <p:nvGrpSpPr>
            <p:cNvPr id="24592" name="Group 42"/>
            <p:cNvGrpSpPr>
              <a:grpSpLocks/>
            </p:cNvGrpSpPr>
            <p:nvPr/>
          </p:nvGrpSpPr>
          <p:grpSpPr bwMode="auto">
            <a:xfrm>
              <a:off x="5189" y="3059"/>
              <a:ext cx="319" cy="541"/>
              <a:chOff x="5189" y="3059"/>
              <a:chExt cx="319" cy="541"/>
            </a:xfrm>
          </p:grpSpPr>
          <p:sp>
            <p:nvSpPr>
              <p:cNvPr id="24593" name="Freeform 43"/>
              <p:cNvSpPr>
                <a:spLocks/>
              </p:cNvSpPr>
              <p:nvPr/>
            </p:nvSpPr>
            <p:spPr bwMode="auto">
              <a:xfrm>
                <a:off x="5253" y="3059"/>
                <a:ext cx="255" cy="541"/>
              </a:xfrm>
              <a:custGeom>
                <a:avLst/>
                <a:gdLst>
                  <a:gd name="T0" fmla="*/ 0 w 255"/>
                  <a:gd name="T1" fmla="*/ 0 h 541"/>
                  <a:gd name="T2" fmla="*/ 84 w 255"/>
                  <a:gd name="T3" fmla="*/ 164 h 541"/>
                  <a:gd name="T4" fmla="*/ 84 w 255"/>
                  <a:gd name="T5" fmla="*/ 476 h 541"/>
                  <a:gd name="T6" fmla="*/ 254 w 255"/>
                  <a:gd name="T7" fmla="*/ 476 h 541"/>
                  <a:gd name="T8" fmla="*/ 254 w 255"/>
                  <a:gd name="T9" fmla="*/ 540 h 541"/>
                  <a:gd name="T10" fmla="*/ 0 w 255"/>
                  <a:gd name="T11" fmla="*/ 540 h 541"/>
                  <a:gd name="T12" fmla="*/ 0 w 255"/>
                  <a:gd name="T13" fmla="*/ 0 h 541"/>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255" h="541">
                    <a:moveTo>
                      <a:pt x="0" y="0"/>
                    </a:moveTo>
                    <a:lnTo>
                      <a:pt x="84" y="164"/>
                    </a:lnTo>
                    <a:lnTo>
                      <a:pt x="84" y="476"/>
                    </a:lnTo>
                    <a:lnTo>
                      <a:pt x="254" y="476"/>
                    </a:lnTo>
                    <a:lnTo>
                      <a:pt x="254" y="540"/>
                    </a:lnTo>
                    <a:lnTo>
                      <a:pt x="0" y="540"/>
                    </a:lnTo>
                    <a:lnTo>
                      <a:pt x="0" y="0"/>
                    </a:lnTo>
                  </a:path>
                </a:pathLst>
              </a:custGeom>
              <a:solidFill>
                <a:srgbClr val="80808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24594" name="Freeform 44"/>
              <p:cNvSpPr>
                <a:spLocks/>
              </p:cNvSpPr>
              <p:nvPr/>
            </p:nvSpPr>
            <p:spPr bwMode="auto">
              <a:xfrm>
                <a:off x="5189" y="3059"/>
                <a:ext cx="319" cy="539"/>
              </a:xfrm>
              <a:custGeom>
                <a:avLst/>
                <a:gdLst>
                  <a:gd name="T0" fmla="*/ 0 w 319"/>
                  <a:gd name="T1" fmla="*/ 0 h 539"/>
                  <a:gd name="T2" fmla="*/ 64 w 319"/>
                  <a:gd name="T3" fmla="*/ 0 h 539"/>
                  <a:gd name="T4" fmla="*/ 64 w 319"/>
                  <a:gd name="T5" fmla="*/ 464 h 539"/>
                  <a:gd name="T6" fmla="*/ 318 w 319"/>
                  <a:gd name="T7" fmla="*/ 464 h 539"/>
                  <a:gd name="T8" fmla="*/ 318 w 319"/>
                  <a:gd name="T9" fmla="*/ 538 h 539"/>
                  <a:gd name="T10" fmla="*/ 0 w 319"/>
                  <a:gd name="T11" fmla="*/ 538 h 539"/>
                  <a:gd name="T12" fmla="*/ 0 w 319"/>
                  <a:gd name="T13" fmla="*/ 0 h 539"/>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319" h="539">
                    <a:moveTo>
                      <a:pt x="0" y="0"/>
                    </a:moveTo>
                    <a:lnTo>
                      <a:pt x="64" y="0"/>
                    </a:lnTo>
                    <a:lnTo>
                      <a:pt x="64" y="464"/>
                    </a:lnTo>
                    <a:lnTo>
                      <a:pt x="318" y="464"/>
                    </a:lnTo>
                    <a:lnTo>
                      <a:pt x="318" y="538"/>
                    </a:lnTo>
                    <a:lnTo>
                      <a:pt x="0" y="538"/>
                    </a:lnTo>
                    <a:lnTo>
                      <a:pt x="0" y="0"/>
                    </a:lnTo>
                  </a:path>
                </a:pathLst>
              </a:custGeom>
              <a:solidFill>
                <a:srgbClr val="C0C0C0"/>
              </a:solidFill>
              <a:ln w="12700" cap="rnd" cmpd="sng">
                <a:solidFill>
                  <a:srgbClr val="00000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grpSp>
      </p:grpSp>
      <p:sp>
        <p:nvSpPr>
          <p:cNvPr id="24585" name="Line 45"/>
          <p:cNvSpPr>
            <a:spLocks noChangeShapeType="1"/>
          </p:cNvSpPr>
          <p:nvPr/>
        </p:nvSpPr>
        <p:spPr bwMode="auto">
          <a:xfrm>
            <a:off x="4509170" y="1432198"/>
            <a:ext cx="685800" cy="0"/>
          </a:xfrm>
          <a:prstGeom prst="line">
            <a:avLst/>
          </a:prstGeom>
          <a:noFill/>
          <a:ln w="57150">
            <a:solidFill>
              <a:srgbClr val="003300"/>
            </a:solidFill>
            <a:round/>
            <a:headEnd type="triangle" w="med" len="me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s-419" sz="1013" dirty="0"/>
          </a:p>
        </p:txBody>
      </p:sp>
      <p:pic>
        <p:nvPicPr>
          <p:cNvPr id="24586" name="Picture 46"/>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473202" y="1764383"/>
            <a:ext cx="1685925" cy="2343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8291141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2"/>
          <p:cNvSpPr>
            <a:spLocks noChangeArrowheads="1"/>
          </p:cNvSpPr>
          <p:nvPr/>
        </p:nvSpPr>
        <p:spPr bwMode="auto">
          <a:xfrm>
            <a:off x="1701452" y="1267785"/>
            <a:ext cx="6398940" cy="1295400"/>
          </a:xfrm>
          <a:prstGeom prst="rect">
            <a:avLst/>
          </a:prstGeom>
          <a:solidFill>
            <a:srgbClr val="FFFF99"/>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760835" name="Rectangle 3"/>
          <p:cNvSpPr>
            <a:spLocks noGrp="1" noChangeArrowheads="1"/>
          </p:cNvSpPr>
          <p:nvPr>
            <p:ph type="title" idx="4294967295"/>
          </p:nvPr>
        </p:nvSpPr>
        <p:spPr/>
        <p:txBody>
          <a:bodyPr/>
          <a:lstStyle/>
          <a:p>
            <a:pPr eaLnBrk="1" hangingPunct="1">
              <a:defRPr/>
            </a:pPr>
            <a:r>
              <a:rPr lang="es-CO" dirty="0"/>
              <a:t>Principios básicos </a:t>
            </a:r>
            <a:r>
              <a:rPr lang="es-CO" sz="2400" b="0" dirty="0"/>
              <a:t>(como en el Código Civil)</a:t>
            </a:r>
            <a:endParaRPr lang="fr-CH" sz="1000" dirty="0">
              <a:latin typeface="+mj-lt"/>
            </a:endParaRPr>
          </a:p>
        </p:txBody>
      </p:sp>
      <p:sp>
        <p:nvSpPr>
          <p:cNvPr id="23556" name="Text Box 4"/>
          <p:cNvSpPr txBox="1">
            <a:spLocks noChangeArrowheads="1"/>
          </p:cNvSpPr>
          <p:nvPr/>
        </p:nvSpPr>
        <p:spPr bwMode="auto">
          <a:xfrm>
            <a:off x="1755030" y="1321362"/>
            <a:ext cx="6345362" cy="23083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357188" indent="-357188">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spcBef>
                <a:spcPct val="20000"/>
              </a:spcBef>
              <a:spcAft>
                <a:spcPct val="20000"/>
              </a:spcAft>
              <a:buClr>
                <a:srgbClr val="FF0000"/>
              </a:buClr>
              <a:buFontTx/>
              <a:buChar char="•"/>
            </a:pPr>
            <a:r>
              <a:rPr lang="es-CO" altLang="de-DE" sz="1800" b="1" dirty="0">
                <a:solidFill>
                  <a:srgbClr val="FF0000"/>
                </a:solidFill>
              </a:rPr>
              <a:t>Ninguna propiedad sin registro </a:t>
            </a:r>
            <a:r>
              <a:rPr lang="es-CO" altLang="de-DE" sz="1200" dirty="0">
                <a:solidFill>
                  <a:schemeClr val="tx1"/>
                </a:solidFill>
              </a:rPr>
              <a:t>(art. 656)</a:t>
            </a:r>
          </a:p>
          <a:p>
            <a:pPr>
              <a:spcBef>
                <a:spcPct val="20000"/>
              </a:spcBef>
              <a:spcAft>
                <a:spcPct val="20000"/>
              </a:spcAft>
              <a:buClr>
                <a:srgbClr val="FF0000"/>
              </a:buClr>
              <a:buFontTx/>
              <a:buChar char="•"/>
            </a:pPr>
            <a:r>
              <a:rPr lang="es-CO" altLang="de-DE" sz="1800" b="1" dirty="0">
                <a:solidFill>
                  <a:srgbClr val="FF0000"/>
                </a:solidFill>
              </a:rPr>
              <a:t>No hay registro sin plano catastral </a:t>
            </a:r>
            <a:r>
              <a:rPr lang="es-CO" altLang="de-DE" sz="1200" dirty="0">
                <a:solidFill>
                  <a:schemeClr val="tx1"/>
                </a:solidFill>
              </a:rPr>
              <a:t>(art. 950)</a:t>
            </a:r>
          </a:p>
          <a:p>
            <a:pPr>
              <a:spcBef>
                <a:spcPct val="20000"/>
              </a:spcBef>
              <a:spcAft>
                <a:spcPct val="20000"/>
              </a:spcAft>
              <a:buClr>
                <a:srgbClr val="FF0000"/>
              </a:buClr>
              <a:buFontTx/>
              <a:buChar char="•"/>
            </a:pPr>
            <a:r>
              <a:rPr lang="es-CO" altLang="de-DE" sz="1800" b="1" dirty="0">
                <a:solidFill>
                  <a:srgbClr val="FF0000"/>
                </a:solidFill>
              </a:rPr>
              <a:t>No hay catastro sin definición de los linderos </a:t>
            </a:r>
            <a:r>
              <a:rPr lang="es-CO" altLang="de-DE" sz="1200" dirty="0">
                <a:solidFill>
                  <a:schemeClr val="tx1"/>
                </a:solidFill>
              </a:rPr>
              <a:t>(art. 669)</a:t>
            </a:r>
            <a:endParaRPr lang="es-CO" altLang="de-DE" sz="1600" dirty="0">
              <a:solidFill>
                <a:schemeClr val="tx1"/>
              </a:solidFill>
            </a:endParaRPr>
          </a:p>
          <a:p>
            <a:pPr>
              <a:spcBef>
                <a:spcPct val="20000"/>
              </a:spcBef>
              <a:spcAft>
                <a:spcPct val="20000"/>
              </a:spcAft>
              <a:buClr>
                <a:srgbClr val="FF0000"/>
              </a:buClr>
              <a:buFont typeface="Wingdings" pitchFamily="2" charset="2"/>
              <a:buChar char="Ø"/>
            </a:pPr>
            <a:endParaRPr lang="es-CO" altLang="de-DE" sz="1800" b="1" dirty="0">
              <a:solidFill>
                <a:schemeClr val="tx1"/>
              </a:solidFill>
            </a:endParaRPr>
          </a:p>
          <a:p>
            <a:pPr>
              <a:spcBef>
                <a:spcPct val="20000"/>
              </a:spcBef>
              <a:spcAft>
                <a:spcPct val="20000"/>
              </a:spcAft>
              <a:buClr>
                <a:srgbClr val="FF0000"/>
              </a:buClr>
              <a:buFont typeface="Wingdings" pitchFamily="2" charset="2"/>
              <a:buChar char="Ø"/>
            </a:pPr>
            <a:r>
              <a:rPr lang="es-CO" altLang="de-DE" sz="1800" b="1" dirty="0">
                <a:solidFill>
                  <a:schemeClr val="tx1"/>
                </a:solidFill>
              </a:rPr>
              <a:t>Sistema de registro de títulos</a:t>
            </a:r>
          </a:p>
          <a:p>
            <a:pPr>
              <a:spcBef>
                <a:spcPct val="20000"/>
              </a:spcBef>
              <a:spcAft>
                <a:spcPct val="20000"/>
              </a:spcAft>
              <a:buClr>
                <a:srgbClr val="FF0000"/>
              </a:buClr>
              <a:buFont typeface="Wingdings" pitchFamily="2" charset="2"/>
              <a:buChar char="Ø"/>
            </a:pPr>
            <a:r>
              <a:rPr lang="es-CO" altLang="de-DE" sz="1800" b="1" dirty="0">
                <a:solidFill>
                  <a:schemeClr val="tx1"/>
                </a:solidFill>
              </a:rPr>
              <a:t>Título garantizado por el gobierno</a:t>
            </a:r>
            <a:endParaRPr lang="en-GB" altLang="de-DE" sz="1800" b="1" dirty="0">
              <a:solidFill>
                <a:schemeClr val="tx1"/>
              </a:solidFill>
            </a:endParaRPr>
          </a:p>
        </p:txBody>
      </p:sp>
    </p:spTree>
    <p:extLst>
      <p:ext uri="{BB962C8B-B14F-4D97-AF65-F5344CB8AC3E}">
        <p14:creationId xmlns:p14="http://schemas.microsoft.com/office/powerpoint/2010/main" val="29438293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296000" y="242889"/>
            <a:ext cx="7596480" cy="741760"/>
          </a:xfrm>
        </p:spPr>
        <p:txBody>
          <a:bodyPr/>
          <a:lstStyle/>
          <a:p>
            <a:r>
              <a:rPr lang="es-419" dirty="0"/>
              <a:t>Definición de predio: enfoque sistemático / cobertura total</a:t>
            </a:r>
          </a:p>
        </p:txBody>
      </p:sp>
      <p:pic>
        <p:nvPicPr>
          <p:cNvPr id="7" name="Grafik 6"/>
          <p:cNvPicPr>
            <a:picLocks noChangeAspect="1"/>
          </p:cNvPicPr>
          <p:nvPr/>
        </p:nvPicPr>
        <p:blipFill rotWithShape="1">
          <a:blip r:embed="rId3"/>
          <a:srcRect l="17083" t="18794" r="19792" b="6206"/>
          <a:stretch/>
        </p:blipFill>
        <p:spPr>
          <a:xfrm>
            <a:off x="1331640" y="1203598"/>
            <a:ext cx="4613960" cy="3312000"/>
          </a:xfrm>
          <a:prstGeom prst="rect">
            <a:avLst/>
          </a:prstGeom>
          <a:ln>
            <a:noFill/>
          </a:ln>
          <a:effectLst>
            <a:outerShdw blurRad="292100" dist="139700" dir="2700000" algn="tl" rotWithShape="0">
              <a:srgbClr val="333333">
                <a:alpha val="65000"/>
              </a:srgbClr>
            </a:outerShdw>
          </a:effectLst>
        </p:spPr>
      </p:pic>
      <p:pic>
        <p:nvPicPr>
          <p:cNvPr id="6" name="Grafik 5"/>
          <p:cNvPicPr>
            <a:picLocks noChangeAspect="1"/>
          </p:cNvPicPr>
          <p:nvPr/>
        </p:nvPicPr>
        <p:blipFill rotWithShape="1">
          <a:blip r:embed="rId4"/>
          <a:srcRect l="23229" t="16207" r="19375" b="1552"/>
          <a:stretch/>
        </p:blipFill>
        <p:spPr>
          <a:xfrm>
            <a:off x="5004048" y="1347614"/>
            <a:ext cx="3825811" cy="331200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046383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6450" name="Rectangle 2"/>
          <p:cNvSpPr>
            <a:spLocks noGrp="1" noChangeArrowheads="1"/>
          </p:cNvSpPr>
          <p:nvPr>
            <p:ph type="title" idx="4294967295"/>
          </p:nvPr>
        </p:nvSpPr>
        <p:spPr>
          <a:xfrm>
            <a:off x="1296000" y="242887"/>
            <a:ext cx="7524472" cy="729000"/>
          </a:xfrm>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round/>
                <a:headEnd/>
                <a:tailEnd/>
              </a14:hiddenLine>
            </a:ext>
          </a:extLst>
        </p:spPr>
        <p:txBody>
          <a:bodyPr/>
          <a:lstStyle/>
          <a:p>
            <a:pPr eaLnBrk="1" hangingPunct="1">
              <a:defRPr/>
            </a:pPr>
            <a:r>
              <a:rPr lang="es-CO" dirty="0">
                <a:latin typeface="+mj-lt"/>
              </a:rPr>
              <a:t>Organización del Catastro</a:t>
            </a:r>
            <a:endParaRPr lang="en-GB" dirty="0">
              <a:latin typeface="+mj-lt"/>
            </a:endParaRPr>
          </a:p>
        </p:txBody>
      </p:sp>
      <p:sp>
        <p:nvSpPr>
          <p:cNvPr id="39939" name="AutoShape 3"/>
          <p:cNvSpPr>
            <a:spLocks noChangeArrowheads="1"/>
          </p:cNvSpPr>
          <p:nvPr/>
        </p:nvSpPr>
        <p:spPr bwMode="auto">
          <a:xfrm>
            <a:off x="2814910" y="915566"/>
            <a:ext cx="4258866" cy="3713560"/>
          </a:xfrm>
          <a:prstGeom prst="flowChartExtract">
            <a:avLst/>
          </a:prstGeom>
          <a:solidFill>
            <a:srgbClr val="FFCCCC"/>
          </a:solidFill>
          <a:ln w="9525">
            <a:solidFill>
              <a:srgbClr val="FFD5D5"/>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40" name="Rectangle 4"/>
          <p:cNvSpPr>
            <a:spLocks noChangeArrowheads="1"/>
          </p:cNvSpPr>
          <p:nvPr/>
        </p:nvSpPr>
        <p:spPr bwMode="auto">
          <a:xfrm>
            <a:off x="4316892" y="946522"/>
            <a:ext cx="1270381" cy="2827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CO" altLang="de-DE" sz="1400" b="1" i="1" dirty="0">
                <a:solidFill>
                  <a:srgbClr val="000000"/>
                </a:solidFill>
              </a:rPr>
              <a:t>Organización</a:t>
            </a:r>
            <a:endParaRPr lang="en-GB" altLang="de-DE" sz="1350" b="1" i="1" dirty="0">
              <a:solidFill>
                <a:srgbClr val="000000"/>
              </a:solidFill>
            </a:endParaRPr>
          </a:p>
        </p:txBody>
      </p:sp>
      <p:sp>
        <p:nvSpPr>
          <p:cNvPr id="39941" name="Rectangle 5"/>
          <p:cNvSpPr>
            <a:spLocks noChangeArrowheads="1"/>
          </p:cNvSpPr>
          <p:nvPr/>
        </p:nvSpPr>
        <p:spPr bwMode="auto">
          <a:xfrm>
            <a:off x="1550467" y="1565647"/>
            <a:ext cx="1389003" cy="2827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es-CO" altLang="de-DE" sz="1400" b="1" dirty="0">
                <a:solidFill>
                  <a:schemeClr val="tx1"/>
                </a:solidFill>
              </a:rPr>
              <a:t>Confederación</a:t>
            </a:r>
            <a:endParaRPr lang="en-GB" altLang="de-DE" sz="1350" b="1" dirty="0">
              <a:solidFill>
                <a:schemeClr val="tx1"/>
              </a:solidFill>
            </a:endParaRPr>
          </a:p>
        </p:txBody>
      </p:sp>
      <p:sp>
        <p:nvSpPr>
          <p:cNvPr id="39942" name="Rectangle 6"/>
          <p:cNvSpPr>
            <a:spLocks noChangeArrowheads="1"/>
          </p:cNvSpPr>
          <p:nvPr/>
        </p:nvSpPr>
        <p:spPr bwMode="auto">
          <a:xfrm>
            <a:off x="1550467" y="2490763"/>
            <a:ext cx="733375" cy="27507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en-GB" altLang="de-DE" sz="1350" b="1" dirty="0" err="1">
                <a:solidFill>
                  <a:schemeClr val="tx1"/>
                </a:solidFill>
              </a:rPr>
              <a:t>Cantón</a:t>
            </a:r>
            <a:endParaRPr lang="en-GB" altLang="de-DE" sz="1350" b="1" dirty="0">
              <a:solidFill>
                <a:schemeClr val="tx1"/>
              </a:solidFill>
            </a:endParaRPr>
          </a:p>
        </p:txBody>
      </p:sp>
      <p:sp>
        <p:nvSpPr>
          <p:cNvPr id="39943" name="Rectangle 7"/>
          <p:cNvSpPr>
            <a:spLocks noChangeArrowheads="1"/>
          </p:cNvSpPr>
          <p:nvPr/>
        </p:nvSpPr>
        <p:spPr bwMode="auto">
          <a:xfrm>
            <a:off x="1554877" y="926282"/>
            <a:ext cx="565060" cy="2827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CO" altLang="de-DE" sz="1400" b="1" i="1" dirty="0">
                <a:solidFill>
                  <a:srgbClr val="000000"/>
                </a:solidFill>
              </a:rPr>
              <a:t>Nivel</a:t>
            </a:r>
            <a:endParaRPr lang="en-GB" altLang="de-DE" sz="1350" b="1" i="1" dirty="0">
              <a:solidFill>
                <a:srgbClr val="000000"/>
              </a:solidFill>
            </a:endParaRPr>
          </a:p>
        </p:txBody>
      </p:sp>
      <p:sp>
        <p:nvSpPr>
          <p:cNvPr id="39944" name="Rectangle 8"/>
          <p:cNvSpPr>
            <a:spLocks noChangeArrowheads="1"/>
          </p:cNvSpPr>
          <p:nvPr/>
        </p:nvSpPr>
        <p:spPr bwMode="auto">
          <a:xfrm>
            <a:off x="5218784" y="1685901"/>
            <a:ext cx="185148" cy="27507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en-GB" altLang="de-DE" sz="1350">
                <a:solidFill>
                  <a:srgbClr val="000000"/>
                </a:solidFill>
              </a:rPr>
              <a:t> </a:t>
            </a:r>
          </a:p>
        </p:txBody>
      </p:sp>
      <p:sp>
        <p:nvSpPr>
          <p:cNvPr id="39945" name="Line 9"/>
          <p:cNvSpPr>
            <a:spLocks noChangeShapeType="1"/>
          </p:cNvSpPr>
          <p:nvPr/>
        </p:nvSpPr>
        <p:spPr bwMode="auto">
          <a:xfrm>
            <a:off x="1596901" y="3593281"/>
            <a:ext cx="6318647" cy="0"/>
          </a:xfrm>
          <a:prstGeom prst="line">
            <a:avLst/>
          </a:prstGeom>
          <a:noFill/>
          <a:ln w="38100">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39946" name="Rectangle 10"/>
          <p:cNvSpPr>
            <a:spLocks noChangeArrowheads="1"/>
          </p:cNvSpPr>
          <p:nvPr/>
        </p:nvSpPr>
        <p:spPr bwMode="auto">
          <a:xfrm>
            <a:off x="1550467" y="3908797"/>
            <a:ext cx="970619" cy="2827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es-CO" altLang="de-DE" sz="1400" b="1" dirty="0">
                <a:solidFill>
                  <a:schemeClr val="tx1"/>
                </a:solidFill>
              </a:rPr>
              <a:t>Municipio</a:t>
            </a:r>
            <a:endParaRPr lang="en-GB" altLang="de-DE" sz="1350" b="1" dirty="0">
              <a:solidFill>
                <a:schemeClr val="tx1"/>
              </a:solidFill>
            </a:endParaRPr>
          </a:p>
        </p:txBody>
      </p:sp>
      <p:sp>
        <p:nvSpPr>
          <p:cNvPr id="39947" name="Rectangle 25"/>
          <p:cNvSpPr>
            <a:spLocks noChangeArrowheads="1"/>
          </p:cNvSpPr>
          <p:nvPr/>
        </p:nvSpPr>
        <p:spPr bwMode="auto">
          <a:xfrm>
            <a:off x="5800998" y="4408859"/>
            <a:ext cx="1549304" cy="2289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defTabSz="914400">
              <a:lnSpc>
                <a:spcPct val="100000"/>
              </a:lnSpc>
              <a:buClrTx/>
              <a:buSzTx/>
              <a:buFontTx/>
              <a:buNone/>
            </a:pPr>
            <a:r>
              <a:rPr lang="es-CO" altLang="de-DE" sz="1050" dirty="0">
                <a:solidFill>
                  <a:schemeClr val="tx1"/>
                </a:solidFill>
              </a:rPr>
              <a:t>aprox. 2700 empleados</a:t>
            </a:r>
          </a:p>
        </p:txBody>
      </p:sp>
      <p:sp>
        <p:nvSpPr>
          <p:cNvPr id="39948" name="Rectangle 26"/>
          <p:cNvSpPr>
            <a:spLocks noChangeArrowheads="1"/>
          </p:cNvSpPr>
          <p:nvPr/>
        </p:nvSpPr>
        <p:spPr bwMode="auto">
          <a:xfrm>
            <a:off x="6791599" y="3837359"/>
            <a:ext cx="1188244" cy="2827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r"/>
            <a:r>
              <a:rPr lang="es-CO" altLang="de-DE" sz="1400" b="1" dirty="0">
                <a:solidFill>
                  <a:srgbClr val="CC0066"/>
                </a:solidFill>
              </a:rPr>
              <a:t>Ejecución</a:t>
            </a:r>
            <a:endParaRPr lang="en-GB" altLang="de-DE" sz="1350" b="1" dirty="0">
              <a:solidFill>
                <a:srgbClr val="CC0066"/>
              </a:solidFill>
            </a:endParaRPr>
          </a:p>
        </p:txBody>
      </p:sp>
      <p:grpSp>
        <p:nvGrpSpPr>
          <p:cNvPr id="39949" name="Group 27"/>
          <p:cNvGrpSpPr>
            <a:grpSpLocks/>
          </p:cNvGrpSpPr>
          <p:nvPr/>
        </p:nvGrpSpPr>
        <p:grpSpPr bwMode="auto">
          <a:xfrm>
            <a:off x="3786462" y="2328838"/>
            <a:ext cx="4193381" cy="1279921"/>
            <a:chOff x="2154" y="1841"/>
            <a:chExt cx="3522" cy="1075"/>
          </a:xfrm>
        </p:grpSpPr>
        <p:sp>
          <p:nvSpPr>
            <p:cNvPr id="39981" name="Rectangle 28"/>
            <p:cNvSpPr>
              <a:spLocks noChangeArrowheads="1"/>
            </p:cNvSpPr>
            <p:nvPr/>
          </p:nvSpPr>
          <p:spPr bwMode="auto">
            <a:xfrm>
              <a:off x="2593" y="1841"/>
              <a:ext cx="368" cy="272"/>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82" name="Rectangle 29"/>
            <p:cNvSpPr>
              <a:spLocks noChangeArrowheads="1"/>
            </p:cNvSpPr>
            <p:nvPr/>
          </p:nvSpPr>
          <p:spPr bwMode="auto">
            <a:xfrm>
              <a:off x="3025" y="1841"/>
              <a:ext cx="368" cy="272"/>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83" name="Rectangle 30"/>
            <p:cNvSpPr>
              <a:spLocks noChangeArrowheads="1"/>
            </p:cNvSpPr>
            <p:nvPr/>
          </p:nvSpPr>
          <p:spPr bwMode="auto">
            <a:xfrm>
              <a:off x="3457" y="1841"/>
              <a:ext cx="368" cy="272"/>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84" name="Rectangle 31"/>
            <p:cNvSpPr>
              <a:spLocks noChangeArrowheads="1"/>
            </p:cNvSpPr>
            <p:nvPr/>
          </p:nvSpPr>
          <p:spPr bwMode="auto">
            <a:xfrm>
              <a:off x="3553" y="2177"/>
              <a:ext cx="368" cy="272"/>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85" name="Rectangle 32"/>
            <p:cNvSpPr>
              <a:spLocks noChangeArrowheads="1"/>
            </p:cNvSpPr>
            <p:nvPr/>
          </p:nvSpPr>
          <p:spPr bwMode="auto">
            <a:xfrm>
              <a:off x="2785" y="2513"/>
              <a:ext cx="368" cy="272"/>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86" name="Rectangle 33"/>
            <p:cNvSpPr>
              <a:spLocks noChangeArrowheads="1"/>
            </p:cNvSpPr>
            <p:nvPr/>
          </p:nvSpPr>
          <p:spPr bwMode="auto">
            <a:xfrm>
              <a:off x="3217" y="2513"/>
              <a:ext cx="368" cy="272"/>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87" name="Rectangle 34"/>
            <p:cNvSpPr>
              <a:spLocks noChangeArrowheads="1"/>
            </p:cNvSpPr>
            <p:nvPr/>
          </p:nvSpPr>
          <p:spPr bwMode="auto">
            <a:xfrm>
              <a:off x="2154" y="2160"/>
              <a:ext cx="1440" cy="32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defTabSz="914400">
                <a:lnSpc>
                  <a:spcPct val="100000"/>
                </a:lnSpc>
                <a:buClrTx/>
                <a:buSzTx/>
                <a:buFontTx/>
                <a:buNone/>
              </a:pPr>
              <a:r>
                <a:rPr lang="es-CO" altLang="de-DE" sz="1050" b="1" i="1" dirty="0">
                  <a:solidFill>
                    <a:schemeClr val="tx1"/>
                  </a:solidFill>
                </a:rPr>
                <a:t>Oficinas Cantonales de</a:t>
              </a:r>
            </a:p>
            <a:p>
              <a:pPr algn="ctr" defTabSz="914400">
                <a:lnSpc>
                  <a:spcPct val="100000"/>
                </a:lnSpc>
                <a:buClrTx/>
                <a:buSzTx/>
                <a:buFontTx/>
                <a:buNone/>
              </a:pPr>
              <a:r>
                <a:rPr lang="es-CO" altLang="de-DE" sz="1050" b="1" i="1" dirty="0">
                  <a:solidFill>
                    <a:schemeClr val="tx1"/>
                  </a:solidFill>
                </a:rPr>
                <a:t>Catastro</a:t>
              </a:r>
            </a:p>
          </p:txBody>
        </p:sp>
        <p:sp>
          <p:nvSpPr>
            <p:cNvPr id="39988" name="Rectangle 35"/>
            <p:cNvSpPr>
              <a:spLocks noChangeArrowheads="1"/>
            </p:cNvSpPr>
            <p:nvPr/>
          </p:nvSpPr>
          <p:spPr bwMode="auto">
            <a:xfrm>
              <a:off x="3594" y="2724"/>
              <a:ext cx="1238" cy="1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es-CO" altLang="de-DE" sz="1050" dirty="0">
                  <a:solidFill>
                    <a:schemeClr val="tx1"/>
                  </a:solidFill>
                </a:rPr>
                <a:t>aprox. 300 empleados</a:t>
              </a:r>
            </a:p>
          </p:txBody>
        </p:sp>
        <p:sp>
          <p:nvSpPr>
            <p:cNvPr id="39989" name="Rectangle 36"/>
            <p:cNvSpPr>
              <a:spLocks noChangeArrowheads="1"/>
            </p:cNvSpPr>
            <p:nvPr/>
          </p:nvSpPr>
          <p:spPr bwMode="auto">
            <a:xfrm>
              <a:off x="4088" y="2155"/>
              <a:ext cx="1588" cy="2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r" defTabSz="914400">
                <a:lnSpc>
                  <a:spcPct val="100000"/>
                </a:lnSpc>
                <a:buClrTx/>
                <a:buSzTx/>
                <a:buFontTx/>
                <a:buNone/>
              </a:pPr>
              <a:r>
                <a:rPr lang="es-CO" altLang="de-DE" sz="1400" b="1" dirty="0">
                  <a:solidFill>
                    <a:srgbClr val="CC0066"/>
                  </a:solidFill>
                </a:rPr>
                <a:t>Manejo operacional</a:t>
              </a:r>
            </a:p>
          </p:txBody>
        </p:sp>
      </p:grpSp>
      <p:sp>
        <p:nvSpPr>
          <p:cNvPr id="39950" name="Rectangle 37"/>
          <p:cNvSpPr>
            <a:spLocks noChangeArrowheads="1"/>
          </p:cNvSpPr>
          <p:nvPr/>
        </p:nvSpPr>
        <p:spPr bwMode="auto">
          <a:xfrm>
            <a:off x="7039509" y="952476"/>
            <a:ext cx="1259161" cy="2827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lgn="ctr">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CO" altLang="de-DE" sz="1400" b="1" i="1" dirty="0">
                <a:solidFill>
                  <a:srgbClr val="000000"/>
                </a:solidFill>
              </a:rPr>
              <a:t>Obligaciones</a:t>
            </a:r>
            <a:endParaRPr lang="en-GB" altLang="de-DE" sz="1350" b="1" i="1" dirty="0">
              <a:solidFill>
                <a:srgbClr val="000000"/>
              </a:solidFill>
            </a:endParaRPr>
          </a:p>
        </p:txBody>
      </p:sp>
      <p:sp>
        <p:nvSpPr>
          <p:cNvPr id="39951" name="Line 38"/>
          <p:cNvSpPr>
            <a:spLocks noChangeShapeType="1"/>
          </p:cNvSpPr>
          <p:nvPr/>
        </p:nvSpPr>
        <p:spPr bwMode="auto">
          <a:xfrm>
            <a:off x="1596901" y="2182390"/>
            <a:ext cx="6318647" cy="0"/>
          </a:xfrm>
          <a:prstGeom prst="line">
            <a:avLst/>
          </a:prstGeom>
          <a:noFill/>
          <a:ln w="38100">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grpSp>
        <p:nvGrpSpPr>
          <p:cNvPr id="39952" name="Group 39"/>
          <p:cNvGrpSpPr>
            <a:grpSpLocks/>
          </p:cNvGrpSpPr>
          <p:nvPr/>
        </p:nvGrpSpPr>
        <p:grpSpPr bwMode="auto">
          <a:xfrm>
            <a:off x="3836467" y="1306091"/>
            <a:ext cx="4143375" cy="831056"/>
            <a:chOff x="2196" y="982"/>
            <a:chExt cx="3480" cy="698"/>
          </a:xfrm>
        </p:grpSpPr>
        <p:sp>
          <p:nvSpPr>
            <p:cNvPr id="39977" name="Rectangle 40"/>
            <p:cNvSpPr>
              <a:spLocks noChangeArrowheads="1"/>
            </p:cNvSpPr>
            <p:nvPr/>
          </p:nvSpPr>
          <p:spPr bwMode="auto">
            <a:xfrm>
              <a:off x="2196" y="982"/>
              <a:ext cx="1302" cy="32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defTabSz="914400">
                <a:lnSpc>
                  <a:spcPct val="100000"/>
                </a:lnSpc>
                <a:buClrTx/>
                <a:buSzTx/>
                <a:buFontTx/>
                <a:buNone/>
              </a:pPr>
              <a:r>
                <a:rPr lang="es-CO" altLang="de-DE" sz="1050" b="1" i="1" dirty="0">
                  <a:solidFill>
                    <a:schemeClr val="tx1"/>
                  </a:solidFill>
                </a:rPr>
                <a:t>Dirección Federal de </a:t>
              </a:r>
            </a:p>
            <a:p>
              <a:pPr defTabSz="914400">
                <a:lnSpc>
                  <a:spcPct val="100000"/>
                </a:lnSpc>
                <a:buClrTx/>
                <a:buSzTx/>
                <a:buFontTx/>
                <a:buNone/>
              </a:pPr>
              <a:r>
                <a:rPr lang="es-CO" altLang="de-DE" sz="1050" b="1" i="1" dirty="0">
                  <a:solidFill>
                    <a:schemeClr val="tx1"/>
                  </a:solidFill>
                </a:rPr>
                <a:t>Catastro</a:t>
              </a:r>
            </a:p>
          </p:txBody>
        </p:sp>
        <p:sp>
          <p:nvSpPr>
            <p:cNvPr id="39978" name="Rectangle 41"/>
            <p:cNvSpPr>
              <a:spLocks noChangeArrowheads="1"/>
            </p:cNvSpPr>
            <p:nvPr/>
          </p:nvSpPr>
          <p:spPr bwMode="auto">
            <a:xfrm>
              <a:off x="3300" y="1488"/>
              <a:ext cx="1175" cy="1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defTabSz="914400">
                <a:lnSpc>
                  <a:spcPct val="100000"/>
                </a:lnSpc>
                <a:buClrTx/>
                <a:buSzTx/>
                <a:buFontTx/>
                <a:buNone/>
              </a:pPr>
              <a:r>
                <a:rPr lang="es-CO" altLang="de-DE" sz="1050" dirty="0">
                  <a:solidFill>
                    <a:schemeClr val="tx1"/>
                  </a:solidFill>
                </a:rPr>
                <a:t>aprox. 10 empleados</a:t>
              </a:r>
            </a:p>
          </p:txBody>
        </p:sp>
        <p:sp>
          <p:nvSpPr>
            <p:cNvPr id="39979" name="Rectangle 42"/>
            <p:cNvSpPr>
              <a:spLocks noChangeArrowheads="1"/>
            </p:cNvSpPr>
            <p:nvPr/>
          </p:nvSpPr>
          <p:spPr bwMode="auto">
            <a:xfrm>
              <a:off x="4014" y="1075"/>
              <a:ext cx="1662" cy="4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r" defTabSz="914400">
                <a:lnSpc>
                  <a:spcPct val="100000"/>
                </a:lnSpc>
                <a:buClrTx/>
                <a:buSzTx/>
                <a:buFontTx/>
                <a:buNone/>
              </a:pPr>
              <a:r>
                <a:rPr lang="es-CO" altLang="de-DE" sz="1400" b="1" dirty="0">
                  <a:solidFill>
                    <a:srgbClr val="CC0066"/>
                  </a:solidFill>
                </a:rPr>
                <a:t>Supervisión</a:t>
              </a:r>
            </a:p>
            <a:p>
              <a:pPr algn="r" defTabSz="914400">
                <a:lnSpc>
                  <a:spcPct val="100000"/>
                </a:lnSpc>
                <a:buClrTx/>
                <a:buSzTx/>
                <a:buFontTx/>
                <a:buNone/>
              </a:pPr>
              <a:r>
                <a:rPr lang="es-CO" altLang="de-DE" sz="1400" b="1" dirty="0">
                  <a:solidFill>
                    <a:srgbClr val="CC0066"/>
                  </a:solidFill>
                </a:rPr>
                <a:t>Manejo estratégico</a:t>
              </a:r>
            </a:p>
          </p:txBody>
        </p:sp>
        <p:sp>
          <p:nvSpPr>
            <p:cNvPr id="39980" name="Rectangle 43"/>
            <p:cNvSpPr>
              <a:spLocks noChangeArrowheads="1"/>
            </p:cNvSpPr>
            <p:nvPr/>
          </p:nvSpPr>
          <p:spPr bwMode="auto">
            <a:xfrm>
              <a:off x="2964" y="1152"/>
              <a:ext cx="432" cy="384"/>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grpSp>
      <p:sp>
        <p:nvSpPr>
          <p:cNvPr id="39953" name="Line 44"/>
          <p:cNvSpPr>
            <a:spLocks noChangeShapeType="1"/>
          </p:cNvSpPr>
          <p:nvPr/>
        </p:nvSpPr>
        <p:spPr bwMode="auto">
          <a:xfrm>
            <a:off x="1596901" y="1279896"/>
            <a:ext cx="6318647" cy="0"/>
          </a:xfrm>
          <a:prstGeom prst="line">
            <a:avLst/>
          </a:prstGeom>
          <a:noFill/>
          <a:ln w="38100">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grpSp>
        <p:nvGrpSpPr>
          <p:cNvPr id="39954" name="Group 45"/>
          <p:cNvGrpSpPr>
            <a:grpSpLocks/>
          </p:cNvGrpSpPr>
          <p:nvPr/>
        </p:nvGrpSpPr>
        <p:grpSpPr bwMode="auto">
          <a:xfrm>
            <a:off x="2338661" y="3215853"/>
            <a:ext cx="937022" cy="692944"/>
            <a:chOff x="1152" y="2571"/>
            <a:chExt cx="787" cy="582"/>
          </a:xfrm>
        </p:grpSpPr>
        <p:sp>
          <p:nvSpPr>
            <p:cNvPr id="39975" name="AutoShape 46"/>
            <p:cNvSpPr>
              <a:spLocks noChangeAspect="1" noChangeArrowheads="1"/>
            </p:cNvSpPr>
            <p:nvPr/>
          </p:nvSpPr>
          <p:spPr bwMode="auto">
            <a:xfrm>
              <a:off x="1329" y="2571"/>
              <a:ext cx="364" cy="582"/>
            </a:xfrm>
            <a:prstGeom prst="upDownArrow">
              <a:avLst>
                <a:gd name="adj1" fmla="val 50000"/>
                <a:gd name="adj2" fmla="val 31978"/>
              </a:avLst>
            </a:prstGeom>
            <a:solidFill>
              <a:schemeClr val="accent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76" name="Text Box 47"/>
            <p:cNvSpPr txBox="1">
              <a:spLocks noChangeAspect="1" noChangeArrowheads="1"/>
            </p:cNvSpPr>
            <p:nvPr/>
          </p:nvSpPr>
          <p:spPr bwMode="auto">
            <a:xfrm>
              <a:off x="1152" y="2756"/>
              <a:ext cx="787" cy="233"/>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es-CO" altLang="de-DE" sz="1200" b="1" dirty="0">
                  <a:solidFill>
                    <a:schemeClr val="tx1"/>
                  </a:solidFill>
                </a:rPr>
                <a:t>Contrato</a:t>
              </a:r>
              <a:endParaRPr lang="en-GB" altLang="de-DE" sz="1200" b="1" dirty="0">
                <a:solidFill>
                  <a:schemeClr val="tx1"/>
                </a:solidFill>
              </a:endParaRPr>
            </a:p>
          </p:txBody>
        </p:sp>
      </p:grpSp>
      <p:grpSp>
        <p:nvGrpSpPr>
          <p:cNvPr id="39955" name="Group 48"/>
          <p:cNvGrpSpPr>
            <a:grpSpLocks/>
          </p:cNvGrpSpPr>
          <p:nvPr/>
        </p:nvGrpSpPr>
        <p:grpSpPr bwMode="auto">
          <a:xfrm>
            <a:off x="2250555" y="1844253"/>
            <a:ext cx="1097756" cy="692944"/>
            <a:chOff x="910" y="1434"/>
            <a:chExt cx="922" cy="582"/>
          </a:xfrm>
        </p:grpSpPr>
        <p:sp>
          <p:nvSpPr>
            <p:cNvPr id="39973" name="AutoShape 49"/>
            <p:cNvSpPr>
              <a:spLocks noChangeAspect="1" noChangeArrowheads="1"/>
            </p:cNvSpPr>
            <p:nvPr/>
          </p:nvSpPr>
          <p:spPr bwMode="auto">
            <a:xfrm>
              <a:off x="1161" y="1434"/>
              <a:ext cx="364" cy="582"/>
            </a:xfrm>
            <a:prstGeom prst="upDownArrow">
              <a:avLst>
                <a:gd name="adj1" fmla="val 50000"/>
                <a:gd name="adj2" fmla="val 31978"/>
              </a:avLst>
            </a:prstGeom>
            <a:solidFill>
              <a:schemeClr val="accent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74" name="Text Box 50"/>
            <p:cNvSpPr txBox="1">
              <a:spLocks noChangeAspect="1" noChangeArrowheads="1"/>
            </p:cNvSpPr>
            <p:nvPr/>
          </p:nvSpPr>
          <p:spPr bwMode="auto">
            <a:xfrm>
              <a:off x="910" y="1619"/>
              <a:ext cx="922" cy="233"/>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CO" altLang="de-DE" sz="1200" b="1" dirty="0">
                  <a:solidFill>
                    <a:schemeClr val="tx1"/>
                  </a:solidFill>
                </a:rPr>
                <a:t>Acuerdos</a:t>
              </a:r>
              <a:endParaRPr lang="en-GB" altLang="de-DE" sz="1200" b="1" dirty="0">
                <a:solidFill>
                  <a:schemeClr val="tx1"/>
                </a:solidFill>
              </a:endParaRPr>
            </a:p>
          </p:txBody>
        </p:sp>
      </p:grpSp>
      <p:sp>
        <p:nvSpPr>
          <p:cNvPr id="39956" name="Rectangle 53"/>
          <p:cNvSpPr>
            <a:spLocks noChangeArrowheads="1"/>
          </p:cNvSpPr>
          <p:nvPr/>
        </p:nvSpPr>
        <p:spPr bwMode="auto">
          <a:xfrm>
            <a:off x="3542076" y="3680197"/>
            <a:ext cx="2730717" cy="3904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7866" tIns="33338" rIns="67866" bIns="33338">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defTabSz="914400">
              <a:lnSpc>
                <a:spcPct val="100000"/>
              </a:lnSpc>
              <a:buClrTx/>
              <a:buSzTx/>
              <a:buFontTx/>
              <a:buNone/>
            </a:pPr>
            <a:r>
              <a:rPr lang="es-CO" altLang="de-DE" sz="1050" b="1" i="1" dirty="0">
                <a:solidFill>
                  <a:schemeClr val="tx1"/>
                </a:solidFill>
              </a:rPr>
              <a:t>~250 Oficinas privadas de </a:t>
            </a:r>
            <a:r>
              <a:rPr lang="es-CO" altLang="de-DE" sz="1050" b="1" i="1" dirty="0" err="1">
                <a:solidFill>
                  <a:schemeClr val="tx1"/>
                </a:solidFill>
              </a:rPr>
              <a:t>Geomensores</a:t>
            </a:r>
            <a:endParaRPr lang="es-CO" altLang="de-DE" sz="1050" b="1" i="1" dirty="0">
              <a:solidFill>
                <a:schemeClr val="tx1"/>
              </a:solidFill>
            </a:endParaRPr>
          </a:p>
          <a:p>
            <a:pPr algn="ctr" defTabSz="914400">
              <a:lnSpc>
                <a:spcPct val="100000"/>
              </a:lnSpc>
              <a:buClrTx/>
              <a:buSzTx/>
              <a:buFontTx/>
              <a:buNone/>
            </a:pPr>
            <a:r>
              <a:rPr lang="es-CO" altLang="de-DE" sz="1050" b="1" i="1" dirty="0">
                <a:solidFill>
                  <a:schemeClr val="tx1"/>
                </a:solidFill>
              </a:rPr>
              <a:t>11 Oficinas de Catastro en Ciudades</a:t>
            </a:r>
            <a:endParaRPr lang="en-GB" altLang="de-DE" sz="1050" b="1" i="1" dirty="0">
              <a:solidFill>
                <a:schemeClr val="tx1"/>
              </a:solidFill>
            </a:endParaRPr>
          </a:p>
        </p:txBody>
      </p:sp>
      <p:sp>
        <p:nvSpPr>
          <p:cNvPr id="39958" name="Rectangle 12"/>
          <p:cNvSpPr>
            <a:spLocks noChangeArrowheads="1"/>
          </p:cNvSpPr>
          <p:nvPr/>
        </p:nvSpPr>
        <p:spPr bwMode="auto">
          <a:xfrm>
            <a:off x="3443560" y="4433862"/>
            <a:ext cx="171450" cy="100013"/>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59" name="Rectangle 13"/>
          <p:cNvSpPr>
            <a:spLocks noChangeArrowheads="1"/>
          </p:cNvSpPr>
          <p:nvPr/>
        </p:nvSpPr>
        <p:spPr bwMode="auto">
          <a:xfrm>
            <a:off x="3729310" y="4352899"/>
            <a:ext cx="171450" cy="100013"/>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60" name="Rectangle 14"/>
          <p:cNvSpPr>
            <a:spLocks noChangeArrowheads="1"/>
          </p:cNvSpPr>
          <p:nvPr/>
        </p:nvSpPr>
        <p:spPr bwMode="auto">
          <a:xfrm>
            <a:off x="3900760" y="4190974"/>
            <a:ext cx="171450" cy="100013"/>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61" name="Rectangle 15"/>
          <p:cNvSpPr>
            <a:spLocks noChangeArrowheads="1"/>
          </p:cNvSpPr>
          <p:nvPr/>
        </p:nvSpPr>
        <p:spPr bwMode="auto">
          <a:xfrm>
            <a:off x="4072210" y="4352900"/>
            <a:ext cx="171450" cy="161925"/>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62" name="Rectangle 16"/>
          <p:cNvSpPr>
            <a:spLocks noChangeArrowheads="1"/>
          </p:cNvSpPr>
          <p:nvPr/>
        </p:nvSpPr>
        <p:spPr bwMode="auto">
          <a:xfrm>
            <a:off x="4415110" y="4414812"/>
            <a:ext cx="171450" cy="100013"/>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63" name="Rectangle 17"/>
          <p:cNvSpPr>
            <a:spLocks noChangeArrowheads="1"/>
          </p:cNvSpPr>
          <p:nvPr/>
        </p:nvSpPr>
        <p:spPr bwMode="auto">
          <a:xfrm>
            <a:off x="4357960" y="4157637"/>
            <a:ext cx="323850" cy="100013"/>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64" name="Rectangle 18"/>
          <p:cNvSpPr>
            <a:spLocks noChangeArrowheads="1"/>
          </p:cNvSpPr>
          <p:nvPr/>
        </p:nvSpPr>
        <p:spPr bwMode="auto">
          <a:xfrm>
            <a:off x="6086748" y="4200499"/>
            <a:ext cx="171450" cy="100013"/>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65" name="Rectangle 19"/>
          <p:cNvSpPr>
            <a:spLocks noChangeArrowheads="1"/>
          </p:cNvSpPr>
          <p:nvPr/>
        </p:nvSpPr>
        <p:spPr bwMode="auto">
          <a:xfrm>
            <a:off x="5158062" y="4157638"/>
            <a:ext cx="259556" cy="164306"/>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66" name="Rectangle 20"/>
          <p:cNvSpPr>
            <a:spLocks noChangeArrowheads="1"/>
          </p:cNvSpPr>
          <p:nvPr/>
        </p:nvSpPr>
        <p:spPr bwMode="auto">
          <a:xfrm>
            <a:off x="5843860" y="4100487"/>
            <a:ext cx="171450" cy="100013"/>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67" name="Rectangle 21"/>
          <p:cNvSpPr>
            <a:spLocks noChangeArrowheads="1"/>
          </p:cNvSpPr>
          <p:nvPr/>
        </p:nvSpPr>
        <p:spPr bwMode="auto">
          <a:xfrm>
            <a:off x="5329510" y="4386237"/>
            <a:ext cx="272654" cy="123825"/>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68" name="Rectangle 22"/>
          <p:cNvSpPr>
            <a:spLocks noChangeArrowheads="1"/>
          </p:cNvSpPr>
          <p:nvPr/>
        </p:nvSpPr>
        <p:spPr bwMode="auto">
          <a:xfrm>
            <a:off x="4872310" y="4329087"/>
            <a:ext cx="225029" cy="119063"/>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9969" name="Rectangle 23"/>
          <p:cNvSpPr>
            <a:spLocks noChangeArrowheads="1"/>
          </p:cNvSpPr>
          <p:nvPr/>
        </p:nvSpPr>
        <p:spPr bwMode="auto">
          <a:xfrm>
            <a:off x="5650979" y="4264793"/>
            <a:ext cx="171450" cy="100013"/>
          </a:xfrm>
          <a:prstGeom prst="rect">
            <a:avLst/>
          </a:prstGeom>
          <a:solidFill>
            <a:srgbClr val="43C182"/>
          </a:solidFill>
          <a:ln>
            <a:noFill/>
          </a:ln>
          <a:effectLst/>
          <a:extLst>
            <a:ext uri="{91240B29-F687-4F45-9708-019B960494DF}">
              <a14:hiddenLine xmlns:a14="http://schemas.microsoft.com/office/drawing/2010/main" w="1905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Tree>
    <p:extLst>
      <p:ext uri="{BB962C8B-B14F-4D97-AF65-F5344CB8AC3E}">
        <p14:creationId xmlns:p14="http://schemas.microsoft.com/office/powerpoint/2010/main" val="18018655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Grafik 3">
            <a:extLst>
              <a:ext uri="{FF2B5EF4-FFF2-40B4-BE49-F238E27FC236}">
                <a16:creationId xmlns:a16="http://schemas.microsoft.com/office/drawing/2014/main" id="{FF8857A8-A4B9-96B0-6006-1995AA771B22}"/>
              </a:ext>
            </a:extLst>
          </p:cNvPr>
          <p:cNvPicPr>
            <a:picLocks noChangeAspect="1"/>
          </p:cNvPicPr>
          <p:nvPr/>
        </p:nvPicPr>
        <p:blipFill rotWithShape="1">
          <a:blip r:embed="rId3"/>
          <a:srcRect l="5257" t="4401" r="47369" b="4231"/>
          <a:stretch/>
        </p:blipFill>
        <p:spPr>
          <a:xfrm>
            <a:off x="6722008" y="228418"/>
            <a:ext cx="1714702" cy="1836082"/>
          </a:xfrm>
          <a:prstGeom prst="rect">
            <a:avLst/>
          </a:prstGeom>
        </p:spPr>
      </p:pic>
      <p:sp>
        <p:nvSpPr>
          <p:cNvPr id="498690" name="Rectangle 2"/>
          <p:cNvSpPr>
            <a:spLocks noGrp="1" noChangeArrowheads="1"/>
          </p:cNvSpPr>
          <p:nvPr>
            <p:ph type="title" idx="4294967295"/>
          </p:nvPr>
        </p:nvSpPr>
        <p:spPr>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round/>
                <a:headEnd/>
                <a:tailEnd/>
              </a14:hiddenLine>
            </a:ext>
          </a:extLst>
        </p:spPr>
        <p:txBody>
          <a:bodyPr/>
          <a:lstStyle/>
          <a:p>
            <a:pPr eaLnBrk="1" hangingPunct="1">
              <a:defRPr/>
            </a:pPr>
            <a:r>
              <a:rPr lang="es-CO" dirty="0"/>
              <a:t>Alianza Público-Privada</a:t>
            </a:r>
            <a:endParaRPr lang="en-GB" dirty="0">
              <a:latin typeface="+mj-lt"/>
            </a:endParaRPr>
          </a:p>
        </p:txBody>
      </p:sp>
      <p:grpSp>
        <p:nvGrpSpPr>
          <p:cNvPr id="3" name="Gruppieren 2"/>
          <p:cNvGrpSpPr/>
          <p:nvPr/>
        </p:nvGrpSpPr>
        <p:grpSpPr>
          <a:xfrm>
            <a:off x="1581560" y="2355727"/>
            <a:ext cx="2630400" cy="2265759"/>
            <a:chOff x="1258888" y="3140969"/>
            <a:chExt cx="3507201" cy="3021012"/>
          </a:xfrm>
        </p:grpSpPr>
        <p:sp>
          <p:nvSpPr>
            <p:cNvPr id="20490" name="Rectangle 4"/>
            <p:cNvSpPr>
              <a:spLocks noChangeArrowheads="1"/>
            </p:cNvSpPr>
            <p:nvPr/>
          </p:nvSpPr>
          <p:spPr bwMode="auto">
            <a:xfrm>
              <a:off x="1258888" y="3140969"/>
              <a:ext cx="3435765" cy="3021012"/>
            </a:xfrm>
            <a:prstGeom prst="rect">
              <a:avLst/>
            </a:prstGeom>
            <a:solidFill>
              <a:srgbClr val="CCCCFF"/>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93000"/>
                </a:lnSpc>
                <a:spcBef>
                  <a:spcPct val="0"/>
                </a:spcBef>
                <a:buFont typeface="Times New Roman" pitchFamily="18" charset="0"/>
                <a:buNone/>
              </a:pPr>
              <a:endParaRPr lang="de-CH" altLang="de-DE" sz="2100">
                <a:solidFill>
                  <a:schemeClr val="bg1"/>
                </a:solidFill>
              </a:endParaRPr>
            </a:p>
          </p:txBody>
        </p:sp>
        <p:sp>
          <p:nvSpPr>
            <p:cNvPr id="20493" name="Rectangle 7"/>
            <p:cNvSpPr>
              <a:spLocks noChangeArrowheads="1"/>
            </p:cNvSpPr>
            <p:nvPr/>
          </p:nvSpPr>
          <p:spPr bwMode="auto">
            <a:xfrm>
              <a:off x="1326693" y="3200204"/>
              <a:ext cx="2712194" cy="5328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121444" tIns="60722" rIns="121444" bIns="60722">
              <a:spAutoFit/>
            </a:bodyPr>
            <a:lstStyle>
              <a:lvl1pPr defTabSz="2800350">
                <a:lnSpc>
                  <a:spcPct val="94000"/>
                </a:lnSpc>
                <a:spcBef>
                  <a:spcPts val="700"/>
                </a:spcBef>
                <a:buFont typeface="Arial" pitchFamily="34" charset="0"/>
                <a:buChar char="•"/>
                <a:defRPr sz="2000">
                  <a:solidFill>
                    <a:srgbClr val="000000"/>
                  </a:solidFill>
                  <a:latin typeface="Arial" pitchFamily="34" charset="0"/>
                </a:defRPr>
              </a:lvl1pPr>
              <a:lvl2pPr marL="742950" indent="-285750" defTabSz="2800350">
                <a:lnSpc>
                  <a:spcPct val="94000"/>
                </a:lnSpc>
                <a:spcBef>
                  <a:spcPts val="700"/>
                </a:spcBef>
                <a:buFont typeface="Arial" pitchFamily="34" charset="0"/>
                <a:buChar char="•"/>
                <a:defRPr sz="2000">
                  <a:solidFill>
                    <a:srgbClr val="000000"/>
                  </a:solidFill>
                  <a:latin typeface="Arial" pitchFamily="34" charset="0"/>
                </a:defRPr>
              </a:lvl2pPr>
              <a:lvl3pPr marL="1143000" indent="-228600" defTabSz="2800350">
                <a:lnSpc>
                  <a:spcPct val="94000"/>
                </a:lnSpc>
                <a:spcBef>
                  <a:spcPts val="700"/>
                </a:spcBef>
                <a:buFont typeface="Arial" pitchFamily="34" charset="0"/>
                <a:buChar char="•"/>
                <a:defRPr sz="2000">
                  <a:solidFill>
                    <a:srgbClr val="000000"/>
                  </a:solidFill>
                  <a:latin typeface="Arial" pitchFamily="34" charset="0"/>
                </a:defRPr>
              </a:lvl3pPr>
              <a:lvl4pPr marL="1600200" indent="-228600" defTabSz="2800350">
                <a:lnSpc>
                  <a:spcPct val="94000"/>
                </a:lnSpc>
                <a:spcBef>
                  <a:spcPts val="700"/>
                </a:spcBef>
                <a:buFont typeface="Arial" pitchFamily="34" charset="0"/>
                <a:buChar char="•"/>
                <a:defRPr sz="2800">
                  <a:solidFill>
                    <a:srgbClr val="000000"/>
                  </a:solidFill>
                  <a:latin typeface="Arial" pitchFamily="34" charset="0"/>
                </a:defRPr>
              </a:lvl4pPr>
              <a:lvl5pPr marL="2057400" indent="-228600" defTabSz="280035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280035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280035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280035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280035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100000"/>
                </a:lnSpc>
                <a:spcBef>
                  <a:spcPct val="0"/>
                </a:spcBef>
                <a:buClrTx/>
                <a:buSzTx/>
                <a:buFontTx/>
                <a:buNone/>
              </a:pPr>
              <a:r>
                <a:rPr lang="es-CO" altLang="de-DE" sz="1800" b="1" dirty="0"/>
                <a:t>Sector Publico</a:t>
              </a:r>
            </a:p>
          </p:txBody>
        </p:sp>
        <p:sp>
          <p:nvSpPr>
            <p:cNvPr id="498698" name="Text Box 10"/>
            <p:cNvSpPr txBox="1">
              <a:spLocks noChangeArrowheads="1"/>
            </p:cNvSpPr>
            <p:nvPr/>
          </p:nvSpPr>
          <p:spPr bwMode="auto">
            <a:xfrm>
              <a:off x="1330324" y="3785493"/>
              <a:ext cx="3435765" cy="21202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111125" indent="-111125">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100000"/>
                </a:lnSpc>
                <a:spcBef>
                  <a:spcPts val="200"/>
                </a:spcBef>
                <a:spcAft>
                  <a:spcPts val="200"/>
                </a:spcAft>
                <a:buFontTx/>
                <a:buChar char="•"/>
              </a:pPr>
              <a:r>
                <a:rPr lang="es-CO" altLang="de-DE" sz="1400" b="1" dirty="0">
                  <a:solidFill>
                    <a:schemeClr val="tx1"/>
                  </a:solidFill>
                </a:rPr>
                <a:t>la legislación (nivel federal como cantonal)</a:t>
              </a:r>
            </a:p>
            <a:p>
              <a:pPr>
                <a:lnSpc>
                  <a:spcPct val="100000"/>
                </a:lnSpc>
                <a:spcBef>
                  <a:spcPts val="200"/>
                </a:spcBef>
                <a:spcAft>
                  <a:spcPts val="200"/>
                </a:spcAft>
                <a:buFontTx/>
                <a:buChar char="•"/>
              </a:pPr>
              <a:r>
                <a:rPr lang="es-CO" altLang="de-DE" sz="1400" b="1" dirty="0">
                  <a:solidFill>
                    <a:schemeClr val="tx1"/>
                  </a:solidFill>
                </a:rPr>
                <a:t>estructura de financiación</a:t>
              </a:r>
            </a:p>
            <a:p>
              <a:pPr>
                <a:lnSpc>
                  <a:spcPct val="100000"/>
                </a:lnSpc>
                <a:spcBef>
                  <a:spcPts val="200"/>
                </a:spcBef>
                <a:spcAft>
                  <a:spcPts val="200"/>
                </a:spcAft>
                <a:buFontTx/>
                <a:buChar char="•"/>
              </a:pPr>
              <a:r>
                <a:rPr lang="es-CO" altLang="de-DE" sz="1400" b="1" dirty="0">
                  <a:solidFill>
                    <a:schemeClr val="tx1"/>
                  </a:solidFill>
                </a:rPr>
                <a:t>establecen normas</a:t>
              </a:r>
            </a:p>
            <a:p>
              <a:pPr>
                <a:lnSpc>
                  <a:spcPct val="100000"/>
                </a:lnSpc>
                <a:spcBef>
                  <a:spcPts val="200"/>
                </a:spcBef>
                <a:spcAft>
                  <a:spcPts val="200"/>
                </a:spcAft>
                <a:buFontTx/>
                <a:buChar char="•"/>
              </a:pPr>
              <a:r>
                <a:rPr lang="es-CO" altLang="de-DE" sz="1400" b="1" dirty="0">
                  <a:solidFill>
                    <a:schemeClr val="tx1"/>
                  </a:solidFill>
                </a:rPr>
                <a:t>supervisión, coordinación</a:t>
              </a:r>
            </a:p>
            <a:p>
              <a:pPr>
                <a:lnSpc>
                  <a:spcPct val="100000"/>
                </a:lnSpc>
                <a:spcBef>
                  <a:spcPts val="200"/>
                </a:spcBef>
                <a:spcAft>
                  <a:spcPts val="200"/>
                </a:spcAft>
                <a:buFontTx/>
                <a:buChar char="•"/>
              </a:pPr>
              <a:r>
                <a:rPr lang="es-CO" altLang="de-DE" sz="1400" b="1" dirty="0">
                  <a:solidFill>
                    <a:schemeClr val="tx1"/>
                  </a:solidFill>
                </a:rPr>
                <a:t>verificación</a:t>
              </a:r>
              <a:endParaRPr lang="en-GB" altLang="de-DE" sz="1400" b="1" dirty="0">
                <a:solidFill>
                  <a:schemeClr val="tx1"/>
                </a:solidFill>
              </a:endParaRPr>
            </a:p>
          </p:txBody>
        </p:sp>
      </p:grpSp>
      <p:grpSp>
        <p:nvGrpSpPr>
          <p:cNvPr id="7" name="Gruppieren 6"/>
          <p:cNvGrpSpPr/>
          <p:nvPr/>
        </p:nvGrpSpPr>
        <p:grpSpPr>
          <a:xfrm>
            <a:off x="3971705" y="1974024"/>
            <a:ext cx="1736373" cy="1159181"/>
            <a:chOff x="3771605" y="2632030"/>
            <a:chExt cx="2315163" cy="1545575"/>
          </a:xfrm>
        </p:grpSpPr>
        <p:graphicFrame>
          <p:nvGraphicFramePr>
            <p:cNvPr id="498697" name="Object 9"/>
            <p:cNvGraphicFramePr>
              <a:graphicFrameLocks noChangeAspect="1"/>
            </p:cNvGraphicFramePr>
            <p:nvPr/>
          </p:nvGraphicFramePr>
          <p:xfrm>
            <a:off x="3976688" y="3140968"/>
            <a:ext cx="1905000" cy="1036637"/>
          </p:xfrm>
          <a:graphic>
            <a:graphicData uri="http://schemas.openxmlformats.org/presentationml/2006/ole">
              <mc:AlternateContent xmlns:mc="http://schemas.openxmlformats.org/markup-compatibility/2006">
                <mc:Choice xmlns:v="urn:schemas-microsoft-com:vml" Requires="v">
                  <p:oleObj name="Clip" r:id="rId4" imgW="5349875" imgH="2911475" progId="MS_ClipArt_Gallery.2">
                    <p:embed/>
                  </p:oleObj>
                </mc:Choice>
                <mc:Fallback>
                  <p:oleObj name="Clip" r:id="rId4" imgW="5349875" imgH="2911475" progId="MS_ClipArt_Gallery.2">
                    <p:embed/>
                    <p:pic>
                      <p:nvPicPr>
                        <p:cNvPr id="498697" name="Object 9"/>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976688" y="3140968"/>
                          <a:ext cx="1905000" cy="103663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oleObj>
                </mc:Fallback>
              </mc:AlternateContent>
            </a:graphicData>
          </a:graphic>
        </p:graphicFrame>
        <p:sp>
          <p:nvSpPr>
            <p:cNvPr id="21511" name="Text Box 12"/>
            <p:cNvSpPr txBox="1">
              <a:spLocks noChangeArrowheads="1"/>
            </p:cNvSpPr>
            <p:nvPr/>
          </p:nvSpPr>
          <p:spPr bwMode="auto">
            <a:xfrm>
              <a:off x="3771605" y="2632030"/>
              <a:ext cx="2315163" cy="466624"/>
            </a:xfrm>
            <a:prstGeom prst="rect">
              <a:avLst/>
            </a:prstGeom>
            <a:noFill/>
            <a:ln>
              <a:noFill/>
            </a:ln>
            <a:effectLst/>
            <a:extLst>
              <a:ext uri="{909E8E84-426E-40DD-AFC4-6F175D3DCCD1}">
                <a14:hiddenFill xmlns:a14="http://schemas.microsoft.com/office/drawing/2010/main">
                  <a:solidFill>
                    <a:srgbClr val="00B8FF"/>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gn="ctr">
                <a:lnSpc>
                  <a:spcPct val="93000"/>
                </a:lnSpc>
                <a:spcBef>
                  <a:spcPct val="0"/>
                </a:spcBef>
                <a:buFont typeface="Times New Roman" pitchFamily="18" charset="0"/>
                <a:buNone/>
              </a:pPr>
              <a:r>
                <a:rPr lang="es-CO" altLang="de-DE" sz="1800" b="1" dirty="0">
                  <a:solidFill>
                    <a:schemeClr val="tx1"/>
                  </a:solidFill>
                </a:rPr>
                <a:t>Dos Socios !!!</a:t>
              </a:r>
            </a:p>
          </p:txBody>
        </p:sp>
      </p:grpSp>
      <p:grpSp>
        <p:nvGrpSpPr>
          <p:cNvPr id="6" name="Gruppieren 5"/>
          <p:cNvGrpSpPr/>
          <p:nvPr/>
        </p:nvGrpSpPr>
        <p:grpSpPr>
          <a:xfrm>
            <a:off x="5085395" y="2355726"/>
            <a:ext cx="2870981" cy="2702904"/>
            <a:chOff x="4957251" y="3140968"/>
            <a:chExt cx="3827974" cy="3603872"/>
          </a:xfrm>
        </p:grpSpPr>
        <p:sp>
          <p:nvSpPr>
            <p:cNvPr id="20491" name="Rectangle 5"/>
            <p:cNvSpPr>
              <a:spLocks noChangeArrowheads="1"/>
            </p:cNvSpPr>
            <p:nvPr/>
          </p:nvSpPr>
          <p:spPr bwMode="auto">
            <a:xfrm>
              <a:off x="5598398" y="3140968"/>
              <a:ext cx="3186827" cy="3021012"/>
            </a:xfrm>
            <a:prstGeom prst="rect">
              <a:avLst/>
            </a:prstGeom>
            <a:solidFill>
              <a:srgbClr val="FFFFCC"/>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93000"/>
                </a:lnSpc>
                <a:spcBef>
                  <a:spcPct val="0"/>
                </a:spcBef>
                <a:buFont typeface="Times New Roman" pitchFamily="18" charset="0"/>
                <a:buNone/>
              </a:pPr>
              <a:endParaRPr lang="de-CH" altLang="de-DE" sz="2100">
                <a:solidFill>
                  <a:schemeClr val="bg1"/>
                </a:solidFill>
              </a:endParaRPr>
            </a:p>
          </p:txBody>
        </p:sp>
        <p:sp>
          <p:nvSpPr>
            <p:cNvPr id="20492" name="Rectangle 6"/>
            <p:cNvSpPr>
              <a:spLocks noChangeArrowheads="1"/>
            </p:cNvSpPr>
            <p:nvPr/>
          </p:nvSpPr>
          <p:spPr bwMode="auto">
            <a:xfrm>
              <a:off x="5869618" y="3200204"/>
              <a:ext cx="2712194" cy="5328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25400">
                  <a:solidFill>
                    <a:srgbClr val="063DE8"/>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121444" tIns="60722" rIns="121444" bIns="60722">
              <a:spAutoFit/>
            </a:bodyPr>
            <a:lstStyle>
              <a:lvl1pPr defTabSz="2800350">
                <a:lnSpc>
                  <a:spcPct val="94000"/>
                </a:lnSpc>
                <a:spcBef>
                  <a:spcPts val="700"/>
                </a:spcBef>
                <a:buFont typeface="Arial" pitchFamily="34" charset="0"/>
                <a:buChar char="•"/>
                <a:defRPr sz="2000">
                  <a:solidFill>
                    <a:srgbClr val="000000"/>
                  </a:solidFill>
                  <a:latin typeface="Arial" pitchFamily="34" charset="0"/>
                </a:defRPr>
              </a:lvl1pPr>
              <a:lvl2pPr marL="742950" indent="-285750" defTabSz="2800350">
                <a:lnSpc>
                  <a:spcPct val="94000"/>
                </a:lnSpc>
                <a:spcBef>
                  <a:spcPts val="700"/>
                </a:spcBef>
                <a:buFont typeface="Arial" pitchFamily="34" charset="0"/>
                <a:buChar char="•"/>
                <a:defRPr sz="2000">
                  <a:solidFill>
                    <a:srgbClr val="000000"/>
                  </a:solidFill>
                  <a:latin typeface="Arial" pitchFamily="34" charset="0"/>
                </a:defRPr>
              </a:lvl2pPr>
              <a:lvl3pPr marL="1143000" indent="-228600" defTabSz="2800350">
                <a:lnSpc>
                  <a:spcPct val="94000"/>
                </a:lnSpc>
                <a:spcBef>
                  <a:spcPts val="700"/>
                </a:spcBef>
                <a:buFont typeface="Arial" pitchFamily="34" charset="0"/>
                <a:buChar char="•"/>
                <a:defRPr sz="2000">
                  <a:solidFill>
                    <a:srgbClr val="000000"/>
                  </a:solidFill>
                  <a:latin typeface="Arial" pitchFamily="34" charset="0"/>
                </a:defRPr>
              </a:lvl3pPr>
              <a:lvl4pPr marL="1600200" indent="-228600" defTabSz="2800350">
                <a:lnSpc>
                  <a:spcPct val="94000"/>
                </a:lnSpc>
                <a:spcBef>
                  <a:spcPts val="700"/>
                </a:spcBef>
                <a:buFont typeface="Arial" pitchFamily="34" charset="0"/>
                <a:buChar char="•"/>
                <a:defRPr sz="2800">
                  <a:solidFill>
                    <a:srgbClr val="000000"/>
                  </a:solidFill>
                  <a:latin typeface="Arial" pitchFamily="34" charset="0"/>
                </a:defRPr>
              </a:lvl4pPr>
              <a:lvl5pPr marL="2057400" indent="-228600" defTabSz="280035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280035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280035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280035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280035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100000"/>
                </a:lnSpc>
                <a:spcBef>
                  <a:spcPct val="0"/>
                </a:spcBef>
                <a:buClrTx/>
                <a:buSzTx/>
                <a:buFontTx/>
                <a:buNone/>
              </a:pPr>
              <a:r>
                <a:rPr lang="es-CO" altLang="de-DE" sz="1800" b="1" dirty="0"/>
                <a:t>Sector Privado</a:t>
              </a:r>
            </a:p>
          </p:txBody>
        </p:sp>
        <p:sp>
          <p:nvSpPr>
            <p:cNvPr id="498699" name="Text Box 11"/>
            <p:cNvSpPr txBox="1">
              <a:spLocks noChangeArrowheads="1"/>
            </p:cNvSpPr>
            <p:nvPr/>
          </p:nvSpPr>
          <p:spPr bwMode="auto">
            <a:xfrm>
              <a:off x="5722938" y="3785493"/>
              <a:ext cx="2890837" cy="147732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111125" indent="-111125">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100000"/>
                </a:lnSpc>
                <a:spcBef>
                  <a:spcPts val="200"/>
                </a:spcBef>
                <a:spcAft>
                  <a:spcPts val="200"/>
                </a:spcAft>
                <a:buFontTx/>
                <a:buChar char="•"/>
              </a:pPr>
              <a:r>
                <a:rPr lang="es-CO" altLang="de-DE" sz="1400" b="1" dirty="0">
                  <a:solidFill>
                    <a:schemeClr val="tx1"/>
                  </a:solidFill>
                </a:rPr>
                <a:t>producción</a:t>
              </a:r>
            </a:p>
            <a:p>
              <a:pPr>
                <a:lnSpc>
                  <a:spcPct val="100000"/>
                </a:lnSpc>
                <a:spcBef>
                  <a:spcPts val="200"/>
                </a:spcBef>
                <a:spcAft>
                  <a:spcPts val="200"/>
                </a:spcAft>
                <a:buFontTx/>
                <a:buChar char="•"/>
              </a:pPr>
              <a:r>
                <a:rPr lang="es-CO" altLang="de-DE" sz="1400" b="1" dirty="0">
                  <a:solidFill>
                    <a:schemeClr val="tx1"/>
                  </a:solidFill>
                </a:rPr>
                <a:t>mantenimiento</a:t>
              </a:r>
            </a:p>
            <a:p>
              <a:pPr>
                <a:lnSpc>
                  <a:spcPct val="100000"/>
                </a:lnSpc>
                <a:spcBef>
                  <a:spcPts val="200"/>
                </a:spcBef>
                <a:spcAft>
                  <a:spcPts val="200"/>
                </a:spcAft>
                <a:buFontTx/>
                <a:buChar char="•"/>
              </a:pPr>
              <a:r>
                <a:rPr lang="es-CO" altLang="de-DE" sz="1400" b="1" dirty="0">
                  <a:solidFill>
                    <a:schemeClr val="tx1"/>
                  </a:solidFill>
                </a:rPr>
                <a:t>servicio a los clientes</a:t>
              </a:r>
            </a:p>
            <a:p>
              <a:pPr>
                <a:lnSpc>
                  <a:spcPct val="100000"/>
                </a:lnSpc>
                <a:spcBef>
                  <a:spcPts val="200"/>
                </a:spcBef>
                <a:spcAft>
                  <a:spcPts val="200"/>
                </a:spcAft>
                <a:buFontTx/>
                <a:buChar char="•"/>
              </a:pPr>
              <a:r>
                <a:rPr lang="es-CO" altLang="de-DE" sz="1400" b="1" dirty="0">
                  <a:solidFill>
                    <a:srgbClr val="FF0000"/>
                  </a:solidFill>
                </a:rPr>
                <a:t>innovación</a:t>
              </a:r>
              <a:endParaRPr lang="en-GB" altLang="de-DE" sz="1400" b="1" dirty="0">
                <a:solidFill>
                  <a:srgbClr val="FF0000"/>
                </a:solidFill>
              </a:endParaRPr>
            </a:p>
          </p:txBody>
        </p:sp>
        <p:sp>
          <p:nvSpPr>
            <p:cNvPr id="15" name="Kreis 14"/>
            <p:cNvSpPr/>
            <p:nvPr/>
          </p:nvSpPr>
          <p:spPr bwMode="auto">
            <a:xfrm flipH="1" flipV="1">
              <a:off x="4957251" y="5579119"/>
              <a:ext cx="1282293" cy="1165721"/>
            </a:xfrm>
            <a:prstGeom prst="pie">
              <a:avLst>
                <a:gd name="adj1" fmla="val 5411949"/>
                <a:gd name="adj2" fmla="val 10806645"/>
              </a:avLst>
            </a:prstGeom>
            <a:solidFill>
              <a:srgbClr val="800080"/>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endParaRPr lang="de-CH" sz="1013"/>
            </a:p>
          </p:txBody>
        </p:sp>
      </p:grpSp>
      <p:sp>
        <p:nvSpPr>
          <p:cNvPr id="14" name="Text Box 31"/>
          <p:cNvSpPr txBox="1">
            <a:spLocks noChangeArrowheads="1"/>
          </p:cNvSpPr>
          <p:nvPr/>
        </p:nvSpPr>
        <p:spPr bwMode="auto">
          <a:xfrm>
            <a:off x="2699792" y="817555"/>
            <a:ext cx="3788203" cy="864096"/>
          </a:xfrm>
          <a:prstGeom prst="rect">
            <a:avLst/>
          </a:prstGeom>
          <a:solidFill>
            <a:schemeClr val="bg1">
              <a:alpha val="50195"/>
            </a:schemeClr>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marL="174625" indent="-174625" eaLnBrk="0" hangingPunct="0">
              <a:tabLst>
                <a:tab pos="3860800" algn="dec"/>
              </a:tabLst>
              <a:defRPr sz="2400">
                <a:solidFill>
                  <a:schemeClr val="tx1"/>
                </a:solidFill>
                <a:latin typeface="Dax-Regular"/>
                <a:cs typeface="Arial" pitchFamily="34" charset="0"/>
              </a:defRPr>
            </a:lvl1pPr>
            <a:lvl2pPr marL="828675" indent="-285750" eaLnBrk="0" hangingPunct="0">
              <a:tabLst>
                <a:tab pos="3860800" algn="dec"/>
              </a:tabLst>
              <a:defRPr sz="2400">
                <a:solidFill>
                  <a:schemeClr val="tx1"/>
                </a:solidFill>
                <a:latin typeface="Dax-Regular"/>
                <a:cs typeface="Arial" pitchFamily="34" charset="0"/>
              </a:defRPr>
            </a:lvl2pPr>
            <a:lvl3pPr marL="1236663" indent="-228600" eaLnBrk="0" hangingPunct="0">
              <a:tabLst>
                <a:tab pos="3860800" algn="dec"/>
              </a:tabLst>
              <a:defRPr sz="2400">
                <a:solidFill>
                  <a:schemeClr val="tx1"/>
                </a:solidFill>
                <a:latin typeface="Dax-Regular"/>
                <a:cs typeface="Arial" pitchFamily="34" charset="0"/>
              </a:defRPr>
            </a:lvl3pPr>
            <a:lvl4pPr marL="1644650" indent="-228600" eaLnBrk="0" hangingPunct="0">
              <a:tabLst>
                <a:tab pos="3860800" algn="dec"/>
              </a:tabLst>
              <a:defRPr sz="2400">
                <a:solidFill>
                  <a:schemeClr val="tx1"/>
                </a:solidFill>
                <a:latin typeface="Dax-Regular"/>
                <a:cs typeface="Arial" pitchFamily="34" charset="0"/>
              </a:defRPr>
            </a:lvl4pPr>
            <a:lvl5pPr marL="2057400" indent="-228600" eaLnBrk="0" hangingPunct="0">
              <a:tabLst>
                <a:tab pos="3860800" algn="dec"/>
              </a:tabLst>
              <a:defRPr sz="2400">
                <a:solidFill>
                  <a:schemeClr val="tx1"/>
                </a:solidFill>
                <a:latin typeface="Dax-Regular"/>
                <a:cs typeface="Arial" pitchFamily="34" charset="0"/>
              </a:defRPr>
            </a:lvl5pPr>
            <a:lvl6pPr marL="2514600" indent="-228600" eaLnBrk="0" fontAlgn="base" hangingPunct="0">
              <a:spcBef>
                <a:spcPct val="0"/>
              </a:spcBef>
              <a:spcAft>
                <a:spcPct val="0"/>
              </a:spcAft>
              <a:tabLst>
                <a:tab pos="3860800" algn="dec"/>
              </a:tabLst>
              <a:defRPr sz="2400">
                <a:solidFill>
                  <a:schemeClr val="tx1"/>
                </a:solidFill>
                <a:latin typeface="Dax-Regular"/>
                <a:cs typeface="Arial" pitchFamily="34" charset="0"/>
              </a:defRPr>
            </a:lvl6pPr>
            <a:lvl7pPr marL="2971800" indent="-228600" eaLnBrk="0" fontAlgn="base" hangingPunct="0">
              <a:spcBef>
                <a:spcPct val="0"/>
              </a:spcBef>
              <a:spcAft>
                <a:spcPct val="0"/>
              </a:spcAft>
              <a:tabLst>
                <a:tab pos="3860800" algn="dec"/>
              </a:tabLst>
              <a:defRPr sz="2400">
                <a:solidFill>
                  <a:schemeClr val="tx1"/>
                </a:solidFill>
                <a:latin typeface="Dax-Regular"/>
                <a:cs typeface="Arial" pitchFamily="34" charset="0"/>
              </a:defRPr>
            </a:lvl7pPr>
            <a:lvl8pPr marL="3429000" indent="-228600" eaLnBrk="0" fontAlgn="base" hangingPunct="0">
              <a:spcBef>
                <a:spcPct val="0"/>
              </a:spcBef>
              <a:spcAft>
                <a:spcPct val="0"/>
              </a:spcAft>
              <a:tabLst>
                <a:tab pos="3860800" algn="dec"/>
              </a:tabLst>
              <a:defRPr sz="2400">
                <a:solidFill>
                  <a:schemeClr val="tx1"/>
                </a:solidFill>
                <a:latin typeface="Dax-Regular"/>
                <a:cs typeface="Arial" pitchFamily="34" charset="0"/>
              </a:defRPr>
            </a:lvl8pPr>
            <a:lvl9pPr marL="3886200" indent="-228600" eaLnBrk="0" fontAlgn="base" hangingPunct="0">
              <a:spcBef>
                <a:spcPct val="0"/>
              </a:spcBef>
              <a:spcAft>
                <a:spcPct val="0"/>
              </a:spcAft>
              <a:tabLst>
                <a:tab pos="3860800" algn="dec"/>
              </a:tabLst>
              <a:defRPr sz="2400">
                <a:solidFill>
                  <a:schemeClr val="tx1"/>
                </a:solidFill>
                <a:latin typeface="Dax-Regular"/>
                <a:cs typeface="Arial" pitchFamily="34" charset="0"/>
              </a:defRPr>
            </a:lvl9pPr>
          </a:lstStyle>
          <a:p>
            <a:pPr marL="0" indent="0" eaLnBrk="1" hangingPunct="1">
              <a:spcBef>
                <a:spcPct val="10000"/>
              </a:spcBef>
              <a:spcAft>
                <a:spcPct val="10000"/>
              </a:spcAft>
              <a:defRPr/>
            </a:pPr>
            <a:r>
              <a:rPr lang="es-CO" altLang="de-DE" sz="1050" dirty="0">
                <a:latin typeface="Arial" pitchFamily="34" charset="0"/>
              </a:rPr>
              <a:t>No. del personal activo en el levantamiento catastral </a:t>
            </a:r>
            <a:r>
              <a:rPr lang="en-GB" altLang="de-DE" sz="1050" dirty="0">
                <a:latin typeface="Arial" pitchFamily="34" charset="0"/>
              </a:rPr>
              <a:t>:	2’852</a:t>
            </a:r>
          </a:p>
          <a:p>
            <a:pPr marL="271463" indent="-207169" eaLnBrk="1" hangingPunct="1">
              <a:spcBef>
                <a:spcPct val="10000"/>
              </a:spcBef>
              <a:spcAft>
                <a:spcPct val="10000"/>
              </a:spcAft>
              <a:buFontTx/>
              <a:buChar char="•"/>
              <a:defRPr/>
            </a:pPr>
            <a:r>
              <a:rPr lang="es-CO" altLang="de-DE" sz="1050" dirty="0">
                <a:latin typeface="Arial" pitchFamily="34" charset="0"/>
              </a:rPr>
              <a:t>Administración federal y cantonal </a:t>
            </a:r>
            <a:r>
              <a:rPr lang="en-GB" altLang="de-DE" sz="1050" dirty="0">
                <a:latin typeface="Arial" pitchFamily="34" charset="0"/>
              </a:rPr>
              <a:t>:	196</a:t>
            </a:r>
          </a:p>
          <a:p>
            <a:pPr marL="271463" indent="-207169" eaLnBrk="1" hangingPunct="1">
              <a:spcBef>
                <a:spcPct val="10000"/>
              </a:spcBef>
              <a:spcAft>
                <a:spcPct val="10000"/>
              </a:spcAft>
              <a:buFontTx/>
              <a:buChar char="•"/>
              <a:defRPr/>
            </a:pPr>
            <a:r>
              <a:rPr lang="es-CO" altLang="de-DE" sz="1050" dirty="0">
                <a:latin typeface="Arial" pitchFamily="34" charset="0"/>
              </a:rPr>
              <a:t>Otras oficinas del Sector Publico </a:t>
            </a:r>
            <a:r>
              <a:rPr lang="en-GB" altLang="de-DE" sz="1050" dirty="0">
                <a:latin typeface="Arial" pitchFamily="34" charset="0"/>
              </a:rPr>
              <a:t>:	212</a:t>
            </a:r>
          </a:p>
          <a:p>
            <a:pPr marL="271463" indent="-207169" eaLnBrk="1" hangingPunct="1">
              <a:spcBef>
                <a:spcPct val="10000"/>
              </a:spcBef>
              <a:spcAft>
                <a:spcPct val="10000"/>
              </a:spcAft>
              <a:buFontTx/>
              <a:buChar char="•"/>
              <a:defRPr/>
            </a:pPr>
            <a:r>
              <a:rPr lang="es-CO" altLang="de-DE" sz="1050" dirty="0">
                <a:latin typeface="Arial" pitchFamily="34" charset="0"/>
              </a:rPr>
              <a:t>Oficinas del Sector Privado </a:t>
            </a:r>
            <a:r>
              <a:rPr lang="en-GB" altLang="de-DE" sz="1050" dirty="0">
                <a:latin typeface="Arial" pitchFamily="34" charset="0"/>
              </a:rPr>
              <a:t>:	2’444</a:t>
            </a:r>
          </a:p>
          <a:p>
            <a:pPr marL="64294" indent="0" algn="r" eaLnBrk="1" hangingPunct="1">
              <a:spcBef>
                <a:spcPct val="10000"/>
              </a:spcBef>
              <a:spcAft>
                <a:spcPct val="10000"/>
              </a:spcAft>
              <a:defRPr/>
            </a:pPr>
            <a:r>
              <a:rPr lang="en-GB" altLang="de-DE" sz="750" dirty="0">
                <a:latin typeface="Arial" pitchFamily="34" charset="0"/>
              </a:rPr>
              <a:t>(end of 2023)</a:t>
            </a:r>
          </a:p>
        </p:txBody>
      </p:sp>
      <p:sp>
        <p:nvSpPr>
          <p:cNvPr id="20" name="Ellipse 19"/>
          <p:cNvSpPr/>
          <p:nvPr/>
        </p:nvSpPr>
        <p:spPr bwMode="auto">
          <a:xfrm>
            <a:off x="2850392" y="1276862"/>
            <a:ext cx="112272" cy="112272"/>
          </a:xfrm>
          <a:prstGeom prst="ellipse">
            <a:avLst/>
          </a:prstGeom>
          <a:solidFill>
            <a:srgbClr val="800080"/>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n-GB" sz="1500">
              <a:latin typeface="Agfa Rotis Sans Serif" pitchFamily="2" charset="0"/>
              <a:ea typeface="ヒラギノ角ゴ Pro W3" pitchFamily="16" charset="-128"/>
            </a:endParaRPr>
          </a:p>
        </p:txBody>
      </p:sp>
      <p:sp>
        <p:nvSpPr>
          <p:cNvPr id="21" name="Rechteck 20"/>
          <p:cNvSpPr/>
          <p:nvPr/>
        </p:nvSpPr>
        <p:spPr bwMode="auto">
          <a:xfrm>
            <a:off x="2825519" y="1092453"/>
            <a:ext cx="162018" cy="108012"/>
          </a:xfrm>
          <a:prstGeom prst="rect">
            <a:avLst/>
          </a:prstGeom>
          <a:solidFill>
            <a:srgbClr val="6666FF"/>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n-GB" sz="1500">
              <a:latin typeface="Agfa Rotis Sans Serif" pitchFamily="2" charset="0"/>
              <a:ea typeface="ヒラギノ角ゴ Pro W3" pitchFamily="16" charset="-128"/>
            </a:endParaRPr>
          </a:p>
        </p:txBody>
      </p:sp>
      <p:sp>
        <p:nvSpPr>
          <p:cNvPr id="22" name="Rechteck 21"/>
          <p:cNvSpPr/>
          <p:nvPr/>
        </p:nvSpPr>
        <p:spPr bwMode="auto">
          <a:xfrm>
            <a:off x="2825806" y="1473769"/>
            <a:ext cx="162018" cy="108012"/>
          </a:xfrm>
          <a:prstGeom prst="rect">
            <a:avLst/>
          </a:prstGeom>
          <a:solidFill>
            <a:srgbClr val="FFFFCC"/>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n-GB" sz="1500">
              <a:latin typeface="Agfa Rotis Sans Serif" pitchFamily="2" charset="0"/>
              <a:ea typeface="ヒラギノ角ゴ Pro W3" pitchFamily="16" charset="-128"/>
            </a:endParaRPr>
          </a:p>
        </p:txBody>
      </p:sp>
    </p:spTree>
    <p:extLst>
      <p:ext uri="{BB962C8B-B14F-4D97-AF65-F5344CB8AC3E}">
        <p14:creationId xmlns:p14="http://schemas.microsoft.com/office/powerpoint/2010/main" val="21907626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up)">
                                      <p:cBhvr>
                                        <p:cTn id="7" dur="500"/>
                                        <p:tgtEl>
                                          <p:spTgt spid="3"/>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1" fill="hold" nodeType="clickEffect">
                                  <p:stCondLst>
                                    <p:cond delay="0"/>
                                  </p:stCondLst>
                                  <p:childTnLst>
                                    <p:set>
                                      <p:cBhvr>
                                        <p:cTn id="11" dur="1" fill="hold">
                                          <p:stCondLst>
                                            <p:cond delay="0"/>
                                          </p:stCondLst>
                                        </p:cTn>
                                        <p:tgtEl>
                                          <p:spTgt spid="6"/>
                                        </p:tgtEl>
                                        <p:attrNameLst>
                                          <p:attrName>style.visibility</p:attrName>
                                        </p:attrNameLst>
                                      </p:cBhvr>
                                      <p:to>
                                        <p:strVal val="visible"/>
                                      </p:to>
                                    </p:set>
                                    <p:animEffect transition="in" filter="wipe(up)">
                                      <p:cBhvr>
                                        <p:cTn id="12" dur="500"/>
                                        <p:tgtEl>
                                          <p:spTgt spid="6"/>
                                        </p:tgtEl>
                                      </p:cBhvr>
                                    </p:animEffect>
                                  </p:childTnLst>
                                </p:cTn>
                              </p:par>
                            </p:childTnLst>
                          </p:cTn>
                        </p:par>
                      </p:childTnLst>
                    </p:cTn>
                  </p:par>
                  <p:par>
                    <p:cTn id="13" fill="hold">
                      <p:stCondLst>
                        <p:cond delay="indefinite"/>
                      </p:stCondLst>
                      <p:childTnLst>
                        <p:par>
                          <p:cTn id="14" fill="hold">
                            <p:stCondLst>
                              <p:cond delay="0"/>
                            </p:stCondLst>
                            <p:childTnLst>
                              <p:par>
                                <p:cTn id="15" presetID="53" presetClass="entr" presetSubtype="16" fill="hold" nodeType="clickEffect">
                                  <p:stCondLst>
                                    <p:cond delay="0"/>
                                  </p:stCondLst>
                                  <p:childTnLst>
                                    <p:set>
                                      <p:cBhvr>
                                        <p:cTn id="16" dur="1" fill="hold">
                                          <p:stCondLst>
                                            <p:cond delay="0"/>
                                          </p:stCondLst>
                                        </p:cTn>
                                        <p:tgtEl>
                                          <p:spTgt spid="7"/>
                                        </p:tgtEl>
                                        <p:attrNameLst>
                                          <p:attrName>style.visibility</p:attrName>
                                        </p:attrNameLst>
                                      </p:cBhvr>
                                      <p:to>
                                        <p:strVal val="visible"/>
                                      </p:to>
                                    </p:set>
                                    <p:anim calcmode="lin" valueType="num">
                                      <p:cBhvr>
                                        <p:cTn id="17" dur="500" fill="hold"/>
                                        <p:tgtEl>
                                          <p:spTgt spid="7"/>
                                        </p:tgtEl>
                                        <p:attrNameLst>
                                          <p:attrName>ppt_w</p:attrName>
                                        </p:attrNameLst>
                                      </p:cBhvr>
                                      <p:tavLst>
                                        <p:tav tm="0">
                                          <p:val>
                                            <p:fltVal val="0"/>
                                          </p:val>
                                        </p:tav>
                                        <p:tav tm="100000">
                                          <p:val>
                                            <p:strVal val="#ppt_w"/>
                                          </p:val>
                                        </p:tav>
                                      </p:tavLst>
                                    </p:anim>
                                    <p:anim calcmode="lin" valueType="num">
                                      <p:cBhvr>
                                        <p:cTn id="18" dur="500" fill="hold"/>
                                        <p:tgtEl>
                                          <p:spTgt spid="7"/>
                                        </p:tgtEl>
                                        <p:attrNameLst>
                                          <p:attrName>ppt_h</p:attrName>
                                        </p:attrNameLst>
                                      </p:cBhvr>
                                      <p:tavLst>
                                        <p:tav tm="0">
                                          <p:val>
                                            <p:fltVal val="0"/>
                                          </p:val>
                                        </p:tav>
                                        <p:tav tm="100000">
                                          <p:val>
                                            <p:strVal val="#ppt_h"/>
                                          </p:val>
                                        </p:tav>
                                      </p:tavLst>
                                    </p:anim>
                                    <p:animEffect transition="in" filter="fade">
                                      <p:cBhvr>
                                        <p:cTn id="19"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6946" name="Rectangle 2"/>
          <p:cNvSpPr>
            <a:spLocks noGrp="1" noChangeArrowheads="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rtlCol="0" anchor="t" anchorCtr="0" compatLnSpc="1">
            <a:prstTxWarp prst="textNoShape">
              <a:avLst/>
            </a:prstTxWarp>
            <a:noAutofit/>
          </a:bodyPr>
          <a:lstStyle/>
          <a:p>
            <a:pPr eaLnBrk="0" fontAlgn="base" hangingPunct="0">
              <a:spcAft>
                <a:spcPct val="0"/>
              </a:spcAft>
            </a:pPr>
            <a:r>
              <a:rPr lang="es-CO" dirty="0">
                <a:solidFill>
                  <a:srgbClr val="C00000"/>
                </a:solidFill>
              </a:rPr>
              <a:t>Las dimensiones (2024)</a:t>
            </a:r>
          </a:p>
        </p:txBody>
      </p:sp>
      <p:pic>
        <p:nvPicPr>
          <p:cNvPr id="8195" name="Picture 3"/>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122550" y="900113"/>
            <a:ext cx="4427934" cy="378261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66948" name="Text Box 4"/>
          <p:cNvSpPr txBox="1">
            <a:spLocks noChangeArrowheads="1"/>
          </p:cNvSpPr>
          <p:nvPr/>
        </p:nvSpPr>
        <p:spPr bwMode="auto">
          <a:xfrm>
            <a:off x="5004049" y="1221600"/>
            <a:ext cx="2672246" cy="1627369"/>
          </a:xfrm>
          <a:prstGeom prst="rect">
            <a:avLst/>
          </a:prstGeom>
          <a:solidFill>
            <a:srgbClr val="FFCCCC"/>
          </a:solidFill>
          <a:ln>
            <a:noFill/>
          </a:ln>
          <a:effectLst/>
          <a:extLst>
            <a:ext uri="{91240B29-F687-4F45-9708-019B960494DF}">
              <a14:hiddenLine xmlns:a14="http://schemas.microsoft.com/office/drawing/2010/main" w="19050">
                <a:solidFill>
                  <a:srgbClr val="FF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400">
                <a:solidFill>
                  <a:srgbClr val="000000"/>
                </a:solidFill>
                <a:latin typeface="Times New Roman" pitchFamily="18" charset="0"/>
              </a:defRPr>
            </a:lvl1pPr>
            <a:lvl2pPr>
              <a:defRPr sz="2400">
                <a:solidFill>
                  <a:srgbClr val="000000"/>
                </a:solidFill>
                <a:latin typeface="Times New Roman" pitchFamily="18" charset="0"/>
              </a:defRPr>
            </a:lvl2pPr>
            <a:lvl3pPr>
              <a:defRPr sz="2400">
                <a:solidFill>
                  <a:srgbClr val="000000"/>
                </a:solidFill>
                <a:latin typeface="Times New Roman" pitchFamily="18" charset="0"/>
              </a:defRPr>
            </a:lvl3pPr>
            <a:lvl4pPr>
              <a:defRPr sz="2400">
                <a:solidFill>
                  <a:srgbClr val="000000"/>
                </a:solidFill>
                <a:latin typeface="Times New Roman" pitchFamily="18" charset="0"/>
              </a:defRPr>
            </a:lvl4pPr>
            <a:lvl5pPr>
              <a:defRPr sz="2400">
                <a:solidFill>
                  <a:srgbClr val="000000"/>
                </a:solidFill>
                <a:latin typeface="Times New Roman" pitchFamily="18" charset="0"/>
              </a:defRPr>
            </a:lvl5pPr>
            <a:lvl6pPr eaLnBrk="0" fontAlgn="base" hangingPunct="0">
              <a:lnSpc>
                <a:spcPct val="93000"/>
              </a:lnSpc>
              <a:spcBef>
                <a:spcPct val="0"/>
              </a:spcBef>
              <a:spcAft>
                <a:spcPct val="0"/>
              </a:spcAft>
              <a:buClr>
                <a:srgbClr val="000000"/>
              </a:buClr>
              <a:buSzPct val="100000"/>
              <a:buFont typeface="Times New Roman" pitchFamily="18" charset="0"/>
              <a:defRPr sz="2400">
                <a:solidFill>
                  <a:srgbClr val="000000"/>
                </a:solidFill>
                <a:latin typeface="Times New Roman" pitchFamily="18" charset="0"/>
              </a:defRPr>
            </a:lvl6pPr>
            <a:lvl7pPr eaLnBrk="0" fontAlgn="base" hangingPunct="0">
              <a:lnSpc>
                <a:spcPct val="93000"/>
              </a:lnSpc>
              <a:spcBef>
                <a:spcPct val="0"/>
              </a:spcBef>
              <a:spcAft>
                <a:spcPct val="0"/>
              </a:spcAft>
              <a:buClr>
                <a:srgbClr val="000000"/>
              </a:buClr>
              <a:buSzPct val="100000"/>
              <a:buFont typeface="Times New Roman" pitchFamily="18" charset="0"/>
              <a:defRPr sz="2400">
                <a:solidFill>
                  <a:srgbClr val="000000"/>
                </a:solidFill>
                <a:latin typeface="Times New Roman" pitchFamily="18" charset="0"/>
              </a:defRPr>
            </a:lvl7pPr>
            <a:lvl8pPr eaLnBrk="0" fontAlgn="base" hangingPunct="0">
              <a:lnSpc>
                <a:spcPct val="93000"/>
              </a:lnSpc>
              <a:spcBef>
                <a:spcPct val="0"/>
              </a:spcBef>
              <a:spcAft>
                <a:spcPct val="0"/>
              </a:spcAft>
              <a:buClr>
                <a:srgbClr val="000000"/>
              </a:buClr>
              <a:buSzPct val="100000"/>
              <a:buFont typeface="Times New Roman" pitchFamily="18" charset="0"/>
              <a:defRPr sz="2400">
                <a:solidFill>
                  <a:srgbClr val="000000"/>
                </a:solidFill>
                <a:latin typeface="Times New Roman" pitchFamily="18" charset="0"/>
              </a:defRPr>
            </a:lvl8pPr>
            <a:lvl9pPr eaLnBrk="0" fontAlgn="base" hangingPunct="0">
              <a:lnSpc>
                <a:spcPct val="93000"/>
              </a:lnSpc>
              <a:spcBef>
                <a:spcPct val="0"/>
              </a:spcBef>
              <a:spcAft>
                <a:spcPct val="0"/>
              </a:spcAft>
              <a:buClr>
                <a:srgbClr val="000000"/>
              </a:buClr>
              <a:buSzPct val="100000"/>
              <a:buFont typeface="Times New Roman" pitchFamily="18" charset="0"/>
              <a:defRPr sz="2400">
                <a:solidFill>
                  <a:srgbClr val="000000"/>
                </a:solidFill>
                <a:latin typeface="Times New Roman" pitchFamily="18" charset="0"/>
              </a:defRPr>
            </a:lvl9pPr>
          </a:lstStyle>
          <a:p>
            <a:pPr algn="ctr">
              <a:defRPr/>
            </a:pPr>
            <a:r>
              <a:rPr lang="es-CO" sz="1800" b="1" dirty="0">
                <a:solidFill>
                  <a:srgbClr val="F00000"/>
                </a:solidFill>
                <a:effectLst>
                  <a:outerShdw blurRad="38100" dist="38100" dir="2700000" algn="tl">
                    <a:srgbClr val="000000"/>
                  </a:outerShdw>
                </a:effectLst>
                <a:latin typeface="Arial" charset="0"/>
              </a:rPr>
              <a:t>Suiza</a:t>
            </a:r>
          </a:p>
          <a:p>
            <a:pPr algn="ctr">
              <a:defRPr/>
            </a:pPr>
            <a:endParaRPr lang="es-CO" sz="675" b="1" dirty="0">
              <a:solidFill>
                <a:schemeClr val="tx1"/>
              </a:solidFill>
              <a:latin typeface="Arial" charset="0"/>
            </a:endParaRPr>
          </a:p>
          <a:p>
            <a:pPr algn="ctr">
              <a:defRPr/>
            </a:pPr>
            <a:r>
              <a:rPr lang="es-CO" sz="1500" b="1" dirty="0">
                <a:solidFill>
                  <a:schemeClr val="tx1"/>
                </a:solidFill>
                <a:latin typeface="Arial" charset="0"/>
              </a:rPr>
              <a:t>41'290 km</a:t>
            </a:r>
            <a:r>
              <a:rPr lang="es-CO" sz="1500" b="1" baseline="30000" dirty="0">
                <a:solidFill>
                  <a:schemeClr val="tx1"/>
                </a:solidFill>
                <a:latin typeface="Arial" charset="0"/>
              </a:rPr>
              <a:t>2</a:t>
            </a:r>
          </a:p>
          <a:p>
            <a:pPr algn="ctr">
              <a:defRPr/>
            </a:pPr>
            <a:r>
              <a:rPr lang="es-CO" sz="1500" b="1" dirty="0">
                <a:solidFill>
                  <a:schemeClr val="tx1"/>
                </a:solidFill>
                <a:latin typeface="Arial" charset="0"/>
              </a:rPr>
              <a:t>26 cantones</a:t>
            </a:r>
          </a:p>
          <a:p>
            <a:pPr algn="ctr">
              <a:defRPr/>
            </a:pPr>
            <a:r>
              <a:rPr lang="es-CO" sz="1500" b="1" dirty="0">
                <a:solidFill>
                  <a:schemeClr val="tx1"/>
                </a:solidFill>
                <a:latin typeface="Arial" charset="0"/>
              </a:rPr>
              <a:t>2'134 municipalidades</a:t>
            </a:r>
          </a:p>
          <a:p>
            <a:pPr algn="ctr">
              <a:defRPr/>
            </a:pPr>
            <a:r>
              <a:rPr lang="es-CO" sz="1500" b="1" dirty="0">
                <a:solidFill>
                  <a:schemeClr val="tx1"/>
                </a:solidFill>
                <a:latin typeface="Arial" charset="0"/>
              </a:rPr>
              <a:t>~8.9 millones de habitantes</a:t>
            </a:r>
          </a:p>
          <a:p>
            <a:pPr algn="ctr">
              <a:defRPr/>
            </a:pPr>
            <a:r>
              <a:rPr lang="es-CO" sz="1500" b="1" dirty="0">
                <a:solidFill>
                  <a:schemeClr val="tx1"/>
                </a:solidFill>
                <a:latin typeface="Arial" charset="0"/>
              </a:rPr>
              <a:t>~4.0 millones de parcelas</a:t>
            </a:r>
          </a:p>
        </p:txBody>
      </p:sp>
    </p:spTree>
    <p:extLst>
      <p:ext uri="{BB962C8B-B14F-4D97-AF65-F5344CB8AC3E}">
        <p14:creationId xmlns:p14="http://schemas.microsoft.com/office/powerpoint/2010/main" val="4276823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315" name="Inhaltsplatzhalter 4"/>
          <p:cNvSpPr>
            <a:spLocks noGrp="1"/>
          </p:cNvSpPr>
          <p:nvPr>
            <p:ph idx="1"/>
          </p:nvPr>
        </p:nvSpPr>
        <p:spPr>
          <a:xfrm>
            <a:off x="1604349" y="1419622"/>
            <a:ext cx="6351934" cy="2499122"/>
          </a:xfrm>
        </p:spPr>
        <p:txBody>
          <a:bodyPr/>
          <a:lstStyle/>
          <a:p>
            <a:r>
              <a:rPr lang="en-GB" altLang="de-DE" sz="1400" b="1" dirty="0"/>
              <a:t>Public sector </a:t>
            </a:r>
            <a:r>
              <a:rPr lang="en-GB" altLang="de-DE" sz="1400" dirty="0"/>
              <a:t>through cantonal surveying agency (cantons of BS, NE, SH): The canton carries out all cadastral surveying through its cantonal surveying agency.</a:t>
            </a:r>
          </a:p>
          <a:p>
            <a:r>
              <a:rPr lang="en-GB" altLang="de-DE" sz="1400" b="1" dirty="0"/>
              <a:t>Public sector </a:t>
            </a:r>
            <a:r>
              <a:rPr lang="en-GB" altLang="de-DE" sz="1400" dirty="0"/>
              <a:t>through municipal surveying offices (cities of Bern, Biel, Chur, </a:t>
            </a:r>
            <a:r>
              <a:rPr lang="en-GB" altLang="de-DE" sz="1400" dirty="0" err="1"/>
              <a:t>Horgen</a:t>
            </a:r>
            <a:r>
              <a:rPr lang="en-GB" altLang="de-DE" sz="1400" dirty="0"/>
              <a:t>, Lausanne, </a:t>
            </a:r>
            <a:r>
              <a:rPr lang="en-GB" altLang="de-DE" sz="1400" dirty="0" err="1"/>
              <a:t>Meilen</a:t>
            </a:r>
            <a:r>
              <a:rPr lang="en-GB" altLang="de-DE" sz="1400" dirty="0"/>
              <a:t>, St. </a:t>
            </a:r>
            <a:r>
              <a:rPr lang="en-GB" altLang="de-DE" sz="1400" dirty="0" err="1"/>
              <a:t>Gallen</a:t>
            </a:r>
            <a:r>
              <a:rPr lang="en-GB" altLang="de-DE" sz="1400" dirty="0"/>
              <a:t>, </a:t>
            </a:r>
            <a:r>
              <a:rPr lang="en-GB" altLang="de-DE" sz="1400" dirty="0" err="1"/>
              <a:t>Thalwil</a:t>
            </a:r>
            <a:r>
              <a:rPr lang="en-GB" altLang="de-DE" sz="1400" dirty="0"/>
              <a:t>, </a:t>
            </a:r>
            <a:r>
              <a:rPr lang="en-GB" altLang="de-DE" sz="1400" dirty="0" err="1"/>
              <a:t>Uster</a:t>
            </a:r>
            <a:r>
              <a:rPr lang="en-GB" altLang="de-DE" sz="1400" dirty="0"/>
              <a:t>, Winterthur, Zürich).</a:t>
            </a:r>
          </a:p>
          <a:p>
            <a:r>
              <a:rPr lang="en-GB" altLang="de-DE" sz="1400" b="1" dirty="0"/>
              <a:t>Private sector with territorial monopoly </a:t>
            </a:r>
            <a:r>
              <a:rPr lang="en-GB" altLang="de-DE" sz="1400" dirty="0"/>
              <a:t>(cantons of AG, AI, AR, BE, BL, GL, GR, JU, LU, NW, OW, SG, SO, TG, TI, UR, ZG, ZH): For continuous updating, districts are being tendered out to private sector offices. A district can include one or several municipalities. The particular surveying office enjoys a quasi monopoly during the duration of the contract, but has also to provide and guarantee the quality of services and data.</a:t>
            </a:r>
          </a:p>
          <a:p>
            <a:r>
              <a:rPr lang="en-GB" altLang="de-DE" sz="1400" b="1" dirty="0"/>
              <a:t>Liberal market </a:t>
            </a:r>
            <a:r>
              <a:rPr lang="en-GB" altLang="de-DE" sz="1400" dirty="0"/>
              <a:t>(cantons of FR, GE, SZ, VD, VS): principle of competition; a landowner can freely choose a private surveying office from within the canton.</a:t>
            </a:r>
          </a:p>
        </p:txBody>
      </p:sp>
      <p:sp>
        <p:nvSpPr>
          <p:cNvPr id="13316" name="Ellipse 4"/>
          <p:cNvSpPr>
            <a:spLocks noChangeArrowheads="1"/>
          </p:cNvSpPr>
          <p:nvPr/>
        </p:nvSpPr>
        <p:spPr bwMode="auto">
          <a:xfrm>
            <a:off x="1572668" y="2147058"/>
            <a:ext cx="111919" cy="113110"/>
          </a:xfrm>
          <a:prstGeom prst="ellipse">
            <a:avLst/>
          </a:prstGeom>
          <a:solidFill>
            <a:srgbClr val="800080"/>
          </a:solidFill>
          <a:ln>
            <a:noFill/>
          </a:ln>
          <a:extLst>
            <a:ext uri="{91240B29-F687-4F45-9708-019B960494DF}">
              <a14:hiddenLine xmlns:a14="http://schemas.microsoft.com/office/drawing/2010/main" w="9525" algn="ctr">
                <a:solidFill>
                  <a:srgbClr val="000000"/>
                </a:solidFill>
                <a:round/>
                <a:headEnd/>
                <a:tailEnd/>
              </a14:hiddenLine>
            </a:ext>
          </a:extLst>
        </p:spPr>
        <p:txBody>
          <a:bodyPr/>
          <a:lstStyle>
            <a:lvl1pPr>
              <a:spcBef>
                <a:spcPct val="20000"/>
              </a:spcBef>
              <a:buChar char="•"/>
              <a:defRPr sz="2800">
                <a:solidFill>
                  <a:schemeClr val="tx1"/>
                </a:solidFill>
                <a:latin typeface="Arial" panose="020B0604020202020204" pitchFamily="34" charset="0"/>
              </a:defRPr>
            </a:lvl1pPr>
            <a:lvl2pPr marL="742950" indent="-285750">
              <a:spcBef>
                <a:spcPct val="20000"/>
              </a:spcBef>
              <a:buChar char="–"/>
              <a:defRPr sz="2400">
                <a:solidFill>
                  <a:schemeClr val="tx1"/>
                </a:solidFill>
                <a:latin typeface="Arial" panose="020B0604020202020204" pitchFamily="34" charset="0"/>
              </a:defRPr>
            </a:lvl2pPr>
            <a:lvl3pPr marL="1143000" indent="-228600">
              <a:spcBef>
                <a:spcPct val="20000"/>
              </a:spcBef>
              <a:buChar char="•"/>
              <a:defRPr sz="2000">
                <a:solidFill>
                  <a:schemeClr val="tx1"/>
                </a:solidFill>
                <a:latin typeface="Arial" panose="020B0604020202020204" pitchFamily="34" charset="0"/>
              </a:defRPr>
            </a:lvl3pPr>
            <a:lvl4pPr marL="1600200" indent="-228600">
              <a:spcBef>
                <a:spcPct val="20000"/>
              </a:spcBef>
              <a:buChar char="–"/>
              <a:defRPr>
                <a:solidFill>
                  <a:schemeClr val="tx1"/>
                </a:solidFill>
                <a:latin typeface="Arial" panose="020B0604020202020204" pitchFamily="34" charset="0"/>
              </a:defRPr>
            </a:lvl4pPr>
            <a:lvl5pPr marL="2057400" indent="-228600">
              <a:spcBef>
                <a:spcPct val="20000"/>
              </a:spcBef>
              <a:buChar char="»"/>
              <a:defRPr>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a:solidFill>
                  <a:schemeClr val="tx1"/>
                </a:solidFill>
                <a:latin typeface="Arial" panose="020B0604020202020204" pitchFamily="34" charset="0"/>
              </a:defRPr>
            </a:lvl9pPr>
          </a:lstStyle>
          <a:p>
            <a:pPr>
              <a:spcBef>
                <a:spcPct val="0"/>
              </a:spcBef>
              <a:buFontTx/>
              <a:buNone/>
            </a:pPr>
            <a:endParaRPr lang="en-GB" altLang="de-DE" sz="1500">
              <a:latin typeface="Agfa Rotis Sans Serif"/>
              <a:ea typeface="ヒラギノ角ゴ Pro W3"/>
              <a:cs typeface="ヒラギノ角ゴ Pro W3"/>
            </a:endParaRPr>
          </a:p>
        </p:txBody>
      </p:sp>
      <p:sp>
        <p:nvSpPr>
          <p:cNvPr id="13317" name="Rechteck 5"/>
          <p:cNvSpPr>
            <a:spLocks noChangeArrowheads="1"/>
          </p:cNvSpPr>
          <p:nvPr/>
        </p:nvSpPr>
        <p:spPr bwMode="auto">
          <a:xfrm>
            <a:off x="1547664" y="1473738"/>
            <a:ext cx="161925" cy="108347"/>
          </a:xfrm>
          <a:prstGeom prst="rect">
            <a:avLst/>
          </a:prstGeom>
          <a:solidFill>
            <a:srgbClr val="800080"/>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n-GB" altLang="de-DE" sz="1500">
              <a:latin typeface="Agfa Rotis Sans Serif" pitchFamily="2" charset="0"/>
              <a:ea typeface="ヒラギノ角ゴ Pro W3" pitchFamily="16" charset="-128"/>
            </a:endParaRPr>
          </a:p>
        </p:txBody>
      </p:sp>
      <p:sp>
        <p:nvSpPr>
          <p:cNvPr id="13318" name="Rechteck 6"/>
          <p:cNvSpPr>
            <a:spLocks noChangeArrowheads="1"/>
          </p:cNvSpPr>
          <p:nvPr/>
        </p:nvSpPr>
        <p:spPr bwMode="auto">
          <a:xfrm>
            <a:off x="1547664" y="3942983"/>
            <a:ext cx="161925" cy="107156"/>
          </a:xfrm>
          <a:prstGeom prst="rect">
            <a:avLst/>
          </a:prstGeom>
          <a:solidFill>
            <a:srgbClr val="FFFFCC"/>
          </a:solidFill>
          <a:ln>
            <a:noFill/>
          </a:ln>
          <a:extLst>
            <a:ext uri="{91240B29-F687-4F45-9708-019B960494DF}">
              <a14:hiddenLine xmlns:a14="http://schemas.microsoft.com/office/drawing/2010/main" w="9525" algn="ctr">
                <a:solidFill>
                  <a:srgbClr val="000000"/>
                </a:solidFill>
                <a:round/>
                <a:headEnd/>
                <a:tailEnd/>
              </a14:hiddenLine>
            </a:ext>
          </a:extLst>
        </p:spPr>
        <p:txBody>
          <a:bodyPr/>
          <a:lstStyle>
            <a:lvl1pPr>
              <a:spcBef>
                <a:spcPct val="20000"/>
              </a:spcBef>
              <a:buChar char="•"/>
              <a:defRPr sz="2800">
                <a:solidFill>
                  <a:schemeClr val="tx1"/>
                </a:solidFill>
                <a:latin typeface="Arial" panose="020B0604020202020204" pitchFamily="34" charset="0"/>
              </a:defRPr>
            </a:lvl1pPr>
            <a:lvl2pPr marL="742950" indent="-285750">
              <a:spcBef>
                <a:spcPct val="20000"/>
              </a:spcBef>
              <a:buChar char="–"/>
              <a:defRPr sz="2400">
                <a:solidFill>
                  <a:schemeClr val="tx1"/>
                </a:solidFill>
                <a:latin typeface="Arial" panose="020B0604020202020204" pitchFamily="34" charset="0"/>
              </a:defRPr>
            </a:lvl2pPr>
            <a:lvl3pPr marL="1143000" indent="-228600">
              <a:spcBef>
                <a:spcPct val="20000"/>
              </a:spcBef>
              <a:buChar char="•"/>
              <a:defRPr sz="2000">
                <a:solidFill>
                  <a:schemeClr val="tx1"/>
                </a:solidFill>
                <a:latin typeface="Arial" panose="020B0604020202020204" pitchFamily="34" charset="0"/>
              </a:defRPr>
            </a:lvl3pPr>
            <a:lvl4pPr marL="1600200" indent="-228600">
              <a:spcBef>
                <a:spcPct val="20000"/>
              </a:spcBef>
              <a:buChar char="–"/>
              <a:defRPr>
                <a:solidFill>
                  <a:schemeClr val="tx1"/>
                </a:solidFill>
                <a:latin typeface="Arial" panose="020B0604020202020204" pitchFamily="34" charset="0"/>
              </a:defRPr>
            </a:lvl4pPr>
            <a:lvl5pPr marL="2057400" indent="-228600">
              <a:spcBef>
                <a:spcPct val="20000"/>
              </a:spcBef>
              <a:buChar char="»"/>
              <a:defRPr>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a:solidFill>
                  <a:schemeClr val="tx1"/>
                </a:solidFill>
                <a:latin typeface="Arial" panose="020B0604020202020204" pitchFamily="34" charset="0"/>
              </a:defRPr>
            </a:lvl9pPr>
          </a:lstStyle>
          <a:p>
            <a:pPr>
              <a:spcBef>
                <a:spcPct val="0"/>
              </a:spcBef>
              <a:buFontTx/>
              <a:buNone/>
            </a:pPr>
            <a:endParaRPr lang="en-GB" altLang="de-DE" sz="1500">
              <a:latin typeface="Agfa Rotis Sans Serif"/>
              <a:ea typeface="ヒラギノ角ゴ Pro W3"/>
              <a:cs typeface="ヒラギノ角ゴ Pro W3"/>
            </a:endParaRPr>
          </a:p>
        </p:txBody>
      </p:sp>
      <p:sp>
        <p:nvSpPr>
          <p:cNvPr id="13319" name="Rechteck 7"/>
          <p:cNvSpPr>
            <a:spLocks noChangeArrowheads="1"/>
          </p:cNvSpPr>
          <p:nvPr/>
        </p:nvSpPr>
        <p:spPr bwMode="auto">
          <a:xfrm>
            <a:off x="1547664" y="2615400"/>
            <a:ext cx="161925" cy="107156"/>
          </a:xfrm>
          <a:prstGeom prst="rect">
            <a:avLst/>
          </a:prstGeom>
          <a:solidFill>
            <a:srgbClr val="FFFF00"/>
          </a:solidFill>
          <a:ln>
            <a:noFill/>
          </a:ln>
          <a:extLst>
            <a:ext uri="{91240B29-F687-4F45-9708-019B960494DF}">
              <a14:hiddenLine xmlns:a14="http://schemas.microsoft.com/office/drawing/2010/main" w="9525" algn="ctr">
                <a:solidFill>
                  <a:srgbClr val="000000"/>
                </a:solidFill>
                <a:round/>
                <a:headEnd/>
                <a:tailEnd/>
              </a14:hiddenLine>
            </a:ext>
          </a:extLst>
        </p:spPr>
        <p:txBody>
          <a:bodyPr/>
          <a:lstStyle>
            <a:lvl1pPr>
              <a:spcBef>
                <a:spcPct val="20000"/>
              </a:spcBef>
              <a:buChar char="•"/>
              <a:defRPr sz="2800">
                <a:solidFill>
                  <a:schemeClr val="tx1"/>
                </a:solidFill>
                <a:latin typeface="Arial" panose="020B0604020202020204" pitchFamily="34" charset="0"/>
              </a:defRPr>
            </a:lvl1pPr>
            <a:lvl2pPr marL="742950" indent="-285750">
              <a:spcBef>
                <a:spcPct val="20000"/>
              </a:spcBef>
              <a:buChar char="–"/>
              <a:defRPr sz="2400">
                <a:solidFill>
                  <a:schemeClr val="tx1"/>
                </a:solidFill>
                <a:latin typeface="Arial" panose="020B0604020202020204" pitchFamily="34" charset="0"/>
              </a:defRPr>
            </a:lvl2pPr>
            <a:lvl3pPr marL="1143000" indent="-228600">
              <a:spcBef>
                <a:spcPct val="20000"/>
              </a:spcBef>
              <a:buChar char="•"/>
              <a:defRPr sz="2000">
                <a:solidFill>
                  <a:schemeClr val="tx1"/>
                </a:solidFill>
                <a:latin typeface="Arial" panose="020B0604020202020204" pitchFamily="34" charset="0"/>
              </a:defRPr>
            </a:lvl3pPr>
            <a:lvl4pPr marL="1600200" indent="-228600">
              <a:spcBef>
                <a:spcPct val="20000"/>
              </a:spcBef>
              <a:buChar char="–"/>
              <a:defRPr>
                <a:solidFill>
                  <a:schemeClr val="tx1"/>
                </a:solidFill>
                <a:latin typeface="Arial" panose="020B0604020202020204" pitchFamily="34" charset="0"/>
              </a:defRPr>
            </a:lvl4pPr>
            <a:lvl5pPr marL="2057400" indent="-228600">
              <a:spcBef>
                <a:spcPct val="20000"/>
              </a:spcBef>
              <a:buChar char="»"/>
              <a:defRPr>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a:solidFill>
                  <a:schemeClr val="tx1"/>
                </a:solidFill>
                <a:latin typeface="Arial" panose="020B0604020202020204" pitchFamily="34" charset="0"/>
              </a:defRPr>
            </a:lvl9pPr>
          </a:lstStyle>
          <a:p>
            <a:pPr>
              <a:spcBef>
                <a:spcPct val="0"/>
              </a:spcBef>
              <a:buFontTx/>
              <a:buNone/>
            </a:pPr>
            <a:endParaRPr lang="en-GB" altLang="de-DE" sz="1500">
              <a:latin typeface="Agfa Rotis Sans Serif"/>
              <a:ea typeface="ヒラギノ角ゴ Pro W3"/>
              <a:cs typeface="ヒラギノ角ゴ Pro W3"/>
            </a:endParaRPr>
          </a:p>
        </p:txBody>
      </p:sp>
      <p:sp>
        <p:nvSpPr>
          <p:cNvPr id="10" name="Titel 87"/>
          <p:cNvSpPr>
            <a:spLocks noGrp="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r>
              <a:rPr lang="es-419" altLang="de-DE" dirty="0">
                <a:latin typeface="Arial" charset="0"/>
              </a:rPr>
              <a:t>Actualización continua del catastro: diferentes sistemas organizacionales</a:t>
            </a:r>
            <a:endParaRPr lang="es-419" dirty="0">
              <a:latin typeface="Arial" charset="0"/>
            </a:endParaRPr>
          </a:p>
        </p:txBody>
      </p:sp>
      <p:sp>
        <p:nvSpPr>
          <p:cNvPr id="11" name="Rechteck 10"/>
          <p:cNvSpPr/>
          <p:nvPr/>
        </p:nvSpPr>
        <p:spPr>
          <a:xfrm rot="16200000">
            <a:off x="7085385" y="2722661"/>
            <a:ext cx="3240360" cy="346249"/>
          </a:xfrm>
          <a:prstGeom prst="rect">
            <a:avLst/>
          </a:prstGeom>
        </p:spPr>
        <p:txBody>
          <a:bodyPr wrap="square">
            <a:spAutoFit/>
          </a:bodyPr>
          <a:lstStyle/>
          <a:p>
            <a:r>
              <a:rPr lang="de-CH" sz="825" dirty="0" err="1">
                <a:latin typeface="Arial" panose="020B0604020202020204" pitchFamily="34" charset="0"/>
                <a:cs typeface="Arial" panose="020B0604020202020204" pitchFamily="34" charset="0"/>
              </a:rPr>
              <a:t>Referencia</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Informe</a:t>
            </a:r>
            <a:r>
              <a:rPr lang="de-CH" sz="825" dirty="0">
                <a:latin typeface="Arial" panose="020B0604020202020204" pitchFamily="34" charset="0"/>
                <a:cs typeface="Arial" panose="020B0604020202020204" pitchFamily="34" charset="0"/>
              </a:rPr>
              <a:t> del </a:t>
            </a:r>
            <a:r>
              <a:rPr lang="de-CH" sz="825" dirty="0" err="1">
                <a:latin typeface="Arial" panose="020B0604020202020204" pitchFamily="34" charset="0"/>
                <a:cs typeface="Arial" panose="020B0604020202020204" pitchFamily="34" charset="0"/>
              </a:rPr>
              <a:t>Suüpervisor</a:t>
            </a:r>
            <a:r>
              <a:rPr lang="de-CH" sz="825" dirty="0">
                <a:latin typeface="Arial" panose="020B0604020202020204" pitchFamily="34" charset="0"/>
                <a:cs typeface="Arial" panose="020B0604020202020204" pitchFamily="34" charset="0"/>
              </a:rPr>
              <a:t> de </a:t>
            </a:r>
            <a:r>
              <a:rPr lang="de-CH" sz="825" dirty="0" err="1">
                <a:latin typeface="Arial" panose="020B0604020202020204" pitchFamily="34" charset="0"/>
                <a:cs typeface="Arial" panose="020B0604020202020204" pitchFamily="34" charset="0"/>
              </a:rPr>
              <a:t>tarifas</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sobre</a:t>
            </a:r>
            <a:r>
              <a:rPr lang="de-CH" sz="825" dirty="0">
                <a:latin typeface="Arial" panose="020B0604020202020204" pitchFamily="34" charset="0"/>
                <a:cs typeface="Arial" panose="020B0604020202020204" pitchFamily="34" charset="0"/>
              </a:rPr>
              <a:t> las </a:t>
            </a:r>
            <a:r>
              <a:rPr lang="de-CH" sz="825" dirty="0" err="1">
                <a:latin typeface="Arial" panose="020B0604020202020204" pitchFamily="34" charset="0"/>
                <a:cs typeface="Arial" panose="020B0604020202020204" pitchFamily="34" charset="0"/>
              </a:rPr>
              <a:t>tarifas</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para</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el</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mantenimiento</a:t>
            </a:r>
            <a:r>
              <a:rPr lang="de-CH" sz="825" dirty="0">
                <a:latin typeface="Arial" panose="020B0604020202020204" pitchFamily="34" charset="0"/>
                <a:cs typeface="Arial" panose="020B0604020202020204" pitchFamily="34" charset="0"/>
              </a:rPr>
              <a:t> del </a:t>
            </a:r>
            <a:r>
              <a:rPr lang="de-CH" sz="825" dirty="0" err="1">
                <a:latin typeface="Arial" panose="020B0604020202020204" pitchFamily="34" charset="0"/>
                <a:cs typeface="Arial" panose="020B0604020202020204" pitchFamily="34" charset="0"/>
              </a:rPr>
              <a:t>catastro</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oficial</a:t>
            </a:r>
            <a:r>
              <a:rPr lang="de-CH" sz="825" dirty="0">
                <a:latin typeface="Arial" panose="020B0604020202020204" pitchFamily="34" charset="0"/>
                <a:cs typeface="Arial" panose="020B0604020202020204" pitchFamily="34" charset="0"/>
              </a:rPr>
              <a:t> (de </a:t>
            </a:r>
            <a:r>
              <a:rPr lang="de-CH" sz="825" dirty="0" err="1">
                <a:latin typeface="Arial" panose="020B0604020202020204" pitchFamily="34" charset="0"/>
                <a:cs typeface="Arial" panose="020B0604020202020204" pitchFamily="34" charset="0"/>
              </a:rPr>
              <a:t>Abril</a:t>
            </a:r>
            <a:r>
              <a:rPr lang="de-CH" sz="825" dirty="0">
                <a:latin typeface="Arial" panose="020B0604020202020204" pitchFamily="34" charset="0"/>
                <a:cs typeface="Arial" panose="020B0604020202020204" pitchFamily="34" charset="0"/>
              </a:rPr>
              <a:t>  2016).</a:t>
            </a:r>
          </a:p>
        </p:txBody>
      </p:sp>
    </p:spTree>
    <p:extLst>
      <p:ext uri="{BB962C8B-B14F-4D97-AF65-F5344CB8AC3E}">
        <p14:creationId xmlns:p14="http://schemas.microsoft.com/office/powerpoint/2010/main" val="28642065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4" name="Picture 3" descr="CH-2mio_relief"/>
          <p:cNvPicPr>
            <a:picLocks noChangeAspect="1" noChangeArrowheads="1"/>
          </p:cNvPicPr>
          <p:nvPr/>
        </p:nvPicPr>
        <p:blipFill>
          <a:blip r:embed="rId3" cstate="print">
            <a:extLst>
              <a:ext uri="{28A0092B-C50C-407E-A947-70E740481C1C}">
                <a14:useLocalDpi xmlns:a14="http://schemas.microsoft.com/office/drawing/2010/main" val="0"/>
              </a:ext>
            </a:extLst>
          </a:blip>
          <a:srcRect l="3059" t="4410" r="3036" b="10278"/>
          <a:stretch>
            <a:fillRect/>
          </a:stretch>
        </p:blipFill>
        <p:spPr bwMode="auto">
          <a:xfrm>
            <a:off x="2915816" y="1334936"/>
            <a:ext cx="5254247" cy="332504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5" name="Rechteck 124"/>
          <p:cNvSpPr/>
          <p:nvPr/>
        </p:nvSpPr>
        <p:spPr bwMode="auto">
          <a:xfrm>
            <a:off x="1331640" y="1302545"/>
            <a:ext cx="2134936" cy="1201666"/>
          </a:xfrm>
          <a:prstGeom prst="rect">
            <a:avLst/>
          </a:prstGeom>
          <a:solidFill>
            <a:schemeClr val="accent1"/>
          </a:solidFill>
          <a:ln w="9525" cap="flat" cmpd="sng" algn="ctr">
            <a:noFill/>
            <a:prstDash val="solid"/>
            <a:round/>
            <a:headEnd type="none" w="med" len="med"/>
            <a:tailEnd type="none" w="med" len="med"/>
          </a:ln>
          <a:effectLst>
            <a:innerShdw blurRad="63500" dist="50800" dir="2700000">
              <a:prstClr val="black">
                <a:alpha val="50000"/>
              </a:prstClr>
            </a:innerShdw>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grpSp>
        <p:nvGrpSpPr>
          <p:cNvPr id="6" name="Gruppieren 5"/>
          <p:cNvGrpSpPr/>
          <p:nvPr/>
        </p:nvGrpSpPr>
        <p:grpSpPr>
          <a:xfrm>
            <a:off x="1389621" y="1370084"/>
            <a:ext cx="1724217" cy="295407"/>
            <a:chOff x="328828" y="1826778"/>
            <a:chExt cx="2298956" cy="393876"/>
          </a:xfrm>
        </p:grpSpPr>
        <p:sp>
          <p:nvSpPr>
            <p:cNvPr id="126" name="Inhaltsplatzhalter 4"/>
            <p:cNvSpPr txBox="1">
              <a:spLocks/>
            </p:cNvSpPr>
            <p:nvPr/>
          </p:nvSpPr>
          <p:spPr bwMode="auto">
            <a:xfrm>
              <a:off x="662365" y="1826778"/>
              <a:ext cx="1965419" cy="39387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ctr" anchorCtr="0" compatLnSpc="1">
              <a:prstTxWarp prst="textNoShape">
                <a:avLst/>
              </a:prstTxWarp>
            </a:bodyPr>
            <a:lstStyle>
              <a:lvl1pPr marL="342900" indent="-3429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1pPr>
              <a:lvl2pPr marL="742950" indent="-28575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2pPr>
              <a:lvl3pPr marL="11430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3pPr>
              <a:lvl4pPr marL="16002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4pPr>
              <a:lvl5pPr marL="20574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5pPr>
              <a:lvl6pPr marL="2514600" indent="-228600" algn="l" rtl="0" eaLnBrk="1" fontAlgn="base" hangingPunct="1">
                <a:spcBef>
                  <a:spcPct val="20000"/>
                </a:spcBef>
                <a:spcAft>
                  <a:spcPct val="0"/>
                </a:spcAft>
                <a:buChar char="»"/>
                <a:defRPr sz="2000">
                  <a:solidFill>
                    <a:schemeClr val="tx1"/>
                  </a:solidFill>
                  <a:latin typeface="+mn-lt"/>
                  <a:ea typeface="+mn-ea"/>
                </a:defRPr>
              </a:lvl6pPr>
              <a:lvl7pPr marL="2971800" indent="-228600" algn="l" rtl="0" eaLnBrk="1" fontAlgn="base" hangingPunct="1">
                <a:spcBef>
                  <a:spcPct val="20000"/>
                </a:spcBef>
                <a:spcAft>
                  <a:spcPct val="0"/>
                </a:spcAft>
                <a:buChar char="»"/>
                <a:defRPr sz="2000">
                  <a:solidFill>
                    <a:schemeClr val="tx1"/>
                  </a:solidFill>
                  <a:latin typeface="+mn-lt"/>
                  <a:ea typeface="+mn-ea"/>
                </a:defRPr>
              </a:lvl7pPr>
              <a:lvl8pPr marL="3429000" indent="-228600" algn="l" rtl="0" eaLnBrk="1" fontAlgn="base" hangingPunct="1">
                <a:spcBef>
                  <a:spcPct val="20000"/>
                </a:spcBef>
                <a:spcAft>
                  <a:spcPct val="0"/>
                </a:spcAft>
                <a:buChar char="»"/>
                <a:defRPr sz="2000">
                  <a:solidFill>
                    <a:schemeClr val="tx1"/>
                  </a:solidFill>
                  <a:latin typeface="+mn-lt"/>
                  <a:ea typeface="+mn-ea"/>
                </a:defRPr>
              </a:lvl8pPr>
              <a:lvl9pPr marL="3886200" indent="-228600" algn="l" rtl="0" eaLnBrk="1" fontAlgn="base" hangingPunct="1">
                <a:spcBef>
                  <a:spcPct val="20000"/>
                </a:spcBef>
                <a:spcAft>
                  <a:spcPct val="0"/>
                </a:spcAft>
                <a:buChar char="»"/>
                <a:defRPr sz="2000">
                  <a:solidFill>
                    <a:schemeClr val="tx1"/>
                  </a:solidFill>
                  <a:latin typeface="+mn-lt"/>
                  <a:ea typeface="+mn-ea"/>
                </a:defRPr>
              </a:lvl9pPr>
            </a:lstStyle>
            <a:p>
              <a:pPr marL="0" indent="0">
                <a:buFontTx/>
                <a:buNone/>
                <a:defRPr/>
              </a:pPr>
              <a:r>
                <a:rPr lang="es-419" sz="900" kern="0" dirty="0"/>
                <a:t>Sector publico: oficinas cantonales (3 cantones)</a:t>
              </a:r>
            </a:p>
          </p:txBody>
        </p:sp>
        <p:sp>
          <p:nvSpPr>
            <p:cNvPr id="128" name="Rechteck 127"/>
            <p:cNvSpPr/>
            <p:nvPr/>
          </p:nvSpPr>
          <p:spPr bwMode="auto">
            <a:xfrm>
              <a:off x="328828" y="1951708"/>
              <a:ext cx="216024" cy="144016"/>
            </a:xfrm>
            <a:prstGeom prst="rect">
              <a:avLst/>
            </a:prstGeom>
            <a:solidFill>
              <a:srgbClr val="800080"/>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grpSp>
      <p:sp>
        <p:nvSpPr>
          <p:cNvPr id="88" name="Titel 87"/>
          <p:cNvSpPr>
            <a:spLocks noGrp="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r>
              <a:rPr lang="es-419" altLang="de-DE" dirty="0">
                <a:latin typeface="Arial" charset="0"/>
              </a:rPr>
              <a:t>Actualización continua del catastro: diferentes sistemas organizacionales</a:t>
            </a:r>
            <a:endParaRPr lang="es-419" dirty="0">
              <a:latin typeface="Arial" charset="0"/>
            </a:endParaRPr>
          </a:p>
        </p:txBody>
      </p:sp>
      <p:grpSp>
        <p:nvGrpSpPr>
          <p:cNvPr id="2" name="Gruppieren 1"/>
          <p:cNvGrpSpPr/>
          <p:nvPr/>
        </p:nvGrpSpPr>
        <p:grpSpPr>
          <a:xfrm>
            <a:off x="3504308" y="1373899"/>
            <a:ext cx="2645005" cy="1535558"/>
            <a:chOff x="2503892" y="1862219"/>
            <a:chExt cx="3526673" cy="2047410"/>
          </a:xfrm>
        </p:grpSpPr>
        <p:sp>
          <p:nvSpPr>
            <p:cNvPr id="29" name="Freeform 180"/>
            <p:cNvSpPr>
              <a:spLocks/>
            </p:cNvSpPr>
            <p:nvPr/>
          </p:nvSpPr>
          <p:spPr bwMode="auto">
            <a:xfrm>
              <a:off x="2503892" y="3237236"/>
              <a:ext cx="953860" cy="672393"/>
            </a:xfrm>
            <a:custGeom>
              <a:avLst/>
              <a:gdLst>
                <a:gd name="T0" fmla="*/ 388 w 915"/>
                <a:gd name="T1" fmla="*/ 216 h 645"/>
                <a:gd name="T2" fmla="*/ 372 w 915"/>
                <a:gd name="T3" fmla="*/ 205 h 645"/>
                <a:gd name="T4" fmla="*/ 375 w 915"/>
                <a:gd name="T5" fmla="*/ 194 h 645"/>
                <a:gd name="T6" fmla="*/ 385 w 915"/>
                <a:gd name="T7" fmla="*/ 179 h 645"/>
                <a:gd name="T8" fmla="*/ 388 w 915"/>
                <a:gd name="T9" fmla="*/ 164 h 645"/>
                <a:gd name="T10" fmla="*/ 409 w 915"/>
                <a:gd name="T11" fmla="*/ 152 h 645"/>
                <a:gd name="T12" fmla="*/ 431 w 915"/>
                <a:gd name="T13" fmla="*/ 152 h 645"/>
                <a:gd name="T14" fmla="*/ 442 w 915"/>
                <a:gd name="T15" fmla="*/ 133 h 645"/>
                <a:gd name="T16" fmla="*/ 436 w 915"/>
                <a:gd name="T17" fmla="*/ 113 h 645"/>
                <a:gd name="T18" fmla="*/ 455 w 915"/>
                <a:gd name="T19" fmla="*/ 100 h 645"/>
                <a:gd name="T20" fmla="*/ 477 w 915"/>
                <a:gd name="T21" fmla="*/ 89 h 645"/>
                <a:gd name="T22" fmla="*/ 499 w 915"/>
                <a:gd name="T23" fmla="*/ 79 h 645"/>
                <a:gd name="T24" fmla="*/ 525 w 915"/>
                <a:gd name="T25" fmla="*/ 70 h 645"/>
                <a:gd name="T26" fmla="*/ 542 w 915"/>
                <a:gd name="T27" fmla="*/ 53 h 645"/>
                <a:gd name="T28" fmla="*/ 562 w 915"/>
                <a:gd name="T29" fmla="*/ 37 h 645"/>
                <a:gd name="T30" fmla="*/ 577 w 915"/>
                <a:gd name="T31" fmla="*/ 22 h 645"/>
                <a:gd name="T32" fmla="*/ 597 w 915"/>
                <a:gd name="T33" fmla="*/ 4 h 645"/>
                <a:gd name="T34" fmla="*/ 632 w 915"/>
                <a:gd name="T35" fmla="*/ 55 h 645"/>
                <a:gd name="T36" fmla="*/ 632 w 915"/>
                <a:gd name="T37" fmla="*/ 103 h 645"/>
                <a:gd name="T38" fmla="*/ 614 w 915"/>
                <a:gd name="T39" fmla="*/ 139 h 645"/>
                <a:gd name="T40" fmla="*/ 630 w 915"/>
                <a:gd name="T41" fmla="*/ 153 h 645"/>
                <a:gd name="T42" fmla="*/ 666 w 915"/>
                <a:gd name="T43" fmla="*/ 131 h 645"/>
                <a:gd name="T44" fmla="*/ 701 w 915"/>
                <a:gd name="T45" fmla="*/ 113 h 645"/>
                <a:gd name="T46" fmla="*/ 728 w 915"/>
                <a:gd name="T47" fmla="*/ 107 h 645"/>
                <a:gd name="T48" fmla="*/ 752 w 915"/>
                <a:gd name="T49" fmla="*/ 105 h 645"/>
                <a:gd name="T50" fmla="*/ 776 w 915"/>
                <a:gd name="T51" fmla="*/ 100 h 645"/>
                <a:gd name="T52" fmla="*/ 802 w 915"/>
                <a:gd name="T53" fmla="*/ 87 h 645"/>
                <a:gd name="T54" fmla="*/ 834 w 915"/>
                <a:gd name="T55" fmla="*/ 79 h 645"/>
                <a:gd name="T56" fmla="*/ 837 w 915"/>
                <a:gd name="T57" fmla="*/ 98 h 645"/>
                <a:gd name="T58" fmla="*/ 850 w 915"/>
                <a:gd name="T59" fmla="*/ 116 h 645"/>
                <a:gd name="T60" fmla="*/ 915 w 915"/>
                <a:gd name="T61" fmla="*/ 164 h 645"/>
                <a:gd name="T62" fmla="*/ 906 w 915"/>
                <a:gd name="T63" fmla="*/ 200 h 645"/>
                <a:gd name="T64" fmla="*/ 915 w 915"/>
                <a:gd name="T65" fmla="*/ 218 h 645"/>
                <a:gd name="T66" fmla="*/ 884 w 915"/>
                <a:gd name="T67" fmla="*/ 248 h 645"/>
                <a:gd name="T68" fmla="*/ 847 w 915"/>
                <a:gd name="T69" fmla="*/ 264 h 645"/>
                <a:gd name="T70" fmla="*/ 839 w 915"/>
                <a:gd name="T71" fmla="*/ 307 h 645"/>
                <a:gd name="T72" fmla="*/ 837 w 915"/>
                <a:gd name="T73" fmla="*/ 377 h 645"/>
                <a:gd name="T74" fmla="*/ 442 w 915"/>
                <a:gd name="T75" fmla="*/ 599 h 645"/>
                <a:gd name="T76" fmla="*/ 422 w 915"/>
                <a:gd name="T77" fmla="*/ 595 h 645"/>
                <a:gd name="T78" fmla="*/ 429 w 915"/>
                <a:gd name="T79" fmla="*/ 573 h 645"/>
                <a:gd name="T80" fmla="*/ 399 w 915"/>
                <a:gd name="T81" fmla="*/ 527 h 645"/>
                <a:gd name="T82" fmla="*/ 403 w 915"/>
                <a:gd name="T83" fmla="*/ 466 h 645"/>
                <a:gd name="T84" fmla="*/ 322 w 915"/>
                <a:gd name="T85" fmla="*/ 501 h 645"/>
                <a:gd name="T86" fmla="*/ 253 w 915"/>
                <a:gd name="T87" fmla="*/ 560 h 645"/>
                <a:gd name="T88" fmla="*/ 192 w 915"/>
                <a:gd name="T89" fmla="*/ 581 h 645"/>
                <a:gd name="T90" fmla="*/ 161 w 915"/>
                <a:gd name="T91" fmla="*/ 595 h 645"/>
                <a:gd name="T92" fmla="*/ 141 w 915"/>
                <a:gd name="T93" fmla="*/ 612 h 645"/>
                <a:gd name="T94" fmla="*/ 102 w 915"/>
                <a:gd name="T95" fmla="*/ 632 h 645"/>
                <a:gd name="T96" fmla="*/ 57 w 915"/>
                <a:gd name="T97" fmla="*/ 644 h 645"/>
                <a:gd name="T98" fmla="*/ 43 w 915"/>
                <a:gd name="T99" fmla="*/ 570 h 645"/>
                <a:gd name="T100" fmla="*/ 6 w 915"/>
                <a:gd name="T101" fmla="*/ 490 h 645"/>
                <a:gd name="T102" fmla="*/ 28 w 915"/>
                <a:gd name="T103" fmla="*/ 459 h 645"/>
                <a:gd name="T104" fmla="*/ 56 w 915"/>
                <a:gd name="T105" fmla="*/ 422 h 645"/>
                <a:gd name="T106" fmla="*/ 85 w 915"/>
                <a:gd name="T107" fmla="*/ 390 h 645"/>
                <a:gd name="T108" fmla="*/ 120 w 915"/>
                <a:gd name="T109" fmla="*/ 392 h 645"/>
                <a:gd name="T110" fmla="*/ 170 w 915"/>
                <a:gd name="T111" fmla="*/ 379 h 645"/>
                <a:gd name="T112" fmla="*/ 205 w 915"/>
                <a:gd name="T113" fmla="*/ 364 h 645"/>
                <a:gd name="T114" fmla="*/ 239 w 915"/>
                <a:gd name="T115" fmla="*/ 351 h 645"/>
                <a:gd name="T116" fmla="*/ 275 w 915"/>
                <a:gd name="T117" fmla="*/ 340 h 645"/>
                <a:gd name="T118" fmla="*/ 316 w 915"/>
                <a:gd name="T119" fmla="*/ 281 h 645"/>
                <a:gd name="T120" fmla="*/ 340 w 915"/>
                <a:gd name="T121" fmla="*/ 264 h 645"/>
                <a:gd name="T122" fmla="*/ 370 w 915"/>
                <a:gd name="T123" fmla="*/ 259 h 6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915" h="645">
                  <a:moveTo>
                    <a:pt x="403" y="229"/>
                  </a:moveTo>
                  <a:lnTo>
                    <a:pt x="401" y="229"/>
                  </a:lnTo>
                  <a:lnTo>
                    <a:pt x="399" y="229"/>
                  </a:lnTo>
                  <a:lnTo>
                    <a:pt x="399" y="227"/>
                  </a:lnTo>
                  <a:lnTo>
                    <a:pt x="397" y="227"/>
                  </a:lnTo>
                  <a:lnTo>
                    <a:pt x="396" y="227"/>
                  </a:lnTo>
                  <a:lnTo>
                    <a:pt x="394" y="227"/>
                  </a:lnTo>
                  <a:lnTo>
                    <a:pt x="394" y="226"/>
                  </a:lnTo>
                  <a:lnTo>
                    <a:pt x="392" y="226"/>
                  </a:lnTo>
                  <a:lnTo>
                    <a:pt x="392" y="224"/>
                  </a:lnTo>
                  <a:lnTo>
                    <a:pt x="390" y="224"/>
                  </a:lnTo>
                  <a:lnTo>
                    <a:pt x="390" y="222"/>
                  </a:lnTo>
                  <a:lnTo>
                    <a:pt x="390" y="220"/>
                  </a:lnTo>
                  <a:lnTo>
                    <a:pt x="388" y="218"/>
                  </a:lnTo>
                  <a:lnTo>
                    <a:pt x="388" y="216"/>
                  </a:lnTo>
                  <a:lnTo>
                    <a:pt x="388" y="218"/>
                  </a:lnTo>
                  <a:lnTo>
                    <a:pt x="386" y="218"/>
                  </a:lnTo>
                  <a:lnTo>
                    <a:pt x="386" y="216"/>
                  </a:lnTo>
                  <a:lnTo>
                    <a:pt x="385" y="216"/>
                  </a:lnTo>
                  <a:lnTo>
                    <a:pt x="383" y="216"/>
                  </a:lnTo>
                  <a:lnTo>
                    <a:pt x="383" y="214"/>
                  </a:lnTo>
                  <a:lnTo>
                    <a:pt x="381" y="214"/>
                  </a:lnTo>
                  <a:lnTo>
                    <a:pt x="381" y="216"/>
                  </a:lnTo>
                  <a:lnTo>
                    <a:pt x="379" y="216"/>
                  </a:lnTo>
                  <a:lnTo>
                    <a:pt x="377" y="214"/>
                  </a:lnTo>
                  <a:lnTo>
                    <a:pt x="375" y="213"/>
                  </a:lnTo>
                  <a:lnTo>
                    <a:pt x="375" y="211"/>
                  </a:lnTo>
                  <a:lnTo>
                    <a:pt x="373" y="209"/>
                  </a:lnTo>
                  <a:lnTo>
                    <a:pt x="373" y="207"/>
                  </a:lnTo>
                  <a:lnTo>
                    <a:pt x="372" y="205"/>
                  </a:lnTo>
                  <a:lnTo>
                    <a:pt x="370" y="207"/>
                  </a:lnTo>
                  <a:lnTo>
                    <a:pt x="370" y="205"/>
                  </a:lnTo>
                  <a:lnTo>
                    <a:pt x="368" y="205"/>
                  </a:lnTo>
                  <a:lnTo>
                    <a:pt x="368" y="203"/>
                  </a:lnTo>
                  <a:lnTo>
                    <a:pt x="368" y="201"/>
                  </a:lnTo>
                  <a:lnTo>
                    <a:pt x="366" y="201"/>
                  </a:lnTo>
                  <a:lnTo>
                    <a:pt x="366" y="200"/>
                  </a:lnTo>
                  <a:lnTo>
                    <a:pt x="364" y="200"/>
                  </a:lnTo>
                  <a:lnTo>
                    <a:pt x="364" y="198"/>
                  </a:lnTo>
                  <a:lnTo>
                    <a:pt x="366" y="196"/>
                  </a:lnTo>
                  <a:lnTo>
                    <a:pt x="368" y="194"/>
                  </a:lnTo>
                  <a:lnTo>
                    <a:pt x="370" y="194"/>
                  </a:lnTo>
                  <a:lnTo>
                    <a:pt x="372" y="194"/>
                  </a:lnTo>
                  <a:lnTo>
                    <a:pt x="373" y="194"/>
                  </a:lnTo>
                  <a:lnTo>
                    <a:pt x="375" y="194"/>
                  </a:lnTo>
                  <a:lnTo>
                    <a:pt x="377" y="194"/>
                  </a:lnTo>
                  <a:lnTo>
                    <a:pt x="377" y="192"/>
                  </a:lnTo>
                  <a:lnTo>
                    <a:pt x="379" y="192"/>
                  </a:lnTo>
                  <a:lnTo>
                    <a:pt x="379" y="190"/>
                  </a:lnTo>
                  <a:lnTo>
                    <a:pt x="379" y="189"/>
                  </a:lnTo>
                  <a:lnTo>
                    <a:pt x="381" y="189"/>
                  </a:lnTo>
                  <a:lnTo>
                    <a:pt x="381" y="187"/>
                  </a:lnTo>
                  <a:lnTo>
                    <a:pt x="381" y="185"/>
                  </a:lnTo>
                  <a:lnTo>
                    <a:pt x="383" y="185"/>
                  </a:lnTo>
                  <a:lnTo>
                    <a:pt x="385" y="185"/>
                  </a:lnTo>
                  <a:lnTo>
                    <a:pt x="385" y="183"/>
                  </a:lnTo>
                  <a:lnTo>
                    <a:pt x="386" y="183"/>
                  </a:lnTo>
                  <a:lnTo>
                    <a:pt x="385" y="183"/>
                  </a:lnTo>
                  <a:lnTo>
                    <a:pt x="385" y="181"/>
                  </a:lnTo>
                  <a:lnTo>
                    <a:pt x="385" y="179"/>
                  </a:lnTo>
                  <a:lnTo>
                    <a:pt x="385" y="177"/>
                  </a:lnTo>
                  <a:lnTo>
                    <a:pt x="386" y="177"/>
                  </a:lnTo>
                  <a:lnTo>
                    <a:pt x="386" y="176"/>
                  </a:lnTo>
                  <a:lnTo>
                    <a:pt x="386" y="174"/>
                  </a:lnTo>
                  <a:lnTo>
                    <a:pt x="386" y="172"/>
                  </a:lnTo>
                  <a:lnTo>
                    <a:pt x="385" y="172"/>
                  </a:lnTo>
                  <a:lnTo>
                    <a:pt x="383" y="172"/>
                  </a:lnTo>
                  <a:lnTo>
                    <a:pt x="381" y="172"/>
                  </a:lnTo>
                  <a:lnTo>
                    <a:pt x="381" y="170"/>
                  </a:lnTo>
                  <a:lnTo>
                    <a:pt x="381" y="168"/>
                  </a:lnTo>
                  <a:lnTo>
                    <a:pt x="383" y="166"/>
                  </a:lnTo>
                  <a:lnTo>
                    <a:pt x="385" y="166"/>
                  </a:lnTo>
                  <a:lnTo>
                    <a:pt x="386" y="166"/>
                  </a:lnTo>
                  <a:lnTo>
                    <a:pt x="388" y="166"/>
                  </a:lnTo>
                  <a:lnTo>
                    <a:pt x="388" y="164"/>
                  </a:lnTo>
                  <a:lnTo>
                    <a:pt x="388" y="163"/>
                  </a:lnTo>
                  <a:lnTo>
                    <a:pt x="390" y="163"/>
                  </a:lnTo>
                  <a:lnTo>
                    <a:pt x="392" y="163"/>
                  </a:lnTo>
                  <a:lnTo>
                    <a:pt x="392" y="161"/>
                  </a:lnTo>
                  <a:lnTo>
                    <a:pt x="394" y="161"/>
                  </a:lnTo>
                  <a:lnTo>
                    <a:pt x="396" y="159"/>
                  </a:lnTo>
                  <a:lnTo>
                    <a:pt x="396" y="157"/>
                  </a:lnTo>
                  <a:lnTo>
                    <a:pt x="397" y="155"/>
                  </a:lnTo>
                  <a:lnTo>
                    <a:pt x="399" y="155"/>
                  </a:lnTo>
                  <a:lnTo>
                    <a:pt x="401" y="153"/>
                  </a:lnTo>
                  <a:lnTo>
                    <a:pt x="403" y="153"/>
                  </a:lnTo>
                  <a:lnTo>
                    <a:pt x="405" y="153"/>
                  </a:lnTo>
                  <a:lnTo>
                    <a:pt x="407" y="153"/>
                  </a:lnTo>
                  <a:lnTo>
                    <a:pt x="409" y="153"/>
                  </a:lnTo>
                  <a:lnTo>
                    <a:pt x="409" y="152"/>
                  </a:lnTo>
                  <a:lnTo>
                    <a:pt x="410" y="152"/>
                  </a:lnTo>
                  <a:lnTo>
                    <a:pt x="410" y="150"/>
                  </a:lnTo>
                  <a:lnTo>
                    <a:pt x="412" y="150"/>
                  </a:lnTo>
                  <a:lnTo>
                    <a:pt x="412" y="148"/>
                  </a:lnTo>
                  <a:lnTo>
                    <a:pt x="414" y="148"/>
                  </a:lnTo>
                  <a:lnTo>
                    <a:pt x="416" y="150"/>
                  </a:lnTo>
                  <a:lnTo>
                    <a:pt x="418" y="152"/>
                  </a:lnTo>
                  <a:lnTo>
                    <a:pt x="420" y="153"/>
                  </a:lnTo>
                  <a:lnTo>
                    <a:pt x="422" y="153"/>
                  </a:lnTo>
                  <a:lnTo>
                    <a:pt x="423" y="153"/>
                  </a:lnTo>
                  <a:lnTo>
                    <a:pt x="425" y="153"/>
                  </a:lnTo>
                  <a:lnTo>
                    <a:pt x="427" y="153"/>
                  </a:lnTo>
                  <a:lnTo>
                    <a:pt x="427" y="152"/>
                  </a:lnTo>
                  <a:lnTo>
                    <a:pt x="429" y="152"/>
                  </a:lnTo>
                  <a:lnTo>
                    <a:pt x="431" y="152"/>
                  </a:lnTo>
                  <a:lnTo>
                    <a:pt x="433" y="152"/>
                  </a:lnTo>
                  <a:lnTo>
                    <a:pt x="434" y="150"/>
                  </a:lnTo>
                  <a:lnTo>
                    <a:pt x="436" y="150"/>
                  </a:lnTo>
                  <a:lnTo>
                    <a:pt x="436" y="148"/>
                  </a:lnTo>
                  <a:lnTo>
                    <a:pt x="438" y="148"/>
                  </a:lnTo>
                  <a:lnTo>
                    <a:pt x="438" y="146"/>
                  </a:lnTo>
                  <a:lnTo>
                    <a:pt x="440" y="146"/>
                  </a:lnTo>
                  <a:lnTo>
                    <a:pt x="440" y="144"/>
                  </a:lnTo>
                  <a:lnTo>
                    <a:pt x="440" y="142"/>
                  </a:lnTo>
                  <a:lnTo>
                    <a:pt x="440" y="140"/>
                  </a:lnTo>
                  <a:lnTo>
                    <a:pt x="440" y="139"/>
                  </a:lnTo>
                  <a:lnTo>
                    <a:pt x="442" y="139"/>
                  </a:lnTo>
                  <a:lnTo>
                    <a:pt x="442" y="137"/>
                  </a:lnTo>
                  <a:lnTo>
                    <a:pt x="442" y="135"/>
                  </a:lnTo>
                  <a:lnTo>
                    <a:pt x="442" y="133"/>
                  </a:lnTo>
                  <a:lnTo>
                    <a:pt x="440" y="131"/>
                  </a:lnTo>
                  <a:lnTo>
                    <a:pt x="440" y="129"/>
                  </a:lnTo>
                  <a:lnTo>
                    <a:pt x="438" y="129"/>
                  </a:lnTo>
                  <a:lnTo>
                    <a:pt x="438" y="127"/>
                  </a:lnTo>
                  <a:lnTo>
                    <a:pt x="436" y="126"/>
                  </a:lnTo>
                  <a:lnTo>
                    <a:pt x="434" y="124"/>
                  </a:lnTo>
                  <a:lnTo>
                    <a:pt x="434" y="122"/>
                  </a:lnTo>
                  <a:lnTo>
                    <a:pt x="434" y="120"/>
                  </a:lnTo>
                  <a:lnTo>
                    <a:pt x="433" y="116"/>
                  </a:lnTo>
                  <a:lnTo>
                    <a:pt x="433" y="115"/>
                  </a:lnTo>
                  <a:lnTo>
                    <a:pt x="433" y="113"/>
                  </a:lnTo>
                  <a:lnTo>
                    <a:pt x="434" y="113"/>
                  </a:lnTo>
                  <a:lnTo>
                    <a:pt x="436" y="113"/>
                  </a:lnTo>
                  <a:lnTo>
                    <a:pt x="436" y="111"/>
                  </a:lnTo>
                  <a:lnTo>
                    <a:pt x="436" y="113"/>
                  </a:lnTo>
                  <a:lnTo>
                    <a:pt x="438" y="113"/>
                  </a:lnTo>
                  <a:lnTo>
                    <a:pt x="440" y="113"/>
                  </a:lnTo>
                  <a:lnTo>
                    <a:pt x="442" y="113"/>
                  </a:lnTo>
                  <a:lnTo>
                    <a:pt x="442" y="111"/>
                  </a:lnTo>
                  <a:lnTo>
                    <a:pt x="444" y="111"/>
                  </a:lnTo>
                  <a:lnTo>
                    <a:pt x="444" y="109"/>
                  </a:lnTo>
                  <a:lnTo>
                    <a:pt x="446" y="109"/>
                  </a:lnTo>
                  <a:lnTo>
                    <a:pt x="447" y="107"/>
                  </a:lnTo>
                  <a:lnTo>
                    <a:pt x="447" y="105"/>
                  </a:lnTo>
                  <a:lnTo>
                    <a:pt x="449" y="103"/>
                  </a:lnTo>
                  <a:lnTo>
                    <a:pt x="449" y="102"/>
                  </a:lnTo>
                  <a:lnTo>
                    <a:pt x="451" y="102"/>
                  </a:lnTo>
                  <a:lnTo>
                    <a:pt x="453" y="102"/>
                  </a:lnTo>
                  <a:lnTo>
                    <a:pt x="453" y="100"/>
                  </a:lnTo>
                  <a:lnTo>
                    <a:pt x="455" y="100"/>
                  </a:lnTo>
                  <a:lnTo>
                    <a:pt x="455" y="98"/>
                  </a:lnTo>
                  <a:lnTo>
                    <a:pt x="457" y="98"/>
                  </a:lnTo>
                  <a:lnTo>
                    <a:pt x="458" y="96"/>
                  </a:lnTo>
                  <a:lnTo>
                    <a:pt x="460" y="96"/>
                  </a:lnTo>
                  <a:lnTo>
                    <a:pt x="460" y="94"/>
                  </a:lnTo>
                  <a:lnTo>
                    <a:pt x="462" y="94"/>
                  </a:lnTo>
                  <a:lnTo>
                    <a:pt x="464" y="92"/>
                  </a:lnTo>
                  <a:lnTo>
                    <a:pt x="466" y="92"/>
                  </a:lnTo>
                  <a:lnTo>
                    <a:pt x="466" y="90"/>
                  </a:lnTo>
                  <a:lnTo>
                    <a:pt x="468" y="90"/>
                  </a:lnTo>
                  <a:lnTo>
                    <a:pt x="470" y="90"/>
                  </a:lnTo>
                  <a:lnTo>
                    <a:pt x="471" y="89"/>
                  </a:lnTo>
                  <a:lnTo>
                    <a:pt x="473" y="89"/>
                  </a:lnTo>
                  <a:lnTo>
                    <a:pt x="475" y="89"/>
                  </a:lnTo>
                  <a:lnTo>
                    <a:pt x="477" y="89"/>
                  </a:lnTo>
                  <a:lnTo>
                    <a:pt x="479" y="89"/>
                  </a:lnTo>
                  <a:lnTo>
                    <a:pt x="481" y="89"/>
                  </a:lnTo>
                  <a:lnTo>
                    <a:pt x="483" y="89"/>
                  </a:lnTo>
                  <a:lnTo>
                    <a:pt x="484" y="89"/>
                  </a:lnTo>
                  <a:lnTo>
                    <a:pt x="484" y="87"/>
                  </a:lnTo>
                  <a:lnTo>
                    <a:pt x="486" y="87"/>
                  </a:lnTo>
                  <a:lnTo>
                    <a:pt x="486" y="85"/>
                  </a:lnTo>
                  <a:lnTo>
                    <a:pt x="488" y="85"/>
                  </a:lnTo>
                  <a:lnTo>
                    <a:pt x="488" y="83"/>
                  </a:lnTo>
                  <a:lnTo>
                    <a:pt x="490" y="83"/>
                  </a:lnTo>
                  <a:lnTo>
                    <a:pt x="492" y="83"/>
                  </a:lnTo>
                  <a:lnTo>
                    <a:pt x="494" y="83"/>
                  </a:lnTo>
                  <a:lnTo>
                    <a:pt x="495" y="81"/>
                  </a:lnTo>
                  <a:lnTo>
                    <a:pt x="497" y="81"/>
                  </a:lnTo>
                  <a:lnTo>
                    <a:pt x="499" y="79"/>
                  </a:lnTo>
                  <a:lnTo>
                    <a:pt x="503" y="79"/>
                  </a:lnTo>
                  <a:lnTo>
                    <a:pt x="505" y="78"/>
                  </a:lnTo>
                  <a:lnTo>
                    <a:pt x="507" y="78"/>
                  </a:lnTo>
                  <a:lnTo>
                    <a:pt x="508" y="76"/>
                  </a:lnTo>
                  <a:lnTo>
                    <a:pt x="510" y="76"/>
                  </a:lnTo>
                  <a:lnTo>
                    <a:pt x="510" y="74"/>
                  </a:lnTo>
                  <a:lnTo>
                    <a:pt x="512" y="74"/>
                  </a:lnTo>
                  <a:lnTo>
                    <a:pt x="514" y="74"/>
                  </a:lnTo>
                  <a:lnTo>
                    <a:pt x="516" y="74"/>
                  </a:lnTo>
                  <a:lnTo>
                    <a:pt x="518" y="74"/>
                  </a:lnTo>
                  <a:lnTo>
                    <a:pt x="519" y="72"/>
                  </a:lnTo>
                  <a:lnTo>
                    <a:pt x="521" y="72"/>
                  </a:lnTo>
                  <a:lnTo>
                    <a:pt x="523" y="72"/>
                  </a:lnTo>
                  <a:lnTo>
                    <a:pt x="523" y="70"/>
                  </a:lnTo>
                  <a:lnTo>
                    <a:pt x="525" y="70"/>
                  </a:lnTo>
                  <a:lnTo>
                    <a:pt x="525" y="68"/>
                  </a:lnTo>
                  <a:lnTo>
                    <a:pt x="527" y="68"/>
                  </a:lnTo>
                  <a:lnTo>
                    <a:pt x="527" y="66"/>
                  </a:lnTo>
                  <a:lnTo>
                    <a:pt x="527" y="65"/>
                  </a:lnTo>
                  <a:lnTo>
                    <a:pt x="527" y="63"/>
                  </a:lnTo>
                  <a:lnTo>
                    <a:pt x="527" y="61"/>
                  </a:lnTo>
                  <a:lnTo>
                    <a:pt x="529" y="61"/>
                  </a:lnTo>
                  <a:lnTo>
                    <a:pt x="534" y="61"/>
                  </a:lnTo>
                  <a:lnTo>
                    <a:pt x="536" y="61"/>
                  </a:lnTo>
                  <a:lnTo>
                    <a:pt x="538" y="61"/>
                  </a:lnTo>
                  <a:lnTo>
                    <a:pt x="538" y="59"/>
                  </a:lnTo>
                  <a:lnTo>
                    <a:pt x="540" y="59"/>
                  </a:lnTo>
                  <a:lnTo>
                    <a:pt x="540" y="57"/>
                  </a:lnTo>
                  <a:lnTo>
                    <a:pt x="542" y="55"/>
                  </a:lnTo>
                  <a:lnTo>
                    <a:pt x="542" y="53"/>
                  </a:lnTo>
                  <a:lnTo>
                    <a:pt x="544" y="52"/>
                  </a:lnTo>
                  <a:lnTo>
                    <a:pt x="545" y="50"/>
                  </a:lnTo>
                  <a:lnTo>
                    <a:pt x="547" y="50"/>
                  </a:lnTo>
                  <a:lnTo>
                    <a:pt x="549" y="48"/>
                  </a:lnTo>
                  <a:lnTo>
                    <a:pt x="551" y="48"/>
                  </a:lnTo>
                  <a:lnTo>
                    <a:pt x="551" y="46"/>
                  </a:lnTo>
                  <a:lnTo>
                    <a:pt x="553" y="46"/>
                  </a:lnTo>
                  <a:lnTo>
                    <a:pt x="553" y="44"/>
                  </a:lnTo>
                  <a:lnTo>
                    <a:pt x="553" y="42"/>
                  </a:lnTo>
                  <a:lnTo>
                    <a:pt x="555" y="41"/>
                  </a:lnTo>
                  <a:lnTo>
                    <a:pt x="555" y="39"/>
                  </a:lnTo>
                  <a:lnTo>
                    <a:pt x="556" y="39"/>
                  </a:lnTo>
                  <a:lnTo>
                    <a:pt x="558" y="39"/>
                  </a:lnTo>
                  <a:lnTo>
                    <a:pt x="560" y="39"/>
                  </a:lnTo>
                  <a:lnTo>
                    <a:pt x="562" y="37"/>
                  </a:lnTo>
                  <a:lnTo>
                    <a:pt x="564" y="35"/>
                  </a:lnTo>
                  <a:lnTo>
                    <a:pt x="566" y="35"/>
                  </a:lnTo>
                  <a:lnTo>
                    <a:pt x="568" y="33"/>
                  </a:lnTo>
                  <a:lnTo>
                    <a:pt x="569" y="33"/>
                  </a:lnTo>
                  <a:lnTo>
                    <a:pt x="569" y="31"/>
                  </a:lnTo>
                  <a:lnTo>
                    <a:pt x="571" y="31"/>
                  </a:lnTo>
                  <a:lnTo>
                    <a:pt x="571" y="29"/>
                  </a:lnTo>
                  <a:lnTo>
                    <a:pt x="573" y="29"/>
                  </a:lnTo>
                  <a:lnTo>
                    <a:pt x="571" y="29"/>
                  </a:lnTo>
                  <a:lnTo>
                    <a:pt x="571" y="28"/>
                  </a:lnTo>
                  <a:lnTo>
                    <a:pt x="571" y="26"/>
                  </a:lnTo>
                  <a:lnTo>
                    <a:pt x="573" y="26"/>
                  </a:lnTo>
                  <a:lnTo>
                    <a:pt x="573" y="24"/>
                  </a:lnTo>
                  <a:lnTo>
                    <a:pt x="575" y="22"/>
                  </a:lnTo>
                  <a:lnTo>
                    <a:pt x="577" y="22"/>
                  </a:lnTo>
                  <a:lnTo>
                    <a:pt x="579" y="22"/>
                  </a:lnTo>
                  <a:lnTo>
                    <a:pt x="580" y="20"/>
                  </a:lnTo>
                  <a:lnTo>
                    <a:pt x="582" y="20"/>
                  </a:lnTo>
                  <a:lnTo>
                    <a:pt x="584" y="20"/>
                  </a:lnTo>
                  <a:lnTo>
                    <a:pt x="586" y="18"/>
                  </a:lnTo>
                  <a:lnTo>
                    <a:pt x="586" y="16"/>
                  </a:lnTo>
                  <a:lnTo>
                    <a:pt x="588" y="16"/>
                  </a:lnTo>
                  <a:lnTo>
                    <a:pt x="588" y="15"/>
                  </a:lnTo>
                  <a:lnTo>
                    <a:pt x="588" y="13"/>
                  </a:lnTo>
                  <a:lnTo>
                    <a:pt x="590" y="11"/>
                  </a:lnTo>
                  <a:lnTo>
                    <a:pt x="592" y="11"/>
                  </a:lnTo>
                  <a:lnTo>
                    <a:pt x="592" y="9"/>
                  </a:lnTo>
                  <a:lnTo>
                    <a:pt x="593" y="7"/>
                  </a:lnTo>
                  <a:lnTo>
                    <a:pt x="595" y="5"/>
                  </a:lnTo>
                  <a:lnTo>
                    <a:pt x="597" y="4"/>
                  </a:lnTo>
                  <a:lnTo>
                    <a:pt x="599" y="2"/>
                  </a:lnTo>
                  <a:lnTo>
                    <a:pt x="599" y="0"/>
                  </a:lnTo>
                  <a:lnTo>
                    <a:pt x="597" y="0"/>
                  </a:lnTo>
                  <a:lnTo>
                    <a:pt x="599" y="0"/>
                  </a:lnTo>
                  <a:lnTo>
                    <a:pt x="601" y="0"/>
                  </a:lnTo>
                  <a:lnTo>
                    <a:pt x="603" y="0"/>
                  </a:lnTo>
                  <a:lnTo>
                    <a:pt x="606" y="7"/>
                  </a:lnTo>
                  <a:lnTo>
                    <a:pt x="612" y="16"/>
                  </a:lnTo>
                  <a:lnTo>
                    <a:pt x="614" y="22"/>
                  </a:lnTo>
                  <a:lnTo>
                    <a:pt x="616" y="26"/>
                  </a:lnTo>
                  <a:lnTo>
                    <a:pt x="617" y="29"/>
                  </a:lnTo>
                  <a:lnTo>
                    <a:pt x="623" y="39"/>
                  </a:lnTo>
                  <a:lnTo>
                    <a:pt x="629" y="48"/>
                  </a:lnTo>
                  <a:lnTo>
                    <a:pt x="630" y="53"/>
                  </a:lnTo>
                  <a:lnTo>
                    <a:pt x="632" y="55"/>
                  </a:lnTo>
                  <a:lnTo>
                    <a:pt x="634" y="61"/>
                  </a:lnTo>
                  <a:lnTo>
                    <a:pt x="636" y="63"/>
                  </a:lnTo>
                  <a:lnTo>
                    <a:pt x="636" y="65"/>
                  </a:lnTo>
                  <a:lnTo>
                    <a:pt x="638" y="66"/>
                  </a:lnTo>
                  <a:lnTo>
                    <a:pt x="638" y="68"/>
                  </a:lnTo>
                  <a:lnTo>
                    <a:pt x="640" y="70"/>
                  </a:lnTo>
                  <a:lnTo>
                    <a:pt x="640" y="74"/>
                  </a:lnTo>
                  <a:lnTo>
                    <a:pt x="638" y="79"/>
                  </a:lnTo>
                  <a:lnTo>
                    <a:pt x="638" y="81"/>
                  </a:lnTo>
                  <a:lnTo>
                    <a:pt x="638" y="83"/>
                  </a:lnTo>
                  <a:lnTo>
                    <a:pt x="636" y="85"/>
                  </a:lnTo>
                  <a:lnTo>
                    <a:pt x="636" y="87"/>
                  </a:lnTo>
                  <a:lnTo>
                    <a:pt x="636" y="89"/>
                  </a:lnTo>
                  <a:lnTo>
                    <a:pt x="634" y="94"/>
                  </a:lnTo>
                  <a:lnTo>
                    <a:pt x="632" y="103"/>
                  </a:lnTo>
                  <a:lnTo>
                    <a:pt x="632" y="105"/>
                  </a:lnTo>
                  <a:lnTo>
                    <a:pt x="630" y="107"/>
                  </a:lnTo>
                  <a:lnTo>
                    <a:pt x="630" y="109"/>
                  </a:lnTo>
                  <a:lnTo>
                    <a:pt x="630" y="111"/>
                  </a:lnTo>
                  <a:lnTo>
                    <a:pt x="629" y="116"/>
                  </a:lnTo>
                  <a:lnTo>
                    <a:pt x="627" y="118"/>
                  </a:lnTo>
                  <a:lnTo>
                    <a:pt x="625" y="120"/>
                  </a:lnTo>
                  <a:lnTo>
                    <a:pt x="623" y="120"/>
                  </a:lnTo>
                  <a:lnTo>
                    <a:pt x="621" y="122"/>
                  </a:lnTo>
                  <a:lnTo>
                    <a:pt x="621" y="124"/>
                  </a:lnTo>
                  <a:lnTo>
                    <a:pt x="619" y="124"/>
                  </a:lnTo>
                  <a:lnTo>
                    <a:pt x="619" y="126"/>
                  </a:lnTo>
                  <a:lnTo>
                    <a:pt x="617" y="126"/>
                  </a:lnTo>
                  <a:lnTo>
                    <a:pt x="616" y="127"/>
                  </a:lnTo>
                  <a:lnTo>
                    <a:pt x="614" y="139"/>
                  </a:lnTo>
                  <a:lnTo>
                    <a:pt x="612" y="142"/>
                  </a:lnTo>
                  <a:lnTo>
                    <a:pt x="612" y="148"/>
                  </a:lnTo>
                  <a:lnTo>
                    <a:pt x="612" y="150"/>
                  </a:lnTo>
                  <a:lnTo>
                    <a:pt x="610" y="157"/>
                  </a:lnTo>
                  <a:lnTo>
                    <a:pt x="610" y="161"/>
                  </a:lnTo>
                  <a:lnTo>
                    <a:pt x="608" y="163"/>
                  </a:lnTo>
                  <a:lnTo>
                    <a:pt x="608" y="164"/>
                  </a:lnTo>
                  <a:lnTo>
                    <a:pt x="614" y="161"/>
                  </a:lnTo>
                  <a:lnTo>
                    <a:pt x="617" y="159"/>
                  </a:lnTo>
                  <a:lnTo>
                    <a:pt x="621" y="157"/>
                  </a:lnTo>
                  <a:lnTo>
                    <a:pt x="623" y="155"/>
                  </a:lnTo>
                  <a:lnTo>
                    <a:pt x="625" y="155"/>
                  </a:lnTo>
                  <a:lnTo>
                    <a:pt x="627" y="153"/>
                  </a:lnTo>
                  <a:lnTo>
                    <a:pt x="629" y="153"/>
                  </a:lnTo>
                  <a:lnTo>
                    <a:pt x="630" y="153"/>
                  </a:lnTo>
                  <a:lnTo>
                    <a:pt x="630" y="152"/>
                  </a:lnTo>
                  <a:lnTo>
                    <a:pt x="632" y="152"/>
                  </a:lnTo>
                  <a:lnTo>
                    <a:pt x="634" y="152"/>
                  </a:lnTo>
                  <a:lnTo>
                    <a:pt x="636" y="150"/>
                  </a:lnTo>
                  <a:lnTo>
                    <a:pt x="638" y="148"/>
                  </a:lnTo>
                  <a:lnTo>
                    <a:pt x="641" y="146"/>
                  </a:lnTo>
                  <a:lnTo>
                    <a:pt x="643" y="144"/>
                  </a:lnTo>
                  <a:lnTo>
                    <a:pt x="645" y="144"/>
                  </a:lnTo>
                  <a:lnTo>
                    <a:pt x="645" y="142"/>
                  </a:lnTo>
                  <a:lnTo>
                    <a:pt x="647" y="142"/>
                  </a:lnTo>
                  <a:lnTo>
                    <a:pt x="649" y="140"/>
                  </a:lnTo>
                  <a:lnTo>
                    <a:pt x="651" y="139"/>
                  </a:lnTo>
                  <a:lnTo>
                    <a:pt x="656" y="137"/>
                  </a:lnTo>
                  <a:lnTo>
                    <a:pt x="662" y="133"/>
                  </a:lnTo>
                  <a:lnTo>
                    <a:pt x="666" y="131"/>
                  </a:lnTo>
                  <a:lnTo>
                    <a:pt x="667" y="131"/>
                  </a:lnTo>
                  <a:lnTo>
                    <a:pt x="669" y="129"/>
                  </a:lnTo>
                  <a:lnTo>
                    <a:pt x="671" y="129"/>
                  </a:lnTo>
                  <a:lnTo>
                    <a:pt x="673" y="127"/>
                  </a:lnTo>
                  <a:lnTo>
                    <a:pt x="675" y="127"/>
                  </a:lnTo>
                  <a:lnTo>
                    <a:pt x="677" y="126"/>
                  </a:lnTo>
                  <a:lnTo>
                    <a:pt x="680" y="124"/>
                  </a:lnTo>
                  <a:lnTo>
                    <a:pt x="686" y="120"/>
                  </a:lnTo>
                  <a:lnTo>
                    <a:pt x="688" y="120"/>
                  </a:lnTo>
                  <a:lnTo>
                    <a:pt x="691" y="115"/>
                  </a:lnTo>
                  <a:lnTo>
                    <a:pt x="695" y="113"/>
                  </a:lnTo>
                  <a:lnTo>
                    <a:pt x="695" y="111"/>
                  </a:lnTo>
                  <a:lnTo>
                    <a:pt x="697" y="109"/>
                  </a:lnTo>
                  <a:lnTo>
                    <a:pt x="699" y="111"/>
                  </a:lnTo>
                  <a:lnTo>
                    <a:pt x="701" y="113"/>
                  </a:lnTo>
                  <a:lnTo>
                    <a:pt x="702" y="115"/>
                  </a:lnTo>
                  <a:lnTo>
                    <a:pt x="706" y="116"/>
                  </a:lnTo>
                  <a:lnTo>
                    <a:pt x="710" y="115"/>
                  </a:lnTo>
                  <a:lnTo>
                    <a:pt x="712" y="115"/>
                  </a:lnTo>
                  <a:lnTo>
                    <a:pt x="714" y="115"/>
                  </a:lnTo>
                  <a:lnTo>
                    <a:pt x="715" y="113"/>
                  </a:lnTo>
                  <a:lnTo>
                    <a:pt x="717" y="113"/>
                  </a:lnTo>
                  <a:lnTo>
                    <a:pt x="717" y="111"/>
                  </a:lnTo>
                  <a:lnTo>
                    <a:pt x="719" y="111"/>
                  </a:lnTo>
                  <a:lnTo>
                    <a:pt x="721" y="111"/>
                  </a:lnTo>
                  <a:lnTo>
                    <a:pt x="721" y="109"/>
                  </a:lnTo>
                  <a:lnTo>
                    <a:pt x="723" y="109"/>
                  </a:lnTo>
                  <a:lnTo>
                    <a:pt x="725" y="109"/>
                  </a:lnTo>
                  <a:lnTo>
                    <a:pt x="727" y="109"/>
                  </a:lnTo>
                  <a:lnTo>
                    <a:pt x="728" y="107"/>
                  </a:lnTo>
                  <a:lnTo>
                    <a:pt x="728" y="109"/>
                  </a:lnTo>
                  <a:lnTo>
                    <a:pt x="730" y="109"/>
                  </a:lnTo>
                  <a:lnTo>
                    <a:pt x="730" y="107"/>
                  </a:lnTo>
                  <a:lnTo>
                    <a:pt x="732" y="107"/>
                  </a:lnTo>
                  <a:lnTo>
                    <a:pt x="734" y="107"/>
                  </a:lnTo>
                  <a:lnTo>
                    <a:pt x="736" y="107"/>
                  </a:lnTo>
                  <a:lnTo>
                    <a:pt x="738" y="107"/>
                  </a:lnTo>
                  <a:lnTo>
                    <a:pt x="738" y="105"/>
                  </a:lnTo>
                  <a:lnTo>
                    <a:pt x="739" y="105"/>
                  </a:lnTo>
                  <a:lnTo>
                    <a:pt x="743" y="105"/>
                  </a:lnTo>
                  <a:lnTo>
                    <a:pt x="745" y="105"/>
                  </a:lnTo>
                  <a:lnTo>
                    <a:pt x="747" y="105"/>
                  </a:lnTo>
                  <a:lnTo>
                    <a:pt x="749" y="105"/>
                  </a:lnTo>
                  <a:lnTo>
                    <a:pt x="751" y="105"/>
                  </a:lnTo>
                  <a:lnTo>
                    <a:pt x="752" y="105"/>
                  </a:lnTo>
                  <a:lnTo>
                    <a:pt x="752" y="103"/>
                  </a:lnTo>
                  <a:lnTo>
                    <a:pt x="754" y="103"/>
                  </a:lnTo>
                  <a:lnTo>
                    <a:pt x="756" y="103"/>
                  </a:lnTo>
                  <a:lnTo>
                    <a:pt x="758" y="103"/>
                  </a:lnTo>
                  <a:lnTo>
                    <a:pt x="760" y="103"/>
                  </a:lnTo>
                  <a:lnTo>
                    <a:pt x="760" y="102"/>
                  </a:lnTo>
                  <a:lnTo>
                    <a:pt x="762" y="102"/>
                  </a:lnTo>
                  <a:lnTo>
                    <a:pt x="764" y="102"/>
                  </a:lnTo>
                  <a:lnTo>
                    <a:pt x="765" y="102"/>
                  </a:lnTo>
                  <a:lnTo>
                    <a:pt x="767" y="102"/>
                  </a:lnTo>
                  <a:lnTo>
                    <a:pt x="769" y="102"/>
                  </a:lnTo>
                  <a:lnTo>
                    <a:pt x="771" y="102"/>
                  </a:lnTo>
                  <a:lnTo>
                    <a:pt x="773" y="100"/>
                  </a:lnTo>
                  <a:lnTo>
                    <a:pt x="775" y="100"/>
                  </a:lnTo>
                  <a:lnTo>
                    <a:pt x="776" y="100"/>
                  </a:lnTo>
                  <a:lnTo>
                    <a:pt x="778" y="100"/>
                  </a:lnTo>
                  <a:lnTo>
                    <a:pt x="780" y="100"/>
                  </a:lnTo>
                  <a:lnTo>
                    <a:pt x="780" y="98"/>
                  </a:lnTo>
                  <a:lnTo>
                    <a:pt x="782" y="98"/>
                  </a:lnTo>
                  <a:lnTo>
                    <a:pt x="784" y="98"/>
                  </a:lnTo>
                  <a:lnTo>
                    <a:pt x="789" y="96"/>
                  </a:lnTo>
                  <a:lnTo>
                    <a:pt x="791" y="94"/>
                  </a:lnTo>
                  <a:lnTo>
                    <a:pt x="793" y="94"/>
                  </a:lnTo>
                  <a:lnTo>
                    <a:pt x="795" y="92"/>
                  </a:lnTo>
                  <a:lnTo>
                    <a:pt x="797" y="90"/>
                  </a:lnTo>
                  <a:lnTo>
                    <a:pt x="797" y="89"/>
                  </a:lnTo>
                  <a:lnTo>
                    <a:pt x="799" y="89"/>
                  </a:lnTo>
                  <a:lnTo>
                    <a:pt x="800" y="89"/>
                  </a:lnTo>
                  <a:lnTo>
                    <a:pt x="802" y="89"/>
                  </a:lnTo>
                  <a:lnTo>
                    <a:pt x="802" y="87"/>
                  </a:lnTo>
                  <a:lnTo>
                    <a:pt x="804" y="87"/>
                  </a:lnTo>
                  <a:lnTo>
                    <a:pt x="806" y="85"/>
                  </a:lnTo>
                  <a:lnTo>
                    <a:pt x="808" y="85"/>
                  </a:lnTo>
                  <a:lnTo>
                    <a:pt x="808" y="87"/>
                  </a:lnTo>
                  <a:lnTo>
                    <a:pt x="810" y="87"/>
                  </a:lnTo>
                  <a:lnTo>
                    <a:pt x="813" y="87"/>
                  </a:lnTo>
                  <a:lnTo>
                    <a:pt x="817" y="85"/>
                  </a:lnTo>
                  <a:lnTo>
                    <a:pt x="821" y="87"/>
                  </a:lnTo>
                  <a:lnTo>
                    <a:pt x="826" y="85"/>
                  </a:lnTo>
                  <a:lnTo>
                    <a:pt x="830" y="85"/>
                  </a:lnTo>
                  <a:lnTo>
                    <a:pt x="832" y="85"/>
                  </a:lnTo>
                  <a:lnTo>
                    <a:pt x="832" y="83"/>
                  </a:lnTo>
                  <a:lnTo>
                    <a:pt x="832" y="81"/>
                  </a:lnTo>
                  <a:lnTo>
                    <a:pt x="834" y="81"/>
                  </a:lnTo>
                  <a:lnTo>
                    <a:pt x="834" y="79"/>
                  </a:lnTo>
                  <a:lnTo>
                    <a:pt x="836" y="79"/>
                  </a:lnTo>
                  <a:lnTo>
                    <a:pt x="837" y="79"/>
                  </a:lnTo>
                  <a:lnTo>
                    <a:pt x="841" y="79"/>
                  </a:lnTo>
                  <a:lnTo>
                    <a:pt x="843" y="79"/>
                  </a:lnTo>
                  <a:lnTo>
                    <a:pt x="849" y="81"/>
                  </a:lnTo>
                  <a:lnTo>
                    <a:pt x="850" y="85"/>
                  </a:lnTo>
                  <a:lnTo>
                    <a:pt x="849" y="87"/>
                  </a:lnTo>
                  <a:lnTo>
                    <a:pt x="847" y="87"/>
                  </a:lnTo>
                  <a:lnTo>
                    <a:pt x="847" y="89"/>
                  </a:lnTo>
                  <a:lnTo>
                    <a:pt x="845" y="89"/>
                  </a:lnTo>
                  <a:lnTo>
                    <a:pt x="843" y="90"/>
                  </a:lnTo>
                  <a:lnTo>
                    <a:pt x="839" y="94"/>
                  </a:lnTo>
                  <a:lnTo>
                    <a:pt x="837" y="94"/>
                  </a:lnTo>
                  <a:lnTo>
                    <a:pt x="837" y="96"/>
                  </a:lnTo>
                  <a:lnTo>
                    <a:pt x="837" y="98"/>
                  </a:lnTo>
                  <a:lnTo>
                    <a:pt x="836" y="98"/>
                  </a:lnTo>
                  <a:lnTo>
                    <a:pt x="836" y="100"/>
                  </a:lnTo>
                  <a:lnTo>
                    <a:pt x="834" y="102"/>
                  </a:lnTo>
                  <a:lnTo>
                    <a:pt x="832" y="103"/>
                  </a:lnTo>
                  <a:lnTo>
                    <a:pt x="832" y="105"/>
                  </a:lnTo>
                  <a:lnTo>
                    <a:pt x="830" y="105"/>
                  </a:lnTo>
                  <a:lnTo>
                    <a:pt x="830" y="107"/>
                  </a:lnTo>
                  <a:lnTo>
                    <a:pt x="828" y="107"/>
                  </a:lnTo>
                  <a:lnTo>
                    <a:pt x="828" y="109"/>
                  </a:lnTo>
                  <a:lnTo>
                    <a:pt x="826" y="109"/>
                  </a:lnTo>
                  <a:lnTo>
                    <a:pt x="832" y="120"/>
                  </a:lnTo>
                  <a:lnTo>
                    <a:pt x="834" y="127"/>
                  </a:lnTo>
                  <a:lnTo>
                    <a:pt x="839" y="124"/>
                  </a:lnTo>
                  <a:lnTo>
                    <a:pt x="845" y="120"/>
                  </a:lnTo>
                  <a:lnTo>
                    <a:pt x="850" y="116"/>
                  </a:lnTo>
                  <a:lnTo>
                    <a:pt x="852" y="118"/>
                  </a:lnTo>
                  <a:lnTo>
                    <a:pt x="858" y="122"/>
                  </a:lnTo>
                  <a:lnTo>
                    <a:pt x="860" y="124"/>
                  </a:lnTo>
                  <a:lnTo>
                    <a:pt x="861" y="124"/>
                  </a:lnTo>
                  <a:lnTo>
                    <a:pt x="863" y="126"/>
                  </a:lnTo>
                  <a:lnTo>
                    <a:pt x="865" y="127"/>
                  </a:lnTo>
                  <a:lnTo>
                    <a:pt x="871" y="133"/>
                  </a:lnTo>
                  <a:lnTo>
                    <a:pt x="874" y="135"/>
                  </a:lnTo>
                  <a:lnTo>
                    <a:pt x="882" y="137"/>
                  </a:lnTo>
                  <a:lnTo>
                    <a:pt x="887" y="139"/>
                  </a:lnTo>
                  <a:lnTo>
                    <a:pt x="900" y="142"/>
                  </a:lnTo>
                  <a:lnTo>
                    <a:pt x="906" y="152"/>
                  </a:lnTo>
                  <a:lnTo>
                    <a:pt x="910" y="155"/>
                  </a:lnTo>
                  <a:lnTo>
                    <a:pt x="911" y="159"/>
                  </a:lnTo>
                  <a:lnTo>
                    <a:pt x="915" y="164"/>
                  </a:lnTo>
                  <a:lnTo>
                    <a:pt x="915" y="172"/>
                  </a:lnTo>
                  <a:lnTo>
                    <a:pt x="908" y="179"/>
                  </a:lnTo>
                  <a:lnTo>
                    <a:pt x="902" y="183"/>
                  </a:lnTo>
                  <a:lnTo>
                    <a:pt x="900" y="185"/>
                  </a:lnTo>
                  <a:lnTo>
                    <a:pt x="902" y="185"/>
                  </a:lnTo>
                  <a:lnTo>
                    <a:pt x="902" y="187"/>
                  </a:lnTo>
                  <a:lnTo>
                    <a:pt x="904" y="187"/>
                  </a:lnTo>
                  <a:lnTo>
                    <a:pt x="904" y="189"/>
                  </a:lnTo>
                  <a:lnTo>
                    <a:pt x="906" y="189"/>
                  </a:lnTo>
                  <a:lnTo>
                    <a:pt x="906" y="190"/>
                  </a:lnTo>
                  <a:lnTo>
                    <a:pt x="906" y="192"/>
                  </a:lnTo>
                  <a:lnTo>
                    <a:pt x="906" y="194"/>
                  </a:lnTo>
                  <a:lnTo>
                    <a:pt x="906" y="196"/>
                  </a:lnTo>
                  <a:lnTo>
                    <a:pt x="906" y="198"/>
                  </a:lnTo>
                  <a:lnTo>
                    <a:pt x="906" y="200"/>
                  </a:lnTo>
                  <a:lnTo>
                    <a:pt x="906" y="201"/>
                  </a:lnTo>
                  <a:lnTo>
                    <a:pt x="906" y="203"/>
                  </a:lnTo>
                  <a:lnTo>
                    <a:pt x="908" y="203"/>
                  </a:lnTo>
                  <a:lnTo>
                    <a:pt x="910" y="203"/>
                  </a:lnTo>
                  <a:lnTo>
                    <a:pt x="910" y="205"/>
                  </a:lnTo>
                  <a:lnTo>
                    <a:pt x="908" y="205"/>
                  </a:lnTo>
                  <a:lnTo>
                    <a:pt x="908" y="207"/>
                  </a:lnTo>
                  <a:lnTo>
                    <a:pt x="910" y="207"/>
                  </a:lnTo>
                  <a:lnTo>
                    <a:pt x="911" y="209"/>
                  </a:lnTo>
                  <a:lnTo>
                    <a:pt x="911" y="211"/>
                  </a:lnTo>
                  <a:lnTo>
                    <a:pt x="913" y="211"/>
                  </a:lnTo>
                  <a:lnTo>
                    <a:pt x="913" y="213"/>
                  </a:lnTo>
                  <a:lnTo>
                    <a:pt x="915" y="214"/>
                  </a:lnTo>
                  <a:lnTo>
                    <a:pt x="915" y="216"/>
                  </a:lnTo>
                  <a:lnTo>
                    <a:pt x="915" y="218"/>
                  </a:lnTo>
                  <a:lnTo>
                    <a:pt x="902" y="233"/>
                  </a:lnTo>
                  <a:lnTo>
                    <a:pt x="900" y="235"/>
                  </a:lnTo>
                  <a:lnTo>
                    <a:pt x="900" y="237"/>
                  </a:lnTo>
                  <a:lnTo>
                    <a:pt x="898" y="237"/>
                  </a:lnTo>
                  <a:lnTo>
                    <a:pt x="897" y="237"/>
                  </a:lnTo>
                  <a:lnTo>
                    <a:pt x="895" y="238"/>
                  </a:lnTo>
                  <a:lnTo>
                    <a:pt x="893" y="238"/>
                  </a:lnTo>
                  <a:lnTo>
                    <a:pt x="893" y="240"/>
                  </a:lnTo>
                  <a:lnTo>
                    <a:pt x="891" y="242"/>
                  </a:lnTo>
                  <a:lnTo>
                    <a:pt x="889" y="242"/>
                  </a:lnTo>
                  <a:lnTo>
                    <a:pt x="889" y="244"/>
                  </a:lnTo>
                  <a:lnTo>
                    <a:pt x="887" y="244"/>
                  </a:lnTo>
                  <a:lnTo>
                    <a:pt x="886" y="246"/>
                  </a:lnTo>
                  <a:lnTo>
                    <a:pt x="886" y="248"/>
                  </a:lnTo>
                  <a:lnTo>
                    <a:pt x="884" y="248"/>
                  </a:lnTo>
                  <a:lnTo>
                    <a:pt x="882" y="248"/>
                  </a:lnTo>
                  <a:lnTo>
                    <a:pt x="880" y="248"/>
                  </a:lnTo>
                  <a:lnTo>
                    <a:pt x="878" y="248"/>
                  </a:lnTo>
                  <a:lnTo>
                    <a:pt x="876" y="248"/>
                  </a:lnTo>
                  <a:lnTo>
                    <a:pt x="874" y="250"/>
                  </a:lnTo>
                  <a:lnTo>
                    <a:pt x="873" y="250"/>
                  </a:lnTo>
                  <a:lnTo>
                    <a:pt x="869" y="250"/>
                  </a:lnTo>
                  <a:lnTo>
                    <a:pt x="867" y="251"/>
                  </a:lnTo>
                  <a:lnTo>
                    <a:pt x="865" y="251"/>
                  </a:lnTo>
                  <a:lnTo>
                    <a:pt x="863" y="253"/>
                  </a:lnTo>
                  <a:lnTo>
                    <a:pt x="861" y="253"/>
                  </a:lnTo>
                  <a:lnTo>
                    <a:pt x="854" y="261"/>
                  </a:lnTo>
                  <a:lnTo>
                    <a:pt x="850" y="263"/>
                  </a:lnTo>
                  <a:lnTo>
                    <a:pt x="849" y="264"/>
                  </a:lnTo>
                  <a:lnTo>
                    <a:pt x="847" y="264"/>
                  </a:lnTo>
                  <a:lnTo>
                    <a:pt x="847" y="266"/>
                  </a:lnTo>
                  <a:lnTo>
                    <a:pt x="845" y="268"/>
                  </a:lnTo>
                  <a:lnTo>
                    <a:pt x="841" y="274"/>
                  </a:lnTo>
                  <a:lnTo>
                    <a:pt x="841" y="275"/>
                  </a:lnTo>
                  <a:lnTo>
                    <a:pt x="839" y="277"/>
                  </a:lnTo>
                  <a:lnTo>
                    <a:pt x="839" y="279"/>
                  </a:lnTo>
                  <a:lnTo>
                    <a:pt x="839" y="281"/>
                  </a:lnTo>
                  <a:lnTo>
                    <a:pt x="839" y="283"/>
                  </a:lnTo>
                  <a:lnTo>
                    <a:pt x="839" y="285"/>
                  </a:lnTo>
                  <a:lnTo>
                    <a:pt x="839" y="290"/>
                  </a:lnTo>
                  <a:lnTo>
                    <a:pt x="839" y="298"/>
                  </a:lnTo>
                  <a:lnTo>
                    <a:pt x="839" y="301"/>
                  </a:lnTo>
                  <a:lnTo>
                    <a:pt x="839" y="303"/>
                  </a:lnTo>
                  <a:lnTo>
                    <a:pt x="839" y="305"/>
                  </a:lnTo>
                  <a:lnTo>
                    <a:pt x="839" y="307"/>
                  </a:lnTo>
                  <a:lnTo>
                    <a:pt x="837" y="312"/>
                  </a:lnTo>
                  <a:lnTo>
                    <a:pt x="837" y="314"/>
                  </a:lnTo>
                  <a:lnTo>
                    <a:pt x="837" y="316"/>
                  </a:lnTo>
                  <a:lnTo>
                    <a:pt x="836" y="316"/>
                  </a:lnTo>
                  <a:lnTo>
                    <a:pt x="836" y="318"/>
                  </a:lnTo>
                  <a:lnTo>
                    <a:pt x="834" y="320"/>
                  </a:lnTo>
                  <a:lnTo>
                    <a:pt x="832" y="322"/>
                  </a:lnTo>
                  <a:lnTo>
                    <a:pt x="830" y="325"/>
                  </a:lnTo>
                  <a:lnTo>
                    <a:pt x="828" y="325"/>
                  </a:lnTo>
                  <a:lnTo>
                    <a:pt x="828" y="327"/>
                  </a:lnTo>
                  <a:lnTo>
                    <a:pt x="847" y="377"/>
                  </a:lnTo>
                  <a:lnTo>
                    <a:pt x="849" y="379"/>
                  </a:lnTo>
                  <a:lnTo>
                    <a:pt x="849" y="381"/>
                  </a:lnTo>
                  <a:lnTo>
                    <a:pt x="843" y="379"/>
                  </a:lnTo>
                  <a:lnTo>
                    <a:pt x="837" y="377"/>
                  </a:lnTo>
                  <a:lnTo>
                    <a:pt x="834" y="375"/>
                  </a:lnTo>
                  <a:lnTo>
                    <a:pt x="810" y="370"/>
                  </a:lnTo>
                  <a:lnTo>
                    <a:pt x="797" y="366"/>
                  </a:lnTo>
                  <a:lnTo>
                    <a:pt x="789" y="370"/>
                  </a:lnTo>
                  <a:lnTo>
                    <a:pt x="693" y="433"/>
                  </a:lnTo>
                  <a:lnTo>
                    <a:pt x="662" y="470"/>
                  </a:lnTo>
                  <a:lnTo>
                    <a:pt x="647" y="490"/>
                  </a:lnTo>
                  <a:lnTo>
                    <a:pt x="605" y="521"/>
                  </a:lnTo>
                  <a:lnTo>
                    <a:pt x="562" y="562"/>
                  </a:lnTo>
                  <a:lnTo>
                    <a:pt x="490" y="631"/>
                  </a:lnTo>
                  <a:lnTo>
                    <a:pt x="484" y="636"/>
                  </a:lnTo>
                  <a:lnTo>
                    <a:pt x="449" y="599"/>
                  </a:lnTo>
                  <a:lnTo>
                    <a:pt x="446" y="599"/>
                  </a:lnTo>
                  <a:lnTo>
                    <a:pt x="444" y="599"/>
                  </a:lnTo>
                  <a:lnTo>
                    <a:pt x="442" y="599"/>
                  </a:lnTo>
                  <a:lnTo>
                    <a:pt x="429" y="597"/>
                  </a:lnTo>
                  <a:lnTo>
                    <a:pt x="427" y="597"/>
                  </a:lnTo>
                  <a:lnTo>
                    <a:pt x="425" y="599"/>
                  </a:lnTo>
                  <a:lnTo>
                    <a:pt x="423" y="601"/>
                  </a:lnTo>
                  <a:lnTo>
                    <a:pt x="422" y="601"/>
                  </a:lnTo>
                  <a:lnTo>
                    <a:pt x="422" y="603"/>
                  </a:lnTo>
                  <a:lnTo>
                    <a:pt x="420" y="603"/>
                  </a:lnTo>
                  <a:lnTo>
                    <a:pt x="420" y="605"/>
                  </a:lnTo>
                  <a:lnTo>
                    <a:pt x="418" y="605"/>
                  </a:lnTo>
                  <a:lnTo>
                    <a:pt x="418" y="603"/>
                  </a:lnTo>
                  <a:lnTo>
                    <a:pt x="420" y="601"/>
                  </a:lnTo>
                  <a:lnTo>
                    <a:pt x="420" y="599"/>
                  </a:lnTo>
                  <a:lnTo>
                    <a:pt x="420" y="597"/>
                  </a:lnTo>
                  <a:lnTo>
                    <a:pt x="422" y="597"/>
                  </a:lnTo>
                  <a:lnTo>
                    <a:pt x="422" y="595"/>
                  </a:lnTo>
                  <a:lnTo>
                    <a:pt x="423" y="595"/>
                  </a:lnTo>
                  <a:lnTo>
                    <a:pt x="423" y="594"/>
                  </a:lnTo>
                  <a:lnTo>
                    <a:pt x="423" y="592"/>
                  </a:lnTo>
                  <a:lnTo>
                    <a:pt x="425" y="592"/>
                  </a:lnTo>
                  <a:lnTo>
                    <a:pt x="425" y="590"/>
                  </a:lnTo>
                  <a:lnTo>
                    <a:pt x="425" y="588"/>
                  </a:lnTo>
                  <a:lnTo>
                    <a:pt x="425" y="586"/>
                  </a:lnTo>
                  <a:lnTo>
                    <a:pt x="427" y="584"/>
                  </a:lnTo>
                  <a:lnTo>
                    <a:pt x="427" y="583"/>
                  </a:lnTo>
                  <a:lnTo>
                    <a:pt x="427" y="581"/>
                  </a:lnTo>
                  <a:lnTo>
                    <a:pt x="429" y="581"/>
                  </a:lnTo>
                  <a:lnTo>
                    <a:pt x="429" y="579"/>
                  </a:lnTo>
                  <a:lnTo>
                    <a:pt x="429" y="577"/>
                  </a:lnTo>
                  <a:lnTo>
                    <a:pt x="429" y="575"/>
                  </a:lnTo>
                  <a:lnTo>
                    <a:pt x="429" y="573"/>
                  </a:lnTo>
                  <a:lnTo>
                    <a:pt x="429" y="571"/>
                  </a:lnTo>
                  <a:lnTo>
                    <a:pt x="427" y="571"/>
                  </a:lnTo>
                  <a:lnTo>
                    <a:pt x="425" y="571"/>
                  </a:lnTo>
                  <a:lnTo>
                    <a:pt x="427" y="564"/>
                  </a:lnTo>
                  <a:lnTo>
                    <a:pt x="427" y="558"/>
                  </a:lnTo>
                  <a:lnTo>
                    <a:pt x="429" y="555"/>
                  </a:lnTo>
                  <a:lnTo>
                    <a:pt x="429" y="549"/>
                  </a:lnTo>
                  <a:lnTo>
                    <a:pt x="418" y="540"/>
                  </a:lnTo>
                  <a:lnTo>
                    <a:pt x="410" y="536"/>
                  </a:lnTo>
                  <a:lnTo>
                    <a:pt x="409" y="534"/>
                  </a:lnTo>
                  <a:lnTo>
                    <a:pt x="405" y="531"/>
                  </a:lnTo>
                  <a:lnTo>
                    <a:pt x="403" y="529"/>
                  </a:lnTo>
                  <a:lnTo>
                    <a:pt x="401" y="529"/>
                  </a:lnTo>
                  <a:lnTo>
                    <a:pt x="401" y="527"/>
                  </a:lnTo>
                  <a:lnTo>
                    <a:pt x="399" y="527"/>
                  </a:lnTo>
                  <a:lnTo>
                    <a:pt x="397" y="527"/>
                  </a:lnTo>
                  <a:lnTo>
                    <a:pt x="397" y="521"/>
                  </a:lnTo>
                  <a:lnTo>
                    <a:pt x="397" y="516"/>
                  </a:lnTo>
                  <a:lnTo>
                    <a:pt x="397" y="507"/>
                  </a:lnTo>
                  <a:lnTo>
                    <a:pt x="399" y="501"/>
                  </a:lnTo>
                  <a:lnTo>
                    <a:pt x="401" y="496"/>
                  </a:lnTo>
                  <a:lnTo>
                    <a:pt x="403" y="486"/>
                  </a:lnTo>
                  <a:lnTo>
                    <a:pt x="407" y="475"/>
                  </a:lnTo>
                  <a:lnTo>
                    <a:pt x="405" y="475"/>
                  </a:lnTo>
                  <a:lnTo>
                    <a:pt x="403" y="473"/>
                  </a:lnTo>
                  <a:lnTo>
                    <a:pt x="403" y="472"/>
                  </a:lnTo>
                  <a:lnTo>
                    <a:pt x="401" y="470"/>
                  </a:lnTo>
                  <a:lnTo>
                    <a:pt x="403" y="470"/>
                  </a:lnTo>
                  <a:lnTo>
                    <a:pt x="403" y="468"/>
                  </a:lnTo>
                  <a:lnTo>
                    <a:pt x="403" y="466"/>
                  </a:lnTo>
                  <a:lnTo>
                    <a:pt x="396" y="468"/>
                  </a:lnTo>
                  <a:lnTo>
                    <a:pt x="392" y="470"/>
                  </a:lnTo>
                  <a:lnTo>
                    <a:pt x="385" y="473"/>
                  </a:lnTo>
                  <a:lnTo>
                    <a:pt x="377" y="475"/>
                  </a:lnTo>
                  <a:lnTo>
                    <a:pt x="370" y="479"/>
                  </a:lnTo>
                  <a:lnTo>
                    <a:pt x="364" y="481"/>
                  </a:lnTo>
                  <a:lnTo>
                    <a:pt x="364" y="483"/>
                  </a:lnTo>
                  <a:lnTo>
                    <a:pt x="359" y="483"/>
                  </a:lnTo>
                  <a:lnTo>
                    <a:pt x="359" y="484"/>
                  </a:lnTo>
                  <a:lnTo>
                    <a:pt x="351" y="486"/>
                  </a:lnTo>
                  <a:lnTo>
                    <a:pt x="346" y="490"/>
                  </a:lnTo>
                  <a:lnTo>
                    <a:pt x="338" y="494"/>
                  </a:lnTo>
                  <a:lnTo>
                    <a:pt x="329" y="497"/>
                  </a:lnTo>
                  <a:lnTo>
                    <a:pt x="325" y="499"/>
                  </a:lnTo>
                  <a:lnTo>
                    <a:pt x="322" y="501"/>
                  </a:lnTo>
                  <a:lnTo>
                    <a:pt x="311" y="510"/>
                  </a:lnTo>
                  <a:lnTo>
                    <a:pt x="309" y="510"/>
                  </a:lnTo>
                  <a:lnTo>
                    <a:pt x="307" y="512"/>
                  </a:lnTo>
                  <a:lnTo>
                    <a:pt x="305" y="512"/>
                  </a:lnTo>
                  <a:lnTo>
                    <a:pt x="303" y="514"/>
                  </a:lnTo>
                  <a:lnTo>
                    <a:pt x="301" y="516"/>
                  </a:lnTo>
                  <a:lnTo>
                    <a:pt x="300" y="516"/>
                  </a:lnTo>
                  <a:lnTo>
                    <a:pt x="300" y="518"/>
                  </a:lnTo>
                  <a:lnTo>
                    <a:pt x="298" y="525"/>
                  </a:lnTo>
                  <a:lnTo>
                    <a:pt x="288" y="538"/>
                  </a:lnTo>
                  <a:lnTo>
                    <a:pt x="285" y="544"/>
                  </a:lnTo>
                  <a:lnTo>
                    <a:pt x="281" y="547"/>
                  </a:lnTo>
                  <a:lnTo>
                    <a:pt x="275" y="555"/>
                  </a:lnTo>
                  <a:lnTo>
                    <a:pt x="272" y="560"/>
                  </a:lnTo>
                  <a:lnTo>
                    <a:pt x="253" y="560"/>
                  </a:lnTo>
                  <a:lnTo>
                    <a:pt x="250" y="562"/>
                  </a:lnTo>
                  <a:lnTo>
                    <a:pt x="246" y="564"/>
                  </a:lnTo>
                  <a:lnTo>
                    <a:pt x="242" y="564"/>
                  </a:lnTo>
                  <a:lnTo>
                    <a:pt x="240" y="566"/>
                  </a:lnTo>
                  <a:lnTo>
                    <a:pt x="239" y="568"/>
                  </a:lnTo>
                  <a:lnTo>
                    <a:pt x="231" y="571"/>
                  </a:lnTo>
                  <a:lnTo>
                    <a:pt x="229" y="571"/>
                  </a:lnTo>
                  <a:lnTo>
                    <a:pt x="224" y="570"/>
                  </a:lnTo>
                  <a:lnTo>
                    <a:pt x="218" y="570"/>
                  </a:lnTo>
                  <a:lnTo>
                    <a:pt x="216" y="570"/>
                  </a:lnTo>
                  <a:lnTo>
                    <a:pt x="214" y="570"/>
                  </a:lnTo>
                  <a:lnTo>
                    <a:pt x="205" y="573"/>
                  </a:lnTo>
                  <a:lnTo>
                    <a:pt x="198" y="577"/>
                  </a:lnTo>
                  <a:lnTo>
                    <a:pt x="194" y="579"/>
                  </a:lnTo>
                  <a:lnTo>
                    <a:pt x="192" y="581"/>
                  </a:lnTo>
                  <a:lnTo>
                    <a:pt x="181" y="586"/>
                  </a:lnTo>
                  <a:lnTo>
                    <a:pt x="179" y="588"/>
                  </a:lnTo>
                  <a:lnTo>
                    <a:pt x="178" y="588"/>
                  </a:lnTo>
                  <a:lnTo>
                    <a:pt x="178" y="590"/>
                  </a:lnTo>
                  <a:lnTo>
                    <a:pt x="176" y="590"/>
                  </a:lnTo>
                  <a:lnTo>
                    <a:pt x="174" y="590"/>
                  </a:lnTo>
                  <a:lnTo>
                    <a:pt x="172" y="592"/>
                  </a:lnTo>
                  <a:lnTo>
                    <a:pt x="170" y="592"/>
                  </a:lnTo>
                  <a:lnTo>
                    <a:pt x="168" y="592"/>
                  </a:lnTo>
                  <a:lnTo>
                    <a:pt x="166" y="592"/>
                  </a:lnTo>
                  <a:lnTo>
                    <a:pt x="165" y="592"/>
                  </a:lnTo>
                  <a:lnTo>
                    <a:pt x="165" y="594"/>
                  </a:lnTo>
                  <a:lnTo>
                    <a:pt x="163" y="594"/>
                  </a:lnTo>
                  <a:lnTo>
                    <a:pt x="163" y="595"/>
                  </a:lnTo>
                  <a:lnTo>
                    <a:pt x="161" y="595"/>
                  </a:lnTo>
                  <a:lnTo>
                    <a:pt x="161" y="597"/>
                  </a:lnTo>
                  <a:lnTo>
                    <a:pt x="159" y="599"/>
                  </a:lnTo>
                  <a:lnTo>
                    <a:pt x="157" y="599"/>
                  </a:lnTo>
                  <a:lnTo>
                    <a:pt x="157" y="601"/>
                  </a:lnTo>
                  <a:lnTo>
                    <a:pt x="155" y="601"/>
                  </a:lnTo>
                  <a:lnTo>
                    <a:pt x="153" y="601"/>
                  </a:lnTo>
                  <a:lnTo>
                    <a:pt x="152" y="603"/>
                  </a:lnTo>
                  <a:lnTo>
                    <a:pt x="150" y="603"/>
                  </a:lnTo>
                  <a:lnTo>
                    <a:pt x="148" y="605"/>
                  </a:lnTo>
                  <a:lnTo>
                    <a:pt x="146" y="605"/>
                  </a:lnTo>
                  <a:lnTo>
                    <a:pt x="144" y="605"/>
                  </a:lnTo>
                  <a:lnTo>
                    <a:pt x="144" y="607"/>
                  </a:lnTo>
                  <a:lnTo>
                    <a:pt x="142" y="608"/>
                  </a:lnTo>
                  <a:lnTo>
                    <a:pt x="141" y="610"/>
                  </a:lnTo>
                  <a:lnTo>
                    <a:pt x="141" y="612"/>
                  </a:lnTo>
                  <a:lnTo>
                    <a:pt x="139" y="612"/>
                  </a:lnTo>
                  <a:lnTo>
                    <a:pt x="139" y="614"/>
                  </a:lnTo>
                  <a:lnTo>
                    <a:pt x="137" y="616"/>
                  </a:lnTo>
                  <a:lnTo>
                    <a:pt x="135" y="618"/>
                  </a:lnTo>
                  <a:lnTo>
                    <a:pt x="133" y="620"/>
                  </a:lnTo>
                  <a:lnTo>
                    <a:pt x="131" y="621"/>
                  </a:lnTo>
                  <a:lnTo>
                    <a:pt x="129" y="621"/>
                  </a:lnTo>
                  <a:lnTo>
                    <a:pt x="128" y="621"/>
                  </a:lnTo>
                  <a:lnTo>
                    <a:pt x="126" y="625"/>
                  </a:lnTo>
                  <a:lnTo>
                    <a:pt x="124" y="625"/>
                  </a:lnTo>
                  <a:lnTo>
                    <a:pt x="113" y="629"/>
                  </a:lnTo>
                  <a:lnTo>
                    <a:pt x="111" y="629"/>
                  </a:lnTo>
                  <a:lnTo>
                    <a:pt x="105" y="631"/>
                  </a:lnTo>
                  <a:lnTo>
                    <a:pt x="104" y="632"/>
                  </a:lnTo>
                  <a:lnTo>
                    <a:pt x="102" y="632"/>
                  </a:lnTo>
                  <a:lnTo>
                    <a:pt x="100" y="632"/>
                  </a:lnTo>
                  <a:lnTo>
                    <a:pt x="96" y="634"/>
                  </a:lnTo>
                  <a:lnTo>
                    <a:pt x="94" y="634"/>
                  </a:lnTo>
                  <a:lnTo>
                    <a:pt x="92" y="636"/>
                  </a:lnTo>
                  <a:lnTo>
                    <a:pt x="89" y="636"/>
                  </a:lnTo>
                  <a:lnTo>
                    <a:pt x="89" y="638"/>
                  </a:lnTo>
                  <a:lnTo>
                    <a:pt x="87" y="638"/>
                  </a:lnTo>
                  <a:lnTo>
                    <a:pt x="85" y="638"/>
                  </a:lnTo>
                  <a:lnTo>
                    <a:pt x="83" y="638"/>
                  </a:lnTo>
                  <a:lnTo>
                    <a:pt x="81" y="640"/>
                  </a:lnTo>
                  <a:lnTo>
                    <a:pt x="80" y="640"/>
                  </a:lnTo>
                  <a:lnTo>
                    <a:pt x="74" y="642"/>
                  </a:lnTo>
                  <a:lnTo>
                    <a:pt x="68" y="645"/>
                  </a:lnTo>
                  <a:lnTo>
                    <a:pt x="63" y="644"/>
                  </a:lnTo>
                  <a:lnTo>
                    <a:pt x="57" y="644"/>
                  </a:lnTo>
                  <a:lnTo>
                    <a:pt x="52" y="644"/>
                  </a:lnTo>
                  <a:lnTo>
                    <a:pt x="46" y="642"/>
                  </a:lnTo>
                  <a:lnTo>
                    <a:pt x="46" y="640"/>
                  </a:lnTo>
                  <a:lnTo>
                    <a:pt x="44" y="638"/>
                  </a:lnTo>
                  <a:lnTo>
                    <a:pt x="44" y="636"/>
                  </a:lnTo>
                  <a:lnTo>
                    <a:pt x="41" y="634"/>
                  </a:lnTo>
                  <a:lnTo>
                    <a:pt x="37" y="634"/>
                  </a:lnTo>
                  <a:lnTo>
                    <a:pt x="39" y="616"/>
                  </a:lnTo>
                  <a:lnTo>
                    <a:pt x="39" y="607"/>
                  </a:lnTo>
                  <a:lnTo>
                    <a:pt x="41" y="592"/>
                  </a:lnTo>
                  <a:lnTo>
                    <a:pt x="41" y="586"/>
                  </a:lnTo>
                  <a:lnTo>
                    <a:pt x="43" y="584"/>
                  </a:lnTo>
                  <a:lnTo>
                    <a:pt x="43" y="579"/>
                  </a:lnTo>
                  <a:lnTo>
                    <a:pt x="43" y="571"/>
                  </a:lnTo>
                  <a:lnTo>
                    <a:pt x="43" y="570"/>
                  </a:lnTo>
                  <a:lnTo>
                    <a:pt x="44" y="564"/>
                  </a:lnTo>
                  <a:lnTo>
                    <a:pt x="44" y="560"/>
                  </a:lnTo>
                  <a:lnTo>
                    <a:pt x="44" y="555"/>
                  </a:lnTo>
                  <a:lnTo>
                    <a:pt x="43" y="553"/>
                  </a:lnTo>
                  <a:lnTo>
                    <a:pt x="41" y="546"/>
                  </a:lnTo>
                  <a:lnTo>
                    <a:pt x="35" y="534"/>
                  </a:lnTo>
                  <a:lnTo>
                    <a:pt x="30" y="527"/>
                  </a:lnTo>
                  <a:lnTo>
                    <a:pt x="28" y="521"/>
                  </a:lnTo>
                  <a:lnTo>
                    <a:pt x="26" y="520"/>
                  </a:lnTo>
                  <a:lnTo>
                    <a:pt x="22" y="514"/>
                  </a:lnTo>
                  <a:lnTo>
                    <a:pt x="22" y="512"/>
                  </a:lnTo>
                  <a:lnTo>
                    <a:pt x="13" y="499"/>
                  </a:lnTo>
                  <a:lnTo>
                    <a:pt x="11" y="497"/>
                  </a:lnTo>
                  <a:lnTo>
                    <a:pt x="9" y="496"/>
                  </a:lnTo>
                  <a:lnTo>
                    <a:pt x="6" y="490"/>
                  </a:lnTo>
                  <a:lnTo>
                    <a:pt x="4" y="486"/>
                  </a:lnTo>
                  <a:lnTo>
                    <a:pt x="2" y="481"/>
                  </a:lnTo>
                  <a:lnTo>
                    <a:pt x="0" y="477"/>
                  </a:lnTo>
                  <a:lnTo>
                    <a:pt x="2" y="475"/>
                  </a:lnTo>
                  <a:lnTo>
                    <a:pt x="4" y="475"/>
                  </a:lnTo>
                  <a:lnTo>
                    <a:pt x="6" y="473"/>
                  </a:lnTo>
                  <a:lnTo>
                    <a:pt x="7" y="473"/>
                  </a:lnTo>
                  <a:lnTo>
                    <a:pt x="9" y="472"/>
                  </a:lnTo>
                  <a:lnTo>
                    <a:pt x="11" y="472"/>
                  </a:lnTo>
                  <a:lnTo>
                    <a:pt x="13" y="470"/>
                  </a:lnTo>
                  <a:lnTo>
                    <a:pt x="17" y="468"/>
                  </a:lnTo>
                  <a:lnTo>
                    <a:pt x="20" y="466"/>
                  </a:lnTo>
                  <a:lnTo>
                    <a:pt x="24" y="462"/>
                  </a:lnTo>
                  <a:lnTo>
                    <a:pt x="26" y="459"/>
                  </a:lnTo>
                  <a:lnTo>
                    <a:pt x="28" y="459"/>
                  </a:lnTo>
                  <a:lnTo>
                    <a:pt x="30" y="457"/>
                  </a:lnTo>
                  <a:lnTo>
                    <a:pt x="30" y="455"/>
                  </a:lnTo>
                  <a:lnTo>
                    <a:pt x="33" y="453"/>
                  </a:lnTo>
                  <a:lnTo>
                    <a:pt x="37" y="449"/>
                  </a:lnTo>
                  <a:lnTo>
                    <a:pt x="39" y="447"/>
                  </a:lnTo>
                  <a:lnTo>
                    <a:pt x="39" y="446"/>
                  </a:lnTo>
                  <a:lnTo>
                    <a:pt x="41" y="442"/>
                  </a:lnTo>
                  <a:lnTo>
                    <a:pt x="43" y="440"/>
                  </a:lnTo>
                  <a:lnTo>
                    <a:pt x="44" y="436"/>
                  </a:lnTo>
                  <a:lnTo>
                    <a:pt x="46" y="435"/>
                  </a:lnTo>
                  <a:lnTo>
                    <a:pt x="48" y="433"/>
                  </a:lnTo>
                  <a:lnTo>
                    <a:pt x="48" y="431"/>
                  </a:lnTo>
                  <a:lnTo>
                    <a:pt x="50" y="429"/>
                  </a:lnTo>
                  <a:lnTo>
                    <a:pt x="52" y="427"/>
                  </a:lnTo>
                  <a:lnTo>
                    <a:pt x="56" y="422"/>
                  </a:lnTo>
                  <a:lnTo>
                    <a:pt x="57" y="420"/>
                  </a:lnTo>
                  <a:lnTo>
                    <a:pt x="59" y="416"/>
                  </a:lnTo>
                  <a:lnTo>
                    <a:pt x="61" y="414"/>
                  </a:lnTo>
                  <a:lnTo>
                    <a:pt x="63" y="410"/>
                  </a:lnTo>
                  <a:lnTo>
                    <a:pt x="65" y="410"/>
                  </a:lnTo>
                  <a:lnTo>
                    <a:pt x="67" y="409"/>
                  </a:lnTo>
                  <a:lnTo>
                    <a:pt x="67" y="407"/>
                  </a:lnTo>
                  <a:lnTo>
                    <a:pt x="68" y="405"/>
                  </a:lnTo>
                  <a:lnTo>
                    <a:pt x="70" y="405"/>
                  </a:lnTo>
                  <a:lnTo>
                    <a:pt x="72" y="401"/>
                  </a:lnTo>
                  <a:lnTo>
                    <a:pt x="76" y="398"/>
                  </a:lnTo>
                  <a:lnTo>
                    <a:pt x="80" y="396"/>
                  </a:lnTo>
                  <a:lnTo>
                    <a:pt x="81" y="394"/>
                  </a:lnTo>
                  <a:lnTo>
                    <a:pt x="83" y="392"/>
                  </a:lnTo>
                  <a:lnTo>
                    <a:pt x="85" y="390"/>
                  </a:lnTo>
                  <a:lnTo>
                    <a:pt x="87" y="390"/>
                  </a:lnTo>
                  <a:lnTo>
                    <a:pt x="87" y="388"/>
                  </a:lnTo>
                  <a:lnTo>
                    <a:pt x="89" y="386"/>
                  </a:lnTo>
                  <a:lnTo>
                    <a:pt x="91" y="385"/>
                  </a:lnTo>
                  <a:lnTo>
                    <a:pt x="96" y="392"/>
                  </a:lnTo>
                  <a:lnTo>
                    <a:pt x="102" y="403"/>
                  </a:lnTo>
                  <a:lnTo>
                    <a:pt x="104" y="401"/>
                  </a:lnTo>
                  <a:lnTo>
                    <a:pt x="105" y="399"/>
                  </a:lnTo>
                  <a:lnTo>
                    <a:pt x="107" y="399"/>
                  </a:lnTo>
                  <a:lnTo>
                    <a:pt x="111" y="399"/>
                  </a:lnTo>
                  <a:lnTo>
                    <a:pt x="115" y="396"/>
                  </a:lnTo>
                  <a:lnTo>
                    <a:pt x="115" y="394"/>
                  </a:lnTo>
                  <a:lnTo>
                    <a:pt x="117" y="394"/>
                  </a:lnTo>
                  <a:lnTo>
                    <a:pt x="118" y="394"/>
                  </a:lnTo>
                  <a:lnTo>
                    <a:pt x="120" y="392"/>
                  </a:lnTo>
                  <a:lnTo>
                    <a:pt x="122" y="392"/>
                  </a:lnTo>
                  <a:lnTo>
                    <a:pt x="124" y="392"/>
                  </a:lnTo>
                  <a:lnTo>
                    <a:pt x="126" y="390"/>
                  </a:lnTo>
                  <a:lnTo>
                    <a:pt x="129" y="390"/>
                  </a:lnTo>
                  <a:lnTo>
                    <a:pt x="133" y="390"/>
                  </a:lnTo>
                  <a:lnTo>
                    <a:pt x="135" y="388"/>
                  </a:lnTo>
                  <a:lnTo>
                    <a:pt x="142" y="388"/>
                  </a:lnTo>
                  <a:lnTo>
                    <a:pt x="144" y="386"/>
                  </a:lnTo>
                  <a:lnTo>
                    <a:pt x="146" y="386"/>
                  </a:lnTo>
                  <a:lnTo>
                    <a:pt x="148" y="386"/>
                  </a:lnTo>
                  <a:lnTo>
                    <a:pt x="150" y="386"/>
                  </a:lnTo>
                  <a:lnTo>
                    <a:pt x="153" y="385"/>
                  </a:lnTo>
                  <a:lnTo>
                    <a:pt x="165" y="381"/>
                  </a:lnTo>
                  <a:lnTo>
                    <a:pt x="166" y="379"/>
                  </a:lnTo>
                  <a:lnTo>
                    <a:pt x="170" y="379"/>
                  </a:lnTo>
                  <a:lnTo>
                    <a:pt x="172" y="377"/>
                  </a:lnTo>
                  <a:lnTo>
                    <a:pt x="176" y="377"/>
                  </a:lnTo>
                  <a:lnTo>
                    <a:pt x="178" y="375"/>
                  </a:lnTo>
                  <a:lnTo>
                    <a:pt x="179" y="375"/>
                  </a:lnTo>
                  <a:lnTo>
                    <a:pt x="181" y="375"/>
                  </a:lnTo>
                  <a:lnTo>
                    <a:pt x="183" y="375"/>
                  </a:lnTo>
                  <a:lnTo>
                    <a:pt x="185" y="375"/>
                  </a:lnTo>
                  <a:lnTo>
                    <a:pt x="189" y="373"/>
                  </a:lnTo>
                  <a:lnTo>
                    <a:pt x="189" y="372"/>
                  </a:lnTo>
                  <a:lnTo>
                    <a:pt x="192" y="372"/>
                  </a:lnTo>
                  <a:lnTo>
                    <a:pt x="196" y="370"/>
                  </a:lnTo>
                  <a:lnTo>
                    <a:pt x="198" y="370"/>
                  </a:lnTo>
                  <a:lnTo>
                    <a:pt x="200" y="368"/>
                  </a:lnTo>
                  <a:lnTo>
                    <a:pt x="202" y="366"/>
                  </a:lnTo>
                  <a:lnTo>
                    <a:pt x="205" y="364"/>
                  </a:lnTo>
                  <a:lnTo>
                    <a:pt x="207" y="364"/>
                  </a:lnTo>
                  <a:lnTo>
                    <a:pt x="209" y="362"/>
                  </a:lnTo>
                  <a:lnTo>
                    <a:pt x="213" y="359"/>
                  </a:lnTo>
                  <a:lnTo>
                    <a:pt x="216" y="357"/>
                  </a:lnTo>
                  <a:lnTo>
                    <a:pt x="220" y="355"/>
                  </a:lnTo>
                  <a:lnTo>
                    <a:pt x="222" y="353"/>
                  </a:lnTo>
                  <a:lnTo>
                    <a:pt x="224" y="353"/>
                  </a:lnTo>
                  <a:lnTo>
                    <a:pt x="224" y="351"/>
                  </a:lnTo>
                  <a:lnTo>
                    <a:pt x="226" y="351"/>
                  </a:lnTo>
                  <a:lnTo>
                    <a:pt x="227" y="349"/>
                  </a:lnTo>
                  <a:lnTo>
                    <a:pt x="231" y="349"/>
                  </a:lnTo>
                  <a:lnTo>
                    <a:pt x="235" y="349"/>
                  </a:lnTo>
                  <a:lnTo>
                    <a:pt x="235" y="351"/>
                  </a:lnTo>
                  <a:lnTo>
                    <a:pt x="237" y="349"/>
                  </a:lnTo>
                  <a:lnTo>
                    <a:pt x="239" y="351"/>
                  </a:lnTo>
                  <a:lnTo>
                    <a:pt x="240" y="351"/>
                  </a:lnTo>
                  <a:lnTo>
                    <a:pt x="242" y="351"/>
                  </a:lnTo>
                  <a:lnTo>
                    <a:pt x="244" y="353"/>
                  </a:lnTo>
                  <a:lnTo>
                    <a:pt x="248" y="351"/>
                  </a:lnTo>
                  <a:lnTo>
                    <a:pt x="250" y="353"/>
                  </a:lnTo>
                  <a:lnTo>
                    <a:pt x="253" y="351"/>
                  </a:lnTo>
                  <a:lnTo>
                    <a:pt x="255" y="351"/>
                  </a:lnTo>
                  <a:lnTo>
                    <a:pt x="261" y="351"/>
                  </a:lnTo>
                  <a:lnTo>
                    <a:pt x="263" y="349"/>
                  </a:lnTo>
                  <a:lnTo>
                    <a:pt x="264" y="348"/>
                  </a:lnTo>
                  <a:lnTo>
                    <a:pt x="266" y="348"/>
                  </a:lnTo>
                  <a:lnTo>
                    <a:pt x="268" y="346"/>
                  </a:lnTo>
                  <a:lnTo>
                    <a:pt x="272" y="344"/>
                  </a:lnTo>
                  <a:lnTo>
                    <a:pt x="274" y="342"/>
                  </a:lnTo>
                  <a:lnTo>
                    <a:pt x="275" y="340"/>
                  </a:lnTo>
                  <a:lnTo>
                    <a:pt x="279" y="340"/>
                  </a:lnTo>
                  <a:lnTo>
                    <a:pt x="283" y="338"/>
                  </a:lnTo>
                  <a:lnTo>
                    <a:pt x="287" y="333"/>
                  </a:lnTo>
                  <a:lnTo>
                    <a:pt x="292" y="329"/>
                  </a:lnTo>
                  <a:lnTo>
                    <a:pt x="298" y="320"/>
                  </a:lnTo>
                  <a:lnTo>
                    <a:pt x="300" y="314"/>
                  </a:lnTo>
                  <a:lnTo>
                    <a:pt x="301" y="311"/>
                  </a:lnTo>
                  <a:lnTo>
                    <a:pt x="303" y="305"/>
                  </a:lnTo>
                  <a:lnTo>
                    <a:pt x="309" y="294"/>
                  </a:lnTo>
                  <a:lnTo>
                    <a:pt x="311" y="288"/>
                  </a:lnTo>
                  <a:lnTo>
                    <a:pt x="312" y="287"/>
                  </a:lnTo>
                  <a:lnTo>
                    <a:pt x="314" y="285"/>
                  </a:lnTo>
                  <a:lnTo>
                    <a:pt x="314" y="283"/>
                  </a:lnTo>
                  <a:lnTo>
                    <a:pt x="316" y="283"/>
                  </a:lnTo>
                  <a:lnTo>
                    <a:pt x="316" y="281"/>
                  </a:lnTo>
                  <a:lnTo>
                    <a:pt x="318" y="281"/>
                  </a:lnTo>
                  <a:lnTo>
                    <a:pt x="318" y="279"/>
                  </a:lnTo>
                  <a:lnTo>
                    <a:pt x="320" y="279"/>
                  </a:lnTo>
                  <a:lnTo>
                    <a:pt x="320" y="277"/>
                  </a:lnTo>
                  <a:lnTo>
                    <a:pt x="322" y="277"/>
                  </a:lnTo>
                  <a:lnTo>
                    <a:pt x="324" y="275"/>
                  </a:lnTo>
                  <a:lnTo>
                    <a:pt x="325" y="274"/>
                  </a:lnTo>
                  <a:lnTo>
                    <a:pt x="327" y="274"/>
                  </a:lnTo>
                  <a:lnTo>
                    <a:pt x="329" y="272"/>
                  </a:lnTo>
                  <a:lnTo>
                    <a:pt x="331" y="272"/>
                  </a:lnTo>
                  <a:lnTo>
                    <a:pt x="333" y="270"/>
                  </a:lnTo>
                  <a:lnTo>
                    <a:pt x="335" y="268"/>
                  </a:lnTo>
                  <a:lnTo>
                    <a:pt x="336" y="268"/>
                  </a:lnTo>
                  <a:lnTo>
                    <a:pt x="338" y="266"/>
                  </a:lnTo>
                  <a:lnTo>
                    <a:pt x="340" y="264"/>
                  </a:lnTo>
                  <a:lnTo>
                    <a:pt x="342" y="264"/>
                  </a:lnTo>
                  <a:lnTo>
                    <a:pt x="344" y="263"/>
                  </a:lnTo>
                  <a:lnTo>
                    <a:pt x="346" y="263"/>
                  </a:lnTo>
                  <a:lnTo>
                    <a:pt x="348" y="263"/>
                  </a:lnTo>
                  <a:lnTo>
                    <a:pt x="349" y="261"/>
                  </a:lnTo>
                  <a:lnTo>
                    <a:pt x="351" y="261"/>
                  </a:lnTo>
                  <a:lnTo>
                    <a:pt x="353" y="261"/>
                  </a:lnTo>
                  <a:lnTo>
                    <a:pt x="353" y="259"/>
                  </a:lnTo>
                  <a:lnTo>
                    <a:pt x="355" y="259"/>
                  </a:lnTo>
                  <a:lnTo>
                    <a:pt x="357" y="259"/>
                  </a:lnTo>
                  <a:lnTo>
                    <a:pt x="359" y="259"/>
                  </a:lnTo>
                  <a:lnTo>
                    <a:pt x="361" y="259"/>
                  </a:lnTo>
                  <a:lnTo>
                    <a:pt x="362" y="259"/>
                  </a:lnTo>
                  <a:lnTo>
                    <a:pt x="368" y="259"/>
                  </a:lnTo>
                  <a:lnTo>
                    <a:pt x="370" y="259"/>
                  </a:lnTo>
                  <a:lnTo>
                    <a:pt x="372" y="259"/>
                  </a:lnTo>
                  <a:lnTo>
                    <a:pt x="373" y="255"/>
                  </a:lnTo>
                  <a:lnTo>
                    <a:pt x="377" y="251"/>
                  </a:lnTo>
                  <a:lnTo>
                    <a:pt x="381" y="250"/>
                  </a:lnTo>
                  <a:lnTo>
                    <a:pt x="383" y="248"/>
                  </a:lnTo>
                  <a:lnTo>
                    <a:pt x="385" y="244"/>
                  </a:lnTo>
                  <a:lnTo>
                    <a:pt x="388" y="244"/>
                  </a:lnTo>
                  <a:lnTo>
                    <a:pt x="392" y="237"/>
                  </a:lnTo>
                  <a:lnTo>
                    <a:pt x="397" y="235"/>
                  </a:lnTo>
                  <a:lnTo>
                    <a:pt x="403" y="231"/>
                  </a:lnTo>
                  <a:lnTo>
                    <a:pt x="403" y="229"/>
                  </a:lnTo>
                  <a:close/>
                </a:path>
              </a:pathLst>
            </a:custGeom>
            <a:solidFill>
              <a:srgbClr val="800080">
                <a:alpha val="50196"/>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32" name="Freeform 185"/>
            <p:cNvSpPr>
              <a:spLocks/>
            </p:cNvSpPr>
            <p:nvPr/>
          </p:nvSpPr>
          <p:spPr bwMode="auto">
            <a:xfrm>
              <a:off x="4134314" y="2315693"/>
              <a:ext cx="200154" cy="173050"/>
            </a:xfrm>
            <a:custGeom>
              <a:avLst/>
              <a:gdLst>
                <a:gd name="T0" fmla="*/ 177 w 192"/>
                <a:gd name="T1" fmla="*/ 48 h 166"/>
                <a:gd name="T2" fmla="*/ 185 w 192"/>
                <a:gd name="T3" fmla="*/ 57 h 166"/>
                <a:gd name="T4" fmla="*/ 181 w 192"/>
                <a:gd name="T5" fmla="*/ 68 h 166"/>
                <a:gd name="T6" fmla="*/ 177 w 192"/>
                <a:gd name="T7" fmla="*/ 63 h 166"/>
                <a:gd name="T8" fmla="*/ 170 w 192"/>
                <a:gd name="T9" fmla="*/ 66 h 166"/>
                <a:gd name="T10" fmla="*/ 166 w 192"/>
                <a:gd name="T11" fmla="*/ 76 h 166"/>
                <a:gd name="T12" fmla="*/ 159 w 192"/>
                <a:gd name="T13" fmla="*/ 70 h 166"/>
                <a:gd name="T14" fmla="*/ 148 w 192"/>
                <a:gd name="T15" fmla="*/ 72 h 166"/>
                <a:gd name="T16" fmla="*/ 139 w 192"/>
                <a:gd name="T17" fmla="*/ 77 h 166"/>
                <a:gd name="T18" fmla="*/ 126 w 192"/>
                <a:gd name="T19" fmla="*/ 81 h 166"/>
                <a:gd name="T20" fmla="*/ 109 w 192"/>
                <a:gd name="T21" fmla="*/ 79 h 166"/>
                <a:gd name="T22" fmla="*/ 100 w 192"/>
                <a:gd name="T23" fmla="*/ 79 h 166"/>
                <a:gd name="T24" fmla="*/ 87 w 192"/>
                <a:gd name="T25" fmla="*/ 88 h 166"/>
                <a:gd name="T26" fmla="*/ 89 w 192"/>
                <a:gd name="T27" fmla="*/ 96 h 166"/>
                <a:gd name="T28" fmla="*/ 94 w 192"/>
                <a:gd name="T29" fmla="*/ 101 h 166"/>
                <a:gd name="T30" fmla="*/ 89 w 192"/>
                <a:gd name="T31" fmla="*/ 122 h 166"/>
                <a:gd name="T32" fmla="*/ 87 w 192"/>
                <a:gd name="T33" fmla="*/ 122 h 166"/>
                <a:gd name="T34" fmla="*/ 83 w 192"/>
                <a:gd name="T35" fmla="*/ 124 h 166"/>
                <a:gd name="T36" fmla="*/ 81 w 192"/>
                <a:gd name="T37" fmla="*/ 129 h 166"/>
                <a:gd name="T38" fmla="*/ 79 w 192"/>
                <a:gd name="T39" fmla="*/ 131 h 166"/>
                <a:gd name="T40" fmla="*/ 78 w 192"/>
                <a:gd name="T41" fmla="*/ 133 h 166"/>
                <a:gd name="T42" fmla="*/ 70 w 192"/>
                <a:gd name="T43" fmla="*/ 142 h 166"/>
                <a:gd name="T44" fmla="*/ 68 w 192"/>
                <a:gd name="T45" fmla="*/ 146 h 166"/>
                <a:gd name="T46" fmla="*/ 50 w 192"/>
                <a:gd name="T47" fmla="*/ 164 h 166"/>
                <a:gd name="T48" fmla="*/ 48 w 192"/>
                <a:gd name="T49" fmla="*/ 159 h 166"/>
                <a:gd name="T50" fmla="*/ 50 w 192"/>
                <a:gd name="T51" fmla="*/ 151 h 166"/>
                <a:gd name="T52" fmla="*/ 48 w 192"/>
                <a:gd name="T53" fmla="*/ 148 h 166"/>
                <a:gd name="T54" fmla="*/ 46 w 192"/>
                <a:gd name="T55" fmla="*/ 146 h 166"/>
                <a:gd name="T56" fmla="*/ 42 w 192"/>
                <a:gd name="T57" fmla="*/ 142 h 166"/>
                <a:gd name="T58" fmla="*/ 39 w 192"/>
                <a:gd name="T59" fmla="*/ 138 h 166"/>
                <a:gd name="T60" fmla="*/ 42 w 192"/>
                <a:gd name="T61" fmla="*/ 129 h 166"/>
                <a:gd name="T62" fmla="*/ 44 w 192"/>
                <a:gd name="T63" fmla="*/ 127 h 166"/>
                <a:gd name="T64" fmla="*/ 42 w 192"/>
                <a:gd name="T65" fmla="*/ 127 h 166"/>
                <a:gd name="T66" fmla="*/ 42 w 192"/>
                <a:gd name="T67" fmla="*/ 125 h 166"/>
                <a:gd name="T68" fmla="*/ 37 w 192"/>
                <a:gd name="T69" fmla="*/ 116 h 166"/>
                <a:gd name="T70" fmla="*/ 33 w 192"/>
                <a:gd name="T71" fmla="*/ 116 h 166"/>
                <a:gd name="T72" fmla="*/ 18 w 192"/>
                <a:gd name="T73" fmla="*/ 113 h 166"/>
                <a:gd name="T74" fmla="*/ 11 w 192"/>
                <a:gd name="T75" fmla="*/ 113 h 166"/>
                <a:gd name="T76" fmla="*/ 9 w 192"/>
                <a:gd name="T77" fmla="*/ 113 h 166"/>
                <a:gd name="T78" fmla="*/ 4 w 192"/>
                <a:gd name="T79" fmla="*/ 114 h 166"/>
                <a:gd name="T80" fmla="*/ 15 w 192"/>
                <a:gd name="T81" fmla="*/ 88 h 166"/>
                <a:gd name="T82" fmla="*/ 0 w 192"/>
                <a:gd name="T83" fmla="*/ 74 h 166"/>
                <a:gd name="T84" fmla="*/ 11 w 192"/>
                <a:gd name="T85" fmla="*/ 51 h 166"/>
                <a:gd name="T86" fmla="*/ 29 w 192"/>
                <a:gd name="T87" fmla="*/ 50 h 166"/>
                <a:gd name="T88" fmla="*/ 42 w 192"/>
                <a:gd name="T89" fmla="*/ 33 h 166"/>
                <a:gd name="T90" fmla="*/ 65 w 192"/>
                <a:gd name="T91" fmla="*/ 29 h 166"/>
                <a:gd name="T92" fmla="*/ 68 w 192"/>
                <a:gd name="T93" fmla="*/ 40 h 166"/>
                <a:gd name="T94" fmla="*/ 81 w 192"/>
                <a:gd name="T95" fmla="*/ 46 h 166"/>
                <a:gd name="T96" fmla="*/ 96 w 192"/>
                <a:gd name="T97" fmla="*/ 44 h 166"/>
                <a:gd name="T98" fmla="*/ 105 w 192"/>
                <a:gd name="T99" fmla="*/ 35 h 166"/>
                <a:gd name="T100" fmla="*/ 116 w 192"/>
                <a:gd name="T101" fmla="*/ 20 h 166"/>
                <a:gd name="T102" fmla="*/ 126 w 192"/>
                <a:gd name="T103" fmla="*/ 7 h 166"/>
                <a:gd name="T104" fmla="*/ 155 w 192"/>
                <a:gd name="T105" fmla="*/ 16 h 166"/>
                <a:gd name="T106" fmla="*/ 170 w 192"/>
                <a:gd name="T107" fmla="*/ 11 h 166"/>
                <a:gd name="T108" fmla="*/ 183 w 192"/>
                <a:gd name="T109" fmla="*/ 3 h 166"/>
                <a:gd name="T110" fmla="*/ 190 w 192"/>
                <a:gd name="T111" fmla="*/ 2 h 166"/>
                <a:gd name="T112" fmla="*/ 177 w 192"/>
                <a:gd name="T113" fmla="*/ 11 h 166"/>
                <a:gd name="T114" fmla="*/ 161 w 192"/>
                <a:gd name="T115" fmla="*/ 27 h 166"/>
                <a:gd name="T116" fmla="*/ 176 w 192"/>
                <a:gd name="T117" fmla="*/ 39 h 1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92" h="166">
                  <a:moveTo>
                    <a:pt x="176" y="40"/>
                  </a:moveTo>
                  <a:lnTo>
                    <a:pt x="176" y="42"/>
                  </a:lnTo>
                  <a:lnTo>
                    <a:pt x="176" y="46"/>
                  </a:lnTo>
                  <a:lnTo>
                    <a:pt x="176" y="46"/>
                  </a:lnTo>
                  <a:lnTo>
                    <a:pt x="176" y="48"/>
                  </a:lnTo>
                  <a:lnTo>
                    <a:pt x="177" y="48"/>
                  </a:lnTo>
                  <a:lnTo>
                    <a:pt x="177" y="50"/>
                  </a:lnTo>
                  <a:lnTo>
                    <a:pt x="177" y="53"/>
                  </a:lnTo>
                  <a:lnTo>
                    <a:pt x="179" y="53"/>
                  </a:lnTo>
                  <a:lnTo>
                    <a:pt x="181" y="55"/>
                  </a:lnTo>
                  <a:lnTo>
                    <a:pt x="183" y="55"/>
                  </a:lnTo>
                  <a:lnTo>
                    <a:pt x="185" y="57"/>
                  </a:lnTo>
                  <a:lnTo>
                    <a:pt x="187" y="59"/>
                  </a:lnTo>
                  <a:lnTo>
                    <a:pt x="185" y="61"/>
                  </a:lnTo>
                  <a:lnTo>
                    <a:pt x="185" y="63"/>
                  </a:lnTo>
                  <a:lnTo>
                    <a:pt x="183" y="64"/>
                  </a:lnTo>
                  <a:lnTo>
                    <a:pt x="183" y="66"/>
                  </a:lnTo>
                  <a:lnTo>
                    <a:pt x="181" y="68"/>
                  </a:lnTo>
                  <a:lnTo>
                    <a:pt x="181" y="70"/>
                  </a:lnTo>
                  <a:lnTo>
                    <a:pt x="181" y="70"/>
                  </a:lnTo>
                  <a:lnTo>
                    <a:pt x="177" y="64"/>
                  </a:lnTo>
                  <a:lnTo>
                    <a:pt x="177" y="64"/>
                  </a:lnTo>
                  <a:lnTo>
                    <a:pt x="177" y="63"/>
                  </a:lnTo>
                  <a:lnTo>
                    <a:pt x="177" y="63"/>
                  </a:lnTo>
                  <a:lnTo>
                    <a:pt x="177" y="61"/>
                  </a:lnTo>
                  <a:lnTo>
                    <a:pt x="177" y="59"/>
                  </a:lnTo>
                  <a:lnTo>
                    <a:pt x="174" y="61"/>
                  </a:lnTo>
                  <a:lnTo>
                    <a:pt x="172" y="63"/>
                  </a:lnTo>
                  <a:lnTo>
                    <a:pt x="170" y="64"/>
                  </a:lnTo>
                  <a:lnTo>
                    <a:pt x="170" y="66"/>
                  </a:lnTo>
                  <a:lnTo>
                    <a:pt x="168" y="68"/>
                  </a:lnTo>
                  <a:lnTo>
                    <a:pt x="166" y="70"/>
                  </a:lnTo>
                  <a:lnTo>
                    <a:pt x="166" y="72"/>
                  </a:lnTo>
                  <a:lnTo>
                    <a:pt x="170" y="72"/>
                  </a:lnTo>
                  <a:lnTo>
                    <a:pt x="170" y="76"/>
                  </a:lnTo>
                  <a:lnTo>
                    <a:pt x="166" y="76"/>
                  </a:lnTo>
                  <a:lnTo>
                    <a:pt x="164" y="76"/>
                  </a:lnTo>
                  <a:lnTo>
                    <a:pt x="163" y="76"/>
                  </a:lnTo>
                  <a:lnTo>
                    <a:pt x="163" y="72"/>
                  </a:lnTo>
                  <a:lnTo>
                    <a:pt x="163" y="72"/>
                  </a:lnTo>
                  <a:lnTo>
                    <a:pt x="161" y="70"/>
                  </a:lnTo>
                  <a:lnTo>
                    <a:pt x="159" y="70"/>
                  </a:lnTo>
                  <a:lnTo>
                    <a:pt x="159" y="70"/>
                  </a:lnTo>
                  <a:lnTo>
                    <a:pt x="155" y="72"/>
                  </a:lnTo>
                  <a:lnTo>
                    <a:pt x="153" y="72"/>
                  </a:lnTo>
                  <a:lnTo>
                    <a:pt x="153" y="72"/>
                  </a:lnTo>
                  <a:lnTo>
                    <a:pt x="152" y="72"/>
                  </a:lnTo>
                  <a:lnTo>
                    <a:pt x="148" y="72"/>
                  </a:lnTo>
                  <a:lnTo>
                    <a:pt x="146" y="72"/>
                  </a:lnTo>
                  <a:lnTo>
                    <a:pt x="144" y="74"/>
                  </a:lnTo>
                  <a:lnTo>
                    <a:pt x="142" y="74"/>
                  </a:lnTo>
                  <a:lnTo>
                    <a:pt x="140" y="76"/>
                  </a:lnTo>
                  <a:lnTo>
                    <a:pt x="140" y="77"/>
                  </a:lnTo>
                  <a:lnTo>
                    <a:pt x="139" y="77"/>
                  </a:lnTo>
                  <a:lnTo>
                    <a:pt x="135" y="79"/>
                  </a:lnTo>
                  <a:lnTo>
                    <a:pt x="135" y="79"/>
                  </a:lnTo>
                  <a:lnTo>
                    <a:pt x="133" y="81"/>
                  </a:lnTo>
                  <a:lnTo>
                    <a:pt x="129" y="83"/>
                  </a:lnTo>
                  <a:lnTo>
                    <a:pt x="127" y="81"/>
                  </a:lnTo>
                  <a:lnTo>
                    <a:pt x="126" y="81"/>
                  </a:lnTo>
                  <a:lnTo>
                    <a:pt x="124" y="79"/>
                  </a:lnTo>
                  <a:lnTo>
                    <a:pt x="120" y="79"/>
                  </a:lnTo>
                  <a:lnTo>
                    <a:pt x="118" y="79"/>
                  </a:lnTo>
                  <a:lnTo>
                    <a:pt x="116" y="76"/>
                  </a:lnTo>
                  <a:lnTo>
                    <a:pt x="113" y="74"/>
                  </a:lnTo>
                  <a:lnTo>
                    <a:pt x="109" y="79"/>
                  </a:lnTo>
                  <a:lnTo>
                    <a:pt x="107" y="79"/>
                  </a:lnTo>
                  <a:lnTo>
                    <a:pt x="107" y="79"/>
                  </a:lnTo>
                  <a:lnTo>
                    <a:pt x="105" y="79"/>
                  </a:lnTo>
                  <a:lnTo>
                    <a:pt x="103" y="79"/>
                  </a:lnTo>
                  <a:lnTo>
                    <a:pt x="102" y="79"/>
                  </a:lnTo>
                  <a:lnTo>
                    <a:pt x="100" y="79"/>
                  </a:lnTo>
                  <a:lnTo>
                    <a:pt x="98" y="79"/>
                  </a:lnTo>
                  <a:lnTo>
                    <a:pt x="96" y="81"/>
                  </a:lnTo>
                  <a:lnTo>
                    <a:pt x="94" y="83"/>
                  </a:lnTo>
                  <a:lnTo>
                    <a:pt x="89" y="85"/>
                  </a:lnTo>
                  <a:lnTo>
                    <a:pt x="87" y="85"/>
                  </a:lnTo>
                  <a:lnTo>
                    <a:pt x="87" y="88"/>
                  </a:lnTo>
                  <a:lnTo>
                    <a:pt x="87" y="90"/>
                  </a:lnTo>
                  <a:lnTo>
                    <a:pt x="87" y="92"/>
                  </a:lnTo>
                  <a:lnTo>
                    <a:pt x="87" y="94"/>
                  </a:lnTo>
                  <a:lnTo>
                    <a:pt x="87" y="94"/>
                  </a:lnTo>
                  <a:lnTo>
                    <a:pt x="87" y="94"/>
                  </a:lnTo>
                  <a:lnTo>
                    <a:pt x="89" y="96"/>
                  </a:lnTo>
                  <a:lnTo>
                    <a:pt x="89" y="96"/>
                  </a:lnTo>
                  <a:lnTo>
                    <a:pt x="89" y="96"/>
                  </a:lnTo>
                  <a:lnTo>
                    <a:pt x="90" y="98"/>
                  </a:lnTo>
                  <a:lnTo>
                    <a:pt x="92" y="100"/>
                  </a:lnTo>
                  <a:lnTo>
                    <a:pt x="94" y="100"/>
                  </a:lnTo>
                  <a:lnTo>
                    <a:pt x="94" y="101"/>
                  </a:lnTo>
                  <a:lnTo>
                    <a:pt x="94" y="105"/>
                  </a:lnTo>
                  <a:lnTo>
                    <a:pt x="94" y="111"/>
                  </a:lnTo>
                  <a:lnTo>
                    <a:pt x="94" y="118"/>
                  </a:lnTo>
                  <a:lnTo>
                    <a:pt x="94" y="124"/>
                  </a:lnTo>
                  <a:lnTo>
                    <a:pt x="90" y="122"/>
                  </a:lnTo>
                  <a:lnTo>
                    <a:pt x="89" y="122"/>
                  </a:lnTo>
                  <a:lnTo>
                    <a:pt x="89" y="122"/>
                  </a:lnTo>
                  <a:lnTo>
                    <a:pt x="89" y="122"/>
                  </a:lnTo>
                  <a:lnTo>
                    <a:pt x="89" y="122"/>
                  </a:lnTo>
                  <a:lnTo>
                    <a:pt x="89" y="122"/>
                  </a:lnTo>
                  <a:lnTo>
                    <a:pt x="89" y="122"/>
                  </a:lnTo>
                  <a:lnTo>
                    <a:pt x="87" y="122"/>
                  </a:lnTo>
                  <a:lnTo>
                    <a:pt x="87" y="122"/>
                  </a:lnTo>
                  <a:lnTo>
                    <a:pt x="87" y="124"/>
                  </a:lnTo>
                  <a:lnTo>
                    <a:pt x="85" y="124"/>
                  </a:lnTo>
                  <a:lnTo>
                    <a:pt x="83" y="124"/>
                  </a:lnTo>
                  <a:lnTo>
                    <a:pt x="83" y="124"/>
                  </a:lnTo>
                  <a:lnTo>
                    <a:pt x="83" y="124"/>
                  </a:lnTo>
                  <a:lnTo>
                    <a:pt x="81" y="125"/>
                  </a:lnTo>
                  <a:lnTo>
                    <a:pt x="81" y="125"/>
                  </a:lnTo>
                  <a:lnTo>
                    <a:pt x="81" y="125"/>
                  </a:lnTo>
                  <a:lnTo>
                    <a:pt x="81" y="127"/>
                  </a:lnTo>
                  <a:lnTo>
                    <a:pt x="81" y="129"/>
                  </a:lnTo>
                  <a:lnTo>
                    <a:pt x="81" y="129"/>
                  </a:lnTo>
                  <a:lnTo>
                    <a:pt x="79" y="129"/>
                  </a:lnTo>
                  <a:lnTo>
                    <a:pt x="79" y="129"/>
                  </a:lnTo>
                  <a:lnTo>
                    <a:pt x="79" y="129"/>
                  </a:lnTo>
                  <a:lnTo>
                    <a:pt x="79" y="131"/>
                  </a:lnTo>
                  <a:lnTo>
                    <a:pt x="79" y="131"/>
                  </a:lnTo>
                  <a:lnTo>
                    <a:pt x="79" y="131"/>
                  </a:lnTo>
                  <a:lnTo>
                    <a:pt x="78" y="131"/>
                  </a:lnTo>
                  <a:lnTo>
                    <a:pt x="78" y="131"/>
                  </a:lnTo>
                  <a:lnTo>
                    <a:pt x="78" y="133"/>
                  </a:lnTo>
                  <a:lnTo>
                    <a:pt x="79" y="133"/>
                  </a:lnTo>
                  <a:lnTo>
                    <a:pt x="78" y="133"/>
                  </a:lnTo>
                  <a:lnTo>
                    <a:pt x="78" y="133"/>
                  </a:lnTo>
                  <a:lnTo>
                    <a:pt x="78" y="133"/>
                  </a:lnTo>
                  <a:lnTo>
                    <a:pt x="76" y="133"/>
                  </a:lnTo>
                  <a:lnTo>
                    <a:pt x="72" y="142"/>
                  </a:lnTo>
                  <a:lnTo>
                    <a:pt x="72" y="142"/>
                  </a:lnTo>
                  <a:lnTo>
                    <a:pt x="70" y="142"/>
                  </a:lnTo>
                  <a:lnTo>
                    <a:pt x="70" y="142"/>
                  </a:lnTo>
                  <a:lnTo>
                    <a:pt x="70" y="144"/>
                  </a:lnTo>
                  <a:lnTo>
                    <a:pt x="70" y="144"/>
                  </a:lnTo>
                  <a:lnTo>
                    <a:pt x="70" y="144"/>
                  </a:lnTo>
                  <a:lnTo>
                    <a:pt x="68" y="144"/>
                  </a:lnTo>
                  <a:lnTo>
                    <a:pt x="70" y="146"/>
                  </a:lnTo>
                  <a:lnTo>
                    <a:pt x="68" y="146"/>
                  </a:lnTo>
                  <a:lnTo>
                    <a:pt x="65" y="153"/>
                  </a:lnTo>
                  <a:lnTo>
                    <a:pt x="59" y="161"/>
                  </a:lnTo>
                  <a:lnTo>
                    <a:pt x="55" y="166"/>
                  </a:lnTo>
                  <a:lnTo>
                    <a:pt x="54" y="164"/>
                  </a:lnTo>
                  <a:lnTo>
                    <a:pt x="50" y="164"/>
                  </a:lnTo>
                  <a:lnTo>
                    <a:pt x="50" y="164"/>
                  </a:lnTo>
                  <a:lnTo>
                    <a:pt x="50" y="164"/>
                  </a:lnTo>
                  <a:lnTo>
                    <a:pt x="50" y="162"/>
                  </a:lnTo>
                  <a:lnTo>
                    <a:pt x="50" y="162"/>
                  </a:lnTo>
                  <a:lnTo>
                    <a:pt x="48" y="161"/>
                  </a:lnTo>
                  <a:lnTo>
                    <a:pt x="48" y="159"/>
                  </a:lnTo>
                  <a:lnTo>
                    <a:pt x="48" y="159"/>
                  </a:lnTo>
                  <a:lnTo>
                    <a:pt x="48" y="157"/>
                  </a:lnTo>
                  <a:lnTo>
                    <a:pt x="48" y="155"/>
                  </a:lnTo>
                  <a:lnTo>
                    <a:pt x="48" y="153"/>
                  </a:lnTo>
                  <a:lnTo>
                    <a:pt x="50" y="153"/>
                  </a:lnTo>
                  <a:lnTo>
                    <a:pt x="50" y="151"/>
                  </a:lnTo>
                  <a:lnTo>
                    <a:pt x="50" y="151"/>
                  </a:lnTo>
                  <a:lnTo>
                    <a:pt x="48" y="150"/>
                  </a:lnTo>
                  <a:lnTo>
                    <a:pt x="48" y="148"/>
                  </a:lnTo>
                  <a:lnTo>
                    <a:pt x="48" y="148"/>
                  </a:lnTo>
                  <a:lnTo>
                    <a:pt x="48" y="148"/>
                  </a:lnTo>
                  <a:lnTo>
                    <a:pt x="48" y="148"/>
                  </a:lnTo>
                  <a:lnTo>
                    <a:pt x="48" y="148"/>
                  </a:lnTo>
                  <a:lnTo>
                    <a:pt x="48" y="148"/>
                  </a:lnTo>
                  <a:lnTo>
                    <a:pt x="46" y="148"/>
                  </a:lnTo>
                  <a:lnTo>
                    <a:pt x="46" y="148"/>
                  </a:lnTo>
                  <a:lnTo>
                    <a:pt x="46" y="148"/>
                  </a:lnTo>
                  <a:lnTo>
                    <a:pt x="46" y="146"/>
                  </a:lnTo>
                  <a:lnTo>
                    <a:pt x="46" y="146"/>
                  </a:lnTo>
                  <a:lnTo>
                    <a:pt x="42" y="146"/>
                  </a:lnTo>
                  <a:lnTo>
                    <a:pt x="44" y="144"/>
                  </a:lnTo>
                  <a:lnTo>
                    <a:pt x="42" y="142"/>
                  </a:lnTo>
                  <a:lnTo>
                    <a:pt x="42" y="140"/>
                  </a:lnTo>
                  <a:lnTo>
                    <a:pt x="42" y="140"/>
                  </a:lnTo>
                  <a:lnTo>
                    <a:pt x="42" y="142"/>
                  </a:lnTo>
                  <a:lnTo>
                    <a:pt x="41" y="142"/>
                  </a:lnTo>
                  <a:lnTo>
                    <a:pt x="41" y="142"/>
                  </a:lnTo>
                  <a:lnTo>
                    <a:pt x="39" y="140"/>
                  </a:lnTo>
                  <a:lnTo>
                    <a:pt x="39" y="140"/>
                  </a:lnTo>
                  <a:lnTo>
                    <a:pt x="39" y="138"/>
                  </a:lnTo>
                  <a:lnTo>
                    <a:pt x="39" y="138"/>
                  </a:lnTo>
                  <a:lnTo>
                    <a:pt x="41" y="137"/>
                  </a:lnTo>
                  <a:lnTo>
                    <a:pt x="41" y="137"/>
                  </a:lnTo>
                  <a:lnTo>
                    <a:pt x="41" y="135"/>
                  </a:lnTo>
                  <a:lnTo>
                    <a:pt x="41" y="133"/>
                  </a:lnTo>
                  <a:lnTo>
                    <a:pt x="42" y="131"/>
                  </a:lnTo>
                  <a:lnTo>
                    <a:pt x="42" y="129"/>
                  </a:lnTo>
                  <a:lnTo>
                    <a:pt x="44" y="129"/>
                  </a:lnTo>
                  <a:lnTo>
                    <a:pt x="44" y="129"/>
                  </a:lnTo>
                  <a:lnTo>
                    <a:pt x="44" y="129"/>
                  </a:lnTo>
                  <a:lnTo>
                    <a:pt x="44" y="127"/>
                  </a:lnTo>
                  <a:lnTo>
                    <a:pt x="44" y="127"/>
                  </a:lnTo>
                  <a:lnTo>
                    <a:pt x="44" y="127"/>
                  </a:lnTo>
                  <a:lnTo>
                    <a:pt x="44" y="127"/>
                  </a:lnTo>
                  <a:lnTo>
                    <a:pt x="42" y="127"/>
                  </a:lnTo>
                  <a:lnTo>
                    <a:pt x="42" y="127"/>
                  </a:lnTo>
                  <a:lnTo>
                    <a:pt x="42" y="127"/>
                  </a:lnTo>
                  <a:lnTo>
                    <a:pt x="42" y="127"/>
                  </a:lnTo>
                  <a:lnTo>
                    <a:pt x="42" y="127"/>
                  </a:lnTo>
                  <a:lnTo>
                    <a:pt x="42" y="127"/>
                  </a:lnTo>
                  <a:lnTo>
                    <a:pt x="42" y="127"/>
                  </a:lnTo>
                  <a:lnTo>
                    <a:pt x="42" y="127"/>
                  </a:lnTo>
                  <a:lnTo>
                    <a:pt x="42" y="127"/>
                  </a:lnTo>
                  <a:lnTo>
                    <a:pt x="42" y="125"/>
                  </a:lnTo>
                  <a:lnTo>
                    <a:pt x="42" y="125"/>
                  </a:lnTo>
                  <a:lnTo>
                    <a:pt x="42" y="125"/>
                  </a:lnTo>
                  <a:lnTo>
                    <a:pt x="44" y="122"/>
                  </a:lnTo>
                  <a:lnTo>
                    <a:pt x="44" y="120"/>
                  </a:lnTo>
                  <a:lnTo>
                    <a:pt x="46" y="120"/>
                  </a:lnTo>
                  <a:lnTo>
                    <a:pt x="37" y="116"/>
                  </a:lnTo>
                  <a:lnTo>
                    <a:pt x="37" y="116"/>
                  </a:lnTo>
                  <a:lnTo>
                    <a:pt x="37" y="116"/>
                  </a:lnTo>
                  <a:lnTo>
                    <a:pt x="35" y="116"/>
                  </a:lnTo>
                  <a:lnTo>
                    <a:pt x="35" y="116"/>
                  </a:lnTo>
                  <a:lnTo>
                    <a:pt x="33" y="116"/>
                  </a:lnTo>
                  <a:lnTo>
                    <a:pt x="33" y="116"/>
                  </a:lnTo>
                  <a:lnTo>
                    <a:pt x="33" y="116"/>
                  </a:lnTo>
                  <a:lnTo>
                    <a:pt x="33" y="116"/>
                  </a:lnTo>
                  <a:lnTo>
                    <a:pt x="31" y="116"/>
                  </a:lnTo>
                  <a:lnTo>
                    <a:pt x="31" y="116"/>
                  </a:lnTo>
                  <a:lnTo>
                    <a:pt x="29" y="116"/>
                  </a:lnTo>
                  <a:lnTo>
                    <a:pt x="22" y="114"/>
                  </a:lnTo>
                  <a:lnTo>
                    <a:pt x="18" y="113"/>
                  </a:lnTo>
                  <a:lnTo>
                    <a:pt x="15" y="113"/>
                  </a:lnTo>
                  <a:lnTo>
                    <a:pt x="15" y="113"/>
                  </a:lnTo>
                  <a:lnTo>
                    <a:pt x="15" y="113"/>
                  </a:lnTo>
                  <a:lnTo>
                    <a:pt x="13" y="113"/>
                  </a:lnTo>
                  <a:lnTo>
                    <a:pt x="13" y="113"/>
                  </a:lnTo>
                  <a:lnTo>
                    <a:pt x="11" y="113"/>
                  </a:lnTo>
                  <a:lnTo>
                    <a:pt x="11" y="113"/>
                  </a:lnTo>
                  <a:lnTo>
                    <a:pt x="11" y="113"/>
                  </a:lnTo>
                  <a:lnTo>
                    <a:pt x="9" y="113"/>
                  </a:lnTo>
                  <a:lnTo>
                    <a:pt x="9" y="113"/>
                  </a:lnTo>
                  <a:lnTo>
                    <a:pt x="9" y="113"/>
                  </a:lnTo>
                  <a:lnTo>
                    <a:pt x="9" y="113"/>
                  </a:lnTo>
                  <a:lnTo>
                    <a:pt x="9" y="113"/>
                  </a:lnTo>
                  <a:lnTo>
                    <a:pt x="7" y="114"/>
                  </a:lnTo>
                  <a:lnTo>
                    <a:pt x="7" y="114"/>
                  </a:lnTo>
                  <a:lnTo>
                    <a:pt x="4" y="114"/>
                  </a:lnTo>
                  <a:lnTo>
                    <a:pt x="4" y="114"/>
                  </a:lnTo>
                  <a:lnTo>
                    <a:pt x="4" y="114"/>
                  </a:lnTo>
                  <a:lnTo>
                    <a:pt x="2" y="114"/>
                  </a:lnTo>
                  <a:lnTo>
                    <a:pt x="5" y="98"/>
                  </a:lnTo>
                  <a:lnTo>
                    <a:pt x="9" y="100"/>
                  </a:lnTo>
                  <a:lnTo>
                    <a:pt x="11" y="92"/>
                  </a:lnTo>
                  <a:lnTo>
                    <a:pt x="15" y="88"/>
                  </a:lnTo>
                  <a:lnTo>
                    <a:pt x="15" y="88"/>
                  </a:lnTo>
                  <a:lnTo>
                    <a:pt x="9" y="85"/>
                  </a:lnTo>
                  <a:lnTo>
                    <a:pt x="7" y="81"/>
                  </a:lnTo>
                  <a:lnTo>
                    <a:pt x="5" y="79"/>
                  </a:lnTo>
                  <a:lnTo>
                    <a:pt x="5" y="77"/>
                  </a:lnTo>
                  <a:lnTo>
                    <a:pt x="2" y="76"/>
                  </a:lnTo>
                  <a:lnTo>
                    <a:pt x="0" y="74"/>
                  </a:lnTo>
                  <a:lnTo>
                    <a:pt x="4" y="72"/>
                  </a:lnTo>
                  <a:lnTo>
                    <a:pt x="5" y="68"/>
                  </a:lnTo>
                  <a:lnTo>
                    <a:pt x="7" y="63"/>
                  </a:lnTo>
                  <a:lnTo>
                    <a:pt x="2" y="59"/>
                  </a:lnTo>
                  <a:lnTo>
                    <a:pt x="4" y="57"/>
                  </a:lnTo>
                  <a:lnTo>
                    <a:pt x="11" y="51"/>
                  </a:lnTo>
                  <a:lnTo>
                    <a:pt x="15" y="50"/>
                  </a:lnTo>
                  <a:lnTo>
                    <a:pt x="17" y="46"/>
                  </a:lnTo>
                  <a:lnTo>
                    <a:pt x="20" y="48"/>
                  </a:lnTo>
                  <a:lnTo>
                    <a:pt x="24" y="48"/>
                  </a:lnTo>
                  <a:lnTo>
                    <a:pt x="28" y="50"/>
                  </a:lnTo>
                  <a:lnTo>
                    <a:pt x="29" y="50"/>
                  </a:lnTo>
                  <a:lnTo>
                    <a:pt x="33" y="48"/>
                  </a:lnTo>
                  <a:lnTo>
                    <a:pt x="37" y="50"/>
                  </a:lnTo>
                  <a:lnTo>
                    <a:pt x="41" y="51"/>
                  </a:lnTo>
                  <a:lnTo>
                    <a:pt x="41" y="44"/>
                  </a:lnTo>
                  <a:lnTo>
                    <a:pt x="42" y="40"/>
                  </a:lnTo>
                  <a:lnTo>
                    <a:pt x="42" y="33"/>
                  </a:lnTo>
                  <a:lnTo>
                    <a:pt x="44" y="29"/>
                  </a:lnTo>
                  <a:lnTo>
                    <a:pt x="46" y="24"/>
                  </a:lnTo>
                  <a:lnTo>
                    <a:pt x="48" y="22"/>
                  </a:lnTo>
                  <a:lnTo>
                    <a:pt x="54" y="24"/>
                  </a:lnTo>
                  <a:lnTo>
                    <a:pt x="61" y="26"/>
                  </a:lnTo>
                  <a:lnTo>
                    <a:pt x="65" y="29"/>
                  </a:lnTo>
                  <a:lnTo>
                    <a:pt x="68" y="31"/>
                  </a:lnTo>
                  <a:lnTo>
                    <a:pt x="68" y="37"/>
                  </a:lnTo>
                  <a:lnTo>
                    <a:pt x="68" y="39"/>
                  </a:lnTo>
                  <a:lnTo>
                    <a:pt x="68" y="39"/>
                  </a:lnTo>
                  <a:lnTo>
                    <a:pt x="68" y="39"/>
                  </a:lnTo>
                  <a:lnTo>
                    <a:pt x="68" y="40"/>
                  </a:lnTo>
                  <a:lnTo>
                    <a:pt x="70" y="42"/>
                  </a:lnTo>
                  <a:lnTo>
                    <a:pt x="70" y="46"/>
                  </a:lnTo>
                  <a:lnTo>
                    <a:pt x="74" y="46"/>
                  </a:lnTo>
                  <a:lnTo>
                    <a:pt x="76" y="46"/>
                  </a:lnTo>
                  <a:lnTo>
                    <a:pt x="78" y="46"/>
                  </a:lnTo>
                  <a:lnTo>
                    <a:pt x="81" y="46"/>
                  </a:lnTo>
                  <a:lnTo>
                    <a:pt x="83" y="46"/>
                  </a:lnTo>
                  <a:lnTo>
                    <a:pt x="85" y="46"/>
                  </a:lnTo>
                  <a:lnTo>
                    <a:pt x="89" y="48"/>
                  </a:lnTo>
                  <a:lnTo>
                    <a:pt x="90" y="46"/>
                  </a:lnTo>
                  <a:lnTo>
                    <a:pt x="94" y="46"/>
                  </a:lnTo>
                  <a:lnTo>
                    <a:pt x="96" y="44"/>
                  </a:lnTo>
                  <a:lnTo>
                    <a:pt x="96" y="42"/>
                  </a:lnTo>
                  <a:lnTo>
                    <a:pt x="98" y="42"/>
                  </a:lnTo>
                  <a:lnTo>
                    <a:pt x="100" y="40"/>
                  </a:lnTo>
                  <a:lnTo>
                    <a:pt x="102" y="39"/>
                  </a:lnTo>
                  <a:lnTo>
                    <a:pt x="103" y="37"/>
                  </a:lnTo>
                  <a:lnTo>
                    <a:pt x="105" y="35"/>
                  </a:lnTo>
                  <a:lnTo>
                    <a:pt x="107" y="31"/>
                  </a:lnTo>
                  <a:lnTo>
                    <a:pt x="109" y="29"/>
                  </a:lnTo>
                  <a:lnTo>
                    <a:pt x="111" y="27"/>
                  </a:lnTo>
                  <a:lnTo>
                    <a:pt x="111" y="26"/>
                  </a:lnTo>
                  <a:lnTo>
                    <a:pt x="113" y="24"/>
                  </a:lnTo>
                  <a:lnTo>
                    <a:pt x="116" y="20"/>
                  </a:lnTo>
                  <a:lnTo>
                    <a:pt x="122" y="18"/>
                  </a:lnTo>
                  <a:lnTo>
                    <a:pt x="120" y="14"/>
                  </a:lnTo>
                  <a:lnTo>
                    <a:pt x="120" y="13"/>
                  </a:lnTo>
                  <a:lnTo>
                    <a:pt x="122" y="11"/>
                  </a:lnTo>
                  <a:lnTo>
                    <a:pt x="124" y="9"/>
                  </a:lnTo>
                  <a:lnTo>
                    <a:pt x="126" y="7"/>
                  </a:lnTo>
                  <a:lnTo>
                    <a:pt x="129" y="9"/>
                  </a:lnTo>
                  <a:lnTo>
                    <a:pt x="133" y="9"/>
                  </a:lnTo>
                  <a:lnTo>
                    <a:pt x="139" y="11"/>
                  </a:lnTo>
                  <a:lnTo>
                    <a:pt x="148" y="14"/>
                  </a:lnTo>
                  <a:lnTo>
                    <a:pt x="152" y="16"/>
                  </a:lnTo>
                  <a:lnTo>
                    <a:pt x="155" y="16"/>
                  </a:lnTo>
                  <a:lnTo>
                    <a:pt x="159" y="16"/>
                  </a:lnTo>
                  <a:lnTo>
                    <a:pt x="163" y="16"/>
                  </a:lnTo>
                  <a:lnTo>
                    <a:pt x="166" y="16"/>
                  </a:lnTo>
                  <a:lnTo>
                    <a:pt x="166" y="14"/>
                  </a:lnTo>
                  <a:lnTo>
                    <a:pt x="168" y="13"/>
                  </a:lnTo>
                  <a:lnTo>
                    <a:pt x="170" y="11"/>
                  </a:lnTo>
                  <a:lnTo>
                    <a:pt x="172" y="9"/>
                  </a:lnTo>
                  <a:lnTo>
                    <a:pt x="174" y="7"/>
                  </a:lnTo>
                  <a:lnTo>
                    <a:pt x="176" y="5"/>
                  </a:lnTo>
                  <a:lnTo>
                    <a:pt x="177" y="3"/>
                  </a:lnTo>
                  <a:lnTo>
                    <a:pt x="179" y="3"/>
                  </a:lnTo>
                  <a:lnTo>
                    <a:pt x="183" y="3"/>
                  </a:lnTo>
                  <a:lnTo>
                    <a:pt x="183" y="3"/>
                  </a:lnTo>
                  <a:lnTo>
                    <a:pt x="185" y="3"/>
                  </a:lnTo>
                  <a:lnTo>
                    <a:pt x="188" y="2"/>
                  </a:lnTo>
                  <a:lnTo>
                    <a:pt x="190" y="0"/>
                  </a:lnTo>
                  <a:lnTo>
                    <a:pt x="192" y="0"/>
                  </a:lnTo>
                  <a:lnTo>
                    <a:pt x="190" y="2"/>
                  </a:lnTo>
                  <a:lnTo>
                    <a:pt x="188" y="3"/>
                  </a:lnTo>
                  <a:lnTo>
                    <a:pt x="187" y="5"/>
                  </a:lnTo>
                  <a:lnTo>
                    <a:pt x="181" y="7"/>
                  </a:lnTo>
                  <a:lnTo>
                    <a:pt x="179" y="7"/>
                  </a:lnTo>
                  <a:lnTo>
                    <a:pt x="177" y="9"/>
                  </a:lnTo>
                  <a:lnTo>
                    <a:pt x="177" y="11"/>
                  </a:lnTo>
                  <a:lnTo>
                    <a:pt x="176" y="13"/>
                  </a:lnTo>
                  <a:lnTo>
                    <a:pt x="172" y="16"/>
                  </a:lnTo>
                  <a:lnTo>
                    <a:pt x="170" y="18"/>
                  </a:lnTo>
                  <a:lnTo>
                    <a:pt x="164" y="22"/>
                  </a:lnTo>
                  <a:lnTo>
                    <a:pt x="163" y="26"/>
                  </a:lnTo>
                  <a:lnTo>
                    <a:pt x="161" y="27"/>
                  </a:lnTo>
                  <a:lnTo>
                    <a:pt x="163" y="31"/>
                  </a:lnTo>
                  <a:lnTo>
                    <a:pt x="166" y="33"/>
                  </a:lnTo>
                  <a:lnTo>
                    <a:pt x="168" y="33"/>
                  </a:lnTo>
                  <a:lnTo>
                    <a:pt x="172" y="35"/>
                  </a:lnTo>
                  <a:lnTo>
                    <a:pt x="174" y="37"/>
                  </a:lnTo>
                  <a:lnTo>
                    <a:pt x="176" y="39"/>
                  </a:lnTo>
                  <a:lnTo>
                    <a:pt x="176" y="40"/>
                  </a:lnTo>
                  <a:close/>
                </a:path>
              </a:pathLst>
            </a:custGeom>
            <a:solidFill>
              <a:srgbClr val="800080">
                <a:alpha val="50196"/>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nvGrpSpPr>
            <p:cNvPr id="47" name="Gruppieren 46"/>
            <p:cNvGrpSpPr/>
            <p:nvPr/>
          </p:nvGrpSpPr>
          <p:grpSpPr>
            <a:xfrm>
              <a:off x="5351918" y="1862219"/>
              <a:ext cx="678647" cy="544169"/>
              <a:chOff x="6467475" y="217487"/>
              <a:chExt cx="1033462" cy="828675"/>
            </a:xfrm>
          </p:grpSpPr>
          <p:sp>
            <p:nvSpPr>
              <p:cNvPr id="48" name="Freeform 189"/>
              <p:cNvSpPr>
                <a:spLocks/>
              </p:cNvSpPr>
              <p:nvPr/>
            </p:nvSpPr>
            <p:spPr bwMode="auto">
              <a:xfrm>
                <a:off x="6754812" y="871537"/>
                <a:ext cx="134938" cy="174625"/>
              </a:xfrm>
              <a:custGeom>
                <a:avLst/>
                <a:gdLst>
                  <a:gd name="T0" fmla="*/ 34 w 85"/>
                  <a:gd name="T1" fmla="*/ 17 h 110"/>
                  <a:gd name="T2" fmla="*/ 39 w 85"/>
                  <a:gd name="T3" fmla="*/ 15 h 110"/>
                  <a:gd name="T4" fmla="*/ 47 w 85"/>
                  <a:gd name="T5" fmla="*/ 17 h 110"/>
                  <a:gd name="T6" fmla="*/ 56 w 85"/>
                  <a:gd name="T7" fmla="*/ 19 h 110"/>
                  <a:gd name="T8" fmla="*/ 67 w 85"/>
                  <a:gd name="T9" fmla="*/ 21 h 110"/>
                  <a:gd name="T10" fmla="*/ 72 w 85"/>
                  <a:gd name="T11" fmla="*/ 10 h 110"/>
                  <a:gd name="T12" fmla="*/ 80 w 85"/>
                  <a:gd name="T13" fmla="*/ 4 h 110"/>
                  <a:gd name="T14" fmla="*/ 85 w 85"/>
                  <a:gd name="T15" fmla="*/ 0 h 110"/>
                  <a:gd name="T16" fmla="*/ 84 w 85"/>
                  <a:gd name="T17" fmla="*/ 10 h 110"/>
                  <a:gd name="T18" fmla="*/ 84 w 85"/>
                  <a:gd name="T19" fmla="*/ 12 h 110"/>
                  <a:gd name="T20" fmla="*/ 84 w 85"/>
                  <a:gd name="T21" fmla="*/ 15 h 110"/>
                  <a:gd name="T22" fmla="*/ 84 w 85"/>
                  <a:gd name="T23" fmla="*/ 17 h 110"/>
                  <a:gd name="T24" fmla="*/ 84 w 85"/>
                  <a:gd name="T25" fmla="*/ 19 h 110"/>
                  <a:gd name="T26" fmla="*/ 80 w 85"/>
                  <a:gd name="T27" fmla="*/ 23 h 110"/>
                  <a:gd name="T28" fmla="*/ 63 w 85"/>
                  <a:gd name="T29" fmla="*/ 34 h 110"/>
                  <a:gd name="T30" fmla="*/ 61 w 85"/>
                  <a:gd name="T31" fmla="*/ 47 h 110"/>
                  <a:gd name="T32" fmla="*/ 65 w 85"/>
                  <a:gd name="T33" fmla="*/ 60 h 110"/>
                  <a:gd name="T34" fmla="*/ 63 w 85"/>
                  <a:gd name="T35" fmla="*/ 62 h 110"/>
                  <a:gd name="T36" fmla="*/ 54 w 85"/>
                  <a:gd name="T37" fmla="*/ 63 h 110"/>
                  <a:gd name="T38" fmla="*/ 50 w 85"/>
                  <a:gd name="T39" fmla="*/ 80 h 110"/>
                  <a:gd name="T40" fmla="*/ 43 w 85"/>
                  <a:gd name="T41" fmla="*/ 97 h 110"/>
                  <a:gd name="T42" fmla="*/ 35 w 85"/>
                  <a:gd name="T43" fmla="*/ 110 h 110"/>
                  <a:gd name="T44" fmla="*/ 30 w 85"/>
                  <a:gd name="T45" fmla="*/ 110 h 110"/>
                  <a:gd name="T46" fmla="*/ 24 w 85"/>
                  <a:gd name="T47" fmla="*/ 104 h 110"/>
                  <a:gd name="T48" fmla="*/ 23 w 85"/>
                  <a:gd name="T49" fmla="*/ 91 h 110"/>
                  <a:gd name="T50" fmla="*/ 13 w 85"/>
                  <a:gd name="T51" fmla="*/ 76 h 110"/>
                  <a:gd name="T52" fmla="*/ 13 w 85"/>
                  <a:gd name="T53" fmla="*/ 73 h 110"/>
                  <a:gd name="T54" fmla="*/ 15 w 85"/>
                  <a:gd name="T55" fmla="*/ 73 h 110"/>
                  <a:gd name="T56" fmla="*/ 15 w 85"/>
                  <a:gd name="T57" fmla="*/ 73 h 110"/>
                  <a:gd name="T58" fmla="*/ 15 w 85"/>
                  <a:gd name="T59" fmla="*/ 73 h 110"/>
                  <a:gd name="T60" fmla="*/ 17 w 85"/>
                  <a:gd name="T61" fmla="*/ 73 h 110"/>
                  <a:gd name="T62" fmla="*/ 19 w 85"/>
                  <a:gd name="T63" fmla="*/ 69 h 110"/>
                  <a:gd name="T64" fmla="*/ 19 w 85"/>
                  <a:gd name="T65" fmla="*/ 67 h 110"/>
                  <a:gd name="T66" fmla="*/ 19 w 85"/>
                  <a:gd name="T67" fmla="*/ 65 h 110"/>
                  <a:gd name="T68" fmla="*/ 15 w 85"/>
                  <a:gd name="T69" fmla="*/ 65 h 110"/>
                  <a:gd name="T70" fmla="*/ 13 w 85"/>
                  <a:gd name="T71" fmla="*/ 65 h 110"/>
                  <a:gd name="T72" fmla="*/ 10 w 85"/>
                  <a:gd name="T73" fmla="*/ 65 h 110"/>
                  <a:gd name="T74" fmla="*/ 8 w 85"/>
                  <a:gd name="T75" fmla="*/ 65 h 110"/>
                  <a:gd name="T76" fmla="*/ 2 w 85"/>
                  <a:gd name="T77" fmla="*/ 63 h 110"/>
                  <a:gd name="T78" fmla="*/ 2 w 85"/>
                  <a:gd name="T79" fmla="*/ 63 h 110"/>
                  <a:gd name="T80" fmla="*/ 4 w 85"/>
                  <a:gd name="T81" fmla="*/ 60 h 110"/>
                  <a:gd name="T82" fmla="*/ 6 w 85"/>
                  <a:gd name="T83" fmla="*/ 60 h 110"/>
                  <a:gd name="T84" fmla="*/ 8 w 85"/>
                  <a:gd name="T85" fmla="*/ 60 h 110"/>
                  <a:gd name="T86" fmla="*/ 8 w 85"/>
                  <a:gd name="T87" fmla="*/ 58 h 110"/>
                  <a:gd name="T88" fmla="*/ 6 w 85"/>
                  <a:gd name="T89" fmla="*/ 56 h 110"/>
                  <a:gd name="T90" fmla="*/ 4 w 85"/>
                  <a:gd name="T91" fmla="*/ 56 h 110"/>
                  <a:gd name="T92" fmla="*/ 4 w 85"/>
                  <a:gd name="T93" fmla="*/ 56 h 110"/>
                  <a:gd name="T94" fmla="*/ 4 w 85"/>
                  <a:gd name="T95" fmla="*/ 52 h 110"/>
                  <a:gd name="T96" fmla="*/ 2 w 85"/>
                  <a:gd name="T97" fmla="*/ 52 h 110"/>
                  <a:gd name="T98" fmla="*/ 2 w 85"/>
                  <a:gd name="T99" fmla="*/ 52 h 110"/>
                  <a:gd name="T100" fmla="*/ 0 w 85"/>
                  <a:gd name="T101" fmla="*/ 49 h 110"/>
                  <a:gd name="T102" fmla="*/ 4 w 85"/>
                  <a:gd name="T103" fmla="*/ 49 h 110"/>
                  <a:gd name="T104" fmla="*/ 4 w 85"/>
                  <a:gd name="T105" fmla="*/ 45 h 110"/>
                  <a:gd name="T106" fmla="*/ 4 w 85"/>
                  <a:gd name="T107" fmla="*/ 45 h 110"/>
                  <a:gd name="T108" fmla="*/ 4 w 85"/>
                  <a:gd name="T109" fmla="*/ 39 h 110"/>
                  <a:gd name="T110" fmla="*/ 10 w 85"/>
                  <a:gd name="T111" fmla="*/ 36 h 110"/>
                  <a:gd name="T112" fmla="*/ 15 w 85"/>
                  <a:gd name="T113" fmla="*/ 30 h 110"/>
                  <a:gd name="T114" fmla="*/ 23 w 85"/>
                  <a:gd name="T115" fmla="*/ 28 h 110"/>
                  <a:gd name="T116" fmla="*/ 30 w 85"/>
                  <a:gd name="T117" fmla="*/ 26 h 110"/>
                  <a:gd name="T118" fmla="*/ 30 w 85"/>
                  <a:gd name="T119" fmla="*/ 25 h 110"/>
                  <a:gd name="T120" fmla="*/ 30 w 85"/>
                  <a:gd name="T121" fmla="*/ 19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85" h="110">
                    <a:moveTo>
                      <a:pt x="32" y="19"/>
                    </a:moveTo>
                    <a:lnTo>
                      <a:pt x="32" y="19"/>
                    </a:lnTo>
                    <a:lnTo>
                      <a:pt x="32" y="19"/>
                    </a:lnTo>
                    <a:lnTo>
                      <a:pt x="32" y="17"/>
                    </a:lnTo>
                    <a:lnTo>
                      <a:pt x="32" y="17"/>
                    </a:lnTo>
                    <a:lnTo>
                      <a:pt x="34" y="17"/>
                    </a:lnTo>
                    <a:lnTo>
                      <a:pt x="34" y="17"/>
                    </a:lnTo>
                    <a:lnTo>
                      <a:pt x="35" y="15"/>
                    </a:lnTo>
                    <a:lnTo>
                      <a:pt x="35" y="15"/>
                    </a:lnTo>
                    <a:lnTo>
                      <a:pt x="37" y="15"/>
                    </a:lnTo>
                    <a:lnTo>
                      <a:pt x="37" y="15"/>
                    </a:lnTo>
                    <a:lnTo>
                      <a:pt x="39" y="15"/>
                    </a:lnTo>
                    <a:lnTo>
                      <a:pt x="41" y="13"/>
                    </a:lnTo>
                    <a:lnTo>
                      <a:pt x="41" y="15"/>
                    </a:lnTo>
                    <a:lnTo>
                      <a:pt x="43" y="17"/>
                    </a:lnTo>
                    <a:lnTo>
                      <a:pt x="45" y="17"/>
                    </a:lnTo>
                    <a:lnTo>
                      <a:pt x="45" y="19"/>
                    </a:lnTo>
                    <a:lnTo>
                      <a:pt x="47" y="17"/>
                    </a:lnTo>
                    <a:lnTo>
                      <a:pt x="48" y="17"/>
                    </a:lnTo>
                    <a:lnTo>
                      <a:pt x="50" y="17"/>
                    </a:lnTo>
                    <a:lnTo>
                      <a:pt x="52" y="17"/>
                    </a:lnTo>
                    <a:lnTo>
                      <a:pt x="52" y="17"/>
                    </a:lnTo>
                    <a:lnTo>
                      <a:pt x="52" y="17"/>
                    </a:lnTo>
                    <a:lnTo>
                      <a:pt x="56" y="19"/>
                    </a:lnTo>
                    <a:lnTo>
                      <a:pt x="56" y="23"/>
                    </a:lnTo>
                    <a:lnTo>
                      <a:pt x="60" y="19"/>
                    </a:lnTo>
                    <a:lnTo>
                      <a:pt x="61" y="19"/>
                    </a:lnTo>
                    <a:lnTo>
                      <a:pt x="63" y="21"/>
                    </a:lnTo>
                    <a:lnTo>
                      <a:pt x="65" y="21"/>
                    </a:lnTo>
                    <a:lnTo>
                      <a:pt x="67" y="21"/>
                    </a:lnTo>
                    <a:lnTo>
                      <a:pt x="69" y="19"/>
                    </a:lnTo>
                    <a:lnTo>
                      <a:pt x="69" y="17"/>
                    </a:lnTo>
                    <a:lnTo>
                      <a:pt x="69" y="13"/>
                    </a:lnTo>
                    <a:lnTo>
                      <a:pt x="71" y="12"/>
                    </a:lnTo>
                    <a:lnTo>
                      <a:pt x="72" y="12"/>
                    </a:lnTo>
                    <a:lnTo>
                      <a:pt x="72" y="10"/>
                    </a:lnTo>
                    <a:lnTo>
                      <a:pt x="74" y="10"/>
                    </a:lnTo>
                    <a:lnTo>
                      <a:pt x="76" y="10"/>
                    </a:lnTo>
                    <a:lnTo>
                      <a:pt x="78" y="10"/>
                    </a:lnTo>
                    <a:lnTo>
                      <a:pt x="80" y="8"/>
                    </a:lnTo>
                    <a:lnTo>
                      <a:pt x="80" y="6"/>
                    </a:lnTo>
                    <a:lnTo>
                      <a:pt x="80" y="4"/>
                    </a:lnTo>
                    <a:lnTo>
                      <a:pt x="80" y="4"/>
                    </a:lnTo>
                    <a:lnTo>
                      <a:pt x="80" y="2"/>
                    </a:lnTo>
                    <a:lnTo>
                      <a:pt x="82" y="0"/>
                    </a:lnTo>
                    <a:lnTo>
                      <a:pt x="82" y="0"/>
                    </a:lnTo>
                    <a:lnTo>
                      <a:pt x="84" y="0"/>
                    </a:lnTo>
                    <a:lnTo>
                      <a:pt x="85" y="0"/>
                    </a:lnTo>
                    <a:lnTo>
                      <a:pt x="85" y="2"/>
                    </a:lnTo>
                    <a:lnTo>
                      <a:pt x="85" y="2"/>
                    </a:lnTo>
                    <a:lnTo>
                      <a:pt x="84" y="2"/>
                    </a:lnTo>
                    <a:lnTo>
                      <a:pt x="84" y="10"/>
                    </a:lnTo>
                    <a:lnTo>
                      <a:pt x="84" y="10"/>
                    </a:lnTo>
                    <a:lnTo>
                      <a:pt x="84" y="10"/>
                    </a:lnTo>
                    <a:lnTo>
                      <a:pt x="84" y="10"/>
                    </a:lnTo>
                    <a:lnTo>
                      <a:pt x="84" y="10"/>
                    </a:lnTo>
                    <a:lnTo>
                      <a:pt x="84" y="10"/>
                    </a:lnTo>
                    <a:lnTo>
                      <a:pt x="84" y="12"/>
                    </a:lnTo>
                    <a:lnTo>
                      <a:pt x="84" y="12"/>
                    </a:lnTo>
                    <a:lnTo>
                      <a:pt x="84" y="12"/>
                    </a:lnTo>
                    <a:lnTo>
                      <a:pt x="84" y="12"/>
                    </a:lnTo>
                    <a:lnTo>
                      <a:pt x="84" y="12"/>
                    </a:lnTo>
                    <a:lnTo>
                      <a:pt x="84" y="12"/>
                    </a:lnTo>
                    <a:lnTo>
                      <a:pt x="84" y="13"/>
                    </a:lnTo>
                    <a:lnTo>
                      <a:pt x="84" y="15"/>
                    </a:lnTo>
                    <a:lnTo>
                      <a:pt x="84" y="15"/>
                    </a:lnTo>
                    <a:lnTo>
                      <a:pt x="84" y="15"/>
                    </a:lnTo>
                    <a:lnTo>
                      <a:pt x="84" y="15"/>
                    </a:lnTo>
                    <a:lnTo>
                      <a:pt x="84" y="15"/>
                    </a:lnTo>
                    <a:lnTo>
                      <a:pt x="85" y="17"/>
                    </a:lnTo>
                    <a:lnTo>
                      <a:pt x="84" y="17"/>
                    </a:lnTo>
                    <a:lnTo>
                      <a:pt x="84" y="17"/>
                    </a:lnTo>
                    <a:lnTo>
                      <a:pt x="84" y="17"/>
                    </a:lnTo>
                    <a:lnTo>
                      <a:pt x="84" y="19"/>
                    </a:lnTo>
                    <a:lnTo>
                      <a:pt x="84" y="19"/>
                    </a:lnTo>
                    <a:lnTo>
                      <a:pt x="84" y="19"/>
                    </a:lnTo>
                    <a:lnTo>
                      <a:pt x="84" y="19"/>
                    </a:lnTo>
                    <a:lnTo>
                      <a:pt x="84" y="19"/>
                    </a:lnTo>
                    <a:lnTo>
                      <a:pt x="84" y="19"/>
                    </a:lnTo>
                    <a:lnTo>
                      <a:pt x="84" y="19"/>
                    </a:lnTo>
                    <a:lnTo>
                      <a:pt x="84" y="21"/>
                    </a:lnTo>
                    <a:lnTo>
                      <a:pt x="82" y="21"/>
                    </a:lnTo>
                    <a:lnTo>
                      <a:pt x="82" y="21"/>
                    </a:lnTo>
                    <a:lnTo>
                      <a:pt x="80" y="23"/>
                    </a:lnTo>
                    <a:lnTo>
                      <a:pt x="74" y="25"/>
                    </a:lnTo>
                    <a:lnTo>
                      <a:pt x="72" y="25"/>
                    </a:lnTo>
                    <a:lnTo>
                      <a:pt x="69" y="26"/>
                    </a:lnTo>
                    <a:lnTo>
                      <a:pt x="65" y="28"/>
                    </a:lnTo>
                    <a:lnTo>
                      <a:pt x="65" y="30"/>
                    </a:lnTo>
                    <a:lnTo>
                      <a:pt x="63" y="34"/>
                    </a:lnTo>
                    <a:lnTo>
                      <a:pt x="61" y="37"/>
                    </a:lnTo>
                    <a:lnTo>
                      <a:pt x="61" y="37"/>
                    </a:lnTo>
                    <a:lnTo>
                      <a:pt x="60" y="41"/>
                    </a:lnTo>
                    <a:lnTo>
                      <a:pt x="60" y="41"/>
                    </a:lnTo>
                    <a:lnTo>
                      <a:pt x="60" y="45"/>
                    </a:lnTo>
                    <a:lnTo>
                      <a:pt x="61" y="47"/>
                    </a:lnTo>
                    <a:lnTo>
                      <a:pt x="61" y="50"/>
                    </a:lnTo>
                    <a:lnTo>
                      <a:pt x="61" y="52"/>
                    </a:lnTo>
                    <a:lnTo>
                      <a:pt x="65" y="56"/>
                    </a:lnTo>
                    <a:lnTo>
                      <a:pt x="65" y="58"/>
                    </a:lnTo>
                    <a:lnTo>
                      <a:pt x="65" y="58"/>
                    </a:lnTo>
                    <a:lnTo>
                      <a:pt x="65" y="60"/>
                    </a:lnTo>
                    <a:lnTo>
                      <a:pt x="65" y="60"/>
                    </a:lnTo>
                    <a:lnTo>
                      <a:pt x="65" y="60"/>
                    </a:lnTo>
                    <a:lnTo>
                      <a:pt x="63" y="60"/>
                    </a:lnTo>
                    <a:lnTo>
                      <a:pt x="63" y="62"/>
                    </a:lnTo>
                    <a:lnTo>
                      <a:pt x="63" y="62"/>
                    </a:lnTo>
                    <a:lnTo>
                      <a:pt x="63" y="62"/>
                    </a:lnTo>
                    <a:lnTo>
                      <a:pt x="63" y="62"/>
                    </a:lnTo>
                    <a:lnTo>
                      <a:pt x="61" y="62"/>
                    </a:lnTo>
                    <a:lnTo>
                      <a:pt x="58" y="62"/>
                    </a:lnTo>
                    <a:lnTo>
                      <a:pt x="56" y="63"/>
                    </a:lnTo>
                    <a:lnTo>
                      <a:pt x="56" y="63"/>
                    </a:lnTo>
                    <a:lnTo>
                      <a:pt x="54" y="63"/>
                    </a:lnTo>
                    <a:lnTo>
                      <a:pt x="54" y="65"/>
                    </a:lnTo>
                    <a:lnTo>
                      <a:pt x="52" y="67"/>
                    </a:lnTo>
                    <a:lnTo>
                      <a:pt x="52" y="69"/>
                    </a:lnTo>
                    <a:lnTo>
                      <a:pt x="50" y="73"/>
                    </a:lnTo>
                    <a:lnTo>
                      <a:pt x="50" y="74"/>
                    </a:lnTo>
                    <a:lnTo>
                      <a:pt x="50" y="80"/>
                    </a:lnTo>
                    <a:lnTo>
                      <a:pt x="50" y="82"/>
                    </a:lnTo>
                    <a:lnTo>
                      <a:pt x="48" y="87"/>
                    </a:lnTo>
                    <a:lnTo>
                      <a:pt x="48" y="89"/>
                    </a:lnTo>
                    <a:lnTo>
                      <a:pt x="47" y="91"/>
                    </a:lnTo>
                    <a:lnTo>
                      <a:pt x="45" y="95"/>
                    </a:lnTo>
                    <a:lnTo>
                      <a:pt x="43" y="97"/>
                    </a:lnTo>
                    <a:lnTo>
                      <a:pt x="41" y="100"/>
                    </a:lnTo>
                    <a:lnTo>
                      <a:pt x="39" y="104"/>
                    </a:lnTo>
                    <a:lnTo>
                      <a:pt x="37" y="106"/>
                    </a:lnTo>
                    <a:lnTo>
                      <a:pt x="37" y="108"/>
                    </a:lnTo>
                    <a:lnTo>
                      <a:pt x="35" y="110"/>
                    </a:lnTo>
                    <a:lnTo>
                      <a:pt x="35" y="110"/>
                    </a:lnTo>
                    <a:lnTo>
                      <a:pt x="34" y="110"/>
                    </a:lnTo>
                    <a:lnTo>
                      <a:pt x="34" y="110"/>
                    </a:lnTo>
                    <a:lnTo>
                      <a:pt x="32" y="110"/>
                    </a:lnTo>
                    <a:lnTo>
                      <a:pt x="32" y="110"/>
                    </a:lnTo>
                    <a:lnTo>
                      <a:pt x="32" y="110"/>
                    </a:lnTo>
                    <a:lnTo>
                      <a:pt x="30" y="110"/>
                    </a:lnTo>
                    <a:lnTo>
                      <a:pt x="30" y="110"/>
                    </a:lnTo>
                    <a:lnTo>
                      <a:pt x="30" y="110"/>
                    </a:lnTo>
                    <a:lnTo>
                      <a:pt x="30" y="110"/>
                    </a:lnTo>
                    <a:lnTo>
                      <a:pt x="30" y="110"/>
                    </a:lnTo>
                    <a:lnTo>
                      <a:pt x="26" y="104"/>
                    </a:lnTo>
                    <a:lnTo>
                      <a:pt x="24" y="104"/>
                    </a:lnTo>
                    <a:lnTo>
                      <a:pt x="24" y="102"/>
                    </a:lnTo>
                    <a:lnTo>
                      <a:pt x="24" y="100"/>
                    </a:lnTo>
                    <a:lnTo>
                      <a:pt x="24" y="100"/>
                    </a:lnTo>
                    <a:lnTo>
                      <a:pt x="24" y="99"/>
                    </a:lnTo>
                    <a:lnTo>
                      <a:pt x="24" y="95"/>
                    </a:lnTo>
                    <a:lnTo>
                      <a:pt x="23" y="91"/>
                    </a:lnTo>
                    <a:lnTo>
                      <a:pt x="23" y="89"/>
                    </a:lnTo>
                    <a:lnTo>
                      <a:pt x="21" y="87"/>
                    </a:lnTo>
                    <a:lnTo>
                      <a:pt x="21" y="86"/>
                    </a:lnTo>
                    <a:lnTo>
                      <a:pt x="19" y="82"/>
                    </a:lnTo>
                    <a:lnTo>
                      <a:pt x="17" y="78"/>
                    </a:lnTo>
                    <a:lnTo>
                      <a:pt x="13" y="76"/>
                    </a:lnTo>
                    <a:lnTo>
                      <a:pt x="11" y="74"/>
                    </a:lnTo>
                    <a:lnTo>
                      <a:pt x="13" y="74"/>
                    </a:lnTo>
                    <a:lnTo>
                      <a:pt x="13" y="74"/>
                    </a:lnTo>
                    <a:lnTo>
                      <a:pt x="13" y="73"/>
                    </a:lnTo>
                    <a:lnTo>
                      <a:pt x="13" y="73"/>
                    </a:lnTo>
                    <a:lnTo>
                      <a:pt x="13" y="73"/>
                    </a:lnTo>
                    <a:lnTo>
                      <a:pt x="13" y="73"/>
                    </a:lnTo>
                    <a:lnTo>
                      <a:pt x="13" y="73"/>
                    </a:lnTo>
                    <a:lnTo>
                      <a:pt x="13" y="73"/>
                    </a:lnTo>
                    <a:lnTo>
                      <a:pt x="13" y="73"/>
                    </a:lnTo>
                    <a:lnTo>
                      <a:pt x="13" y="73"/>
                    </a:lnTo>
                    <a:lnTo>
                      <a:pt x="15" y="73"/>
                    </a:lnTo>
                    <a:lnTo>
                      <a:pt x="15" y="73"/>
                    </a:lnTo>
                    <a:lnTo>
                      <a:pt x="15" y="73"/>
                    </a:lnTo>
                    <a:lnTo>
                      <a:pt x="15" y="73"/>
                    </a:lnTo>
                    <a:lnTo>
                      <a:pt x="15" y="73"/>
                    </a:lnTo>
                    <a:lnTo>
                      <a:pt x="15" y="73"/>
                    </a:lnTo>
                    <a:lnTo>
                      <a:pt x="15" y="73"/>
                    </a:lnTo>
                    <a:lnTo>
                      <a:pt x="15" y="73"/>
                    </a:lnTo>
                    <a:lnTo>
                      <a:pt x="15" y="73"/>
                    </a:lnTo>
                    <a:lnTo>
                      <a:pt x="15" y="73"/>
                    </a:lnTo>
                    <a:lnTo>
                      <a:pt x="15" y="73"/>
                    </a:lnTo>
                    <a:lnTo>
                      <a:pt x="15" y="73"/>
                    </a:lnTo>
                    <a:lnTo>
                      <a:pt x="15" y="73"/>
                    </a:lnTo>
                    <a:lnTo>
                      <a:pt x="17" y="73"/>
                    </a:lnTo>
                    <a:lnTo>
                      <a:pt x="17" y="73"/>
                    </a:lnTo>
                    <a:lnTo>
                      <a:pt x="17" y="73"/>
                    </a:lnTo>
                    <a:lnTo>
                      <a:pt x="17" y="73"/>
                    </a:lnTo>
                    <a:lnTo>
                      <a:pt x="17" y="73"/>
                    </a:lnTo>
                    <a:lnTo>
                      <a:pt x="17" y="73"/>
                    </a:lnTo>
                    <a:lnTo>
                      <a:pt x="17" y="73"/>
                    </a:lnTo>
                    <a:lnTo>
                      <a:pt x="17" y="73"/>
                    </a:lnTo>
                    <a:lnTo>
                      <a:pt x="17" y="73"/>
                    </a:lnTo>
                    <a:lnTo>
                      <a:pt x="19" y="73"/>
                    </a:lnTo>
                    <a:lnTo>
                      <a:pt x="19" y="71"/>
                    </a:lnTo>
                    <a:lnTo>
                      <a:pt x="19" y="69"/>
                    </a:lnTo>
                    <a:lnTo>
                      <a:pt x="19" y="69"/>
                    </a:lnTo>
                    <a:lnTo>
                      <a:pt x="19" y="69"/>
                    </a:lnTo>
                    <a:lnTo>
                      <a:pt x="19" y="69"/>
                    </a:lnTo>
                    <a:lnTo>
                      <a:pt x="17" y="69"/>
                    </a:lnTo>
                    <a:lnTo>
                      <a:pt x="17" y="67"/>
                    </a:lnTo>
                    <a:lnTo>
                      <a:pt x="19" y="67"/>
                    </a:lnTo>
                    <a:lnTo>
                      <a:pt x="19" y="67"/>
                    </a:lnTo>
                    <a:lnTo>
                      <a:pt x="19" y="67"/>
                    </a:lnTo>
                    <a:lnTo>
                      <a:pt x="19" y="67"/>
                    </a:lnTo>
                    <a:lnTo>
                      <a:pt x="19" y="67"/>
                    </a:lnTo>
                    <a:lnTo>
                      <a:pt x="19" y="67"/>
                    </a:lnTo>
                    <a:lnTo>
                      <a:pt x="19" y="65"/>
                    </a:lnTo>
                    <a:lnTo>
                      <a:pt x="19" y="65"/>
                    </a:lnTo>
                    <a:lnTo>
                      <a:pt x="17" y="65"/>
                    </a:lnTo>
                    <a:lnTo>
                      <a:pt x="17" y="65"/>
                    </a:lnTo>
                    <a:lnTo>
                      <a:pt x="15" y="65"/>
                    </a:lnTo>
                    <a:lnTo>
                      <a:pt x="15" y="65"/>
                    </a:lnTo>
                    <a:lnTo>
                      <a:pt x="15" y="65"/>
                    </a:lnTo>
                    <a:lnTo>
                      <a:pt x="15" y="65"/>
                    </a:lnTo>
                    <a:lnTo>
                      <a:pt x="15" y="65"/>
                    </a:lnTo>
                    <a:lnTo>
                      <a:pt x="15" y="65"/>
                    </a:lnTo>
                    <a:lnTo>
                      <a:pt x="13" y="65"/>
                    </a:lnTo>
                    <a:lnTo>
                      <a:pt x="13" y="65"/>
                    </a:lnTo>
                    <a:lnTo>
                      <a:pt x="13" y="65"/>
                    </a:lnTo>
                    <a:lnTo>
                      <a:pt x="13" y="65"/>
                    </a:lnTo>
                    <a:lnTo>
                      <a:pt x="13" y="65"/>
                    </a:lnTo>
                    <a:lnTo>
                      <a:pt x="13" y="65"/>
                    </a:lnTo>
                    <a:lnTo>
                      <a:pt x="11" y="65"/>
                    </a:lnTo>
                    <a:lnTo>
                      <a:pt x="10" y="65"/>
                    </a:lnTo>
                    <a:lnTo>
                      <a:pt x="10" y="65"/>
                    </a:lnTo>
                    <a:lnTo>
                      <a:pt x="10" y="65"/>
                    </a:lnTo>
                    <a:lnTo>
                      <a:pt x="10" y="65"/>
                    </a:lnTo>
                    <a:lnTo>
                      <a:pt x="8" y="65"/>
                    </a:lnTo>
                    <a:lnTo>
                      <a:pt x="8" y="65"/>
                    </a:lnTo>
                    <a:lnTo>
                      <a:pt x="8" y="65"/>
                    </a:lnTo>
                    <a:lnTo>
                      <a:pt x="8" y="65"/>
                    </a:lnTo>
                    <a:lnTo>
                      <a:pt x="8" y="65"/>
                    </a:lnTo>
                    <a:lnTo>
                      <a:pt x="4" y="65"/>
                    </a:lnTo>
                    <a:lnTo>
                      <a:pt x="4" y="65"/>
                    </a:lnTo>
                    <a:lnTo>
                      <a:pt x="4" y="65"/>
                    </a:lnTo>
                    <a:lnTo>
                      <a:pt x="4" y="63"/>
                    </a:lnTo>
                    <a:lnTo>
                      <a:pt x="2" y="63"/>
                    </a:lnTo>
                    <a:lnTo>
                      <a:pt x="2" y="63"/>
                    </a:lnTo>
                    <a:lnTo>
                      <a:pt x="2" y="63"/>
                    </a:lnTo>
                    <a:lnTo>
                      <a:pt x="2" y="63"/>
                    </a:lnTo>
                    <a:lnTo>
                      <a:pt x="2" y="63"/>
                    </a:lnTo>
                    <a:lnTo>
                      <a:pt x="2" y="63"/>
                    </a:lnTo>
                    <a:lnTo>
                      <a:pt x="2" y="63"/>
                    </a:lnTo>
                    <a:lnTo>
                      <a:pt x="4" y="62"/>
                    </a:lnTo>
                    <a:lnTo>
                      <a:pt x="4" y="62"/>
                    </a:lnTo>
                    <a:lnTo>
                      <a:pt x="6" y="62"/>
                    </a:lnTo>
                    <a:lnTo>
                      <a:pt x="4" y="60"/>
                    </a:lnTo>
                    <a:lnTo>
                      <a:pt x="4" y="60"/>
                    </a:lnTo>
                    <a:lnTo>
                      <a:pt x="4" y="60"/>
                    </a:lnTo>
                    <a:lnTo>
                      <a:pt x="4" y="60"/>
                    </a:lnTo>
                    <a:lnTo>
                      <a:pt x="6" y="60"/>
                    </a:lnTo>
                    <a:lnTo>
                      <a:pt x="6" y="60"/>
                    </a:lnTo>
                    <a:lnTo>
                      <a:pt x="6" y="60"/>
                    </a:lnTo>
                    <a:lnTo>
                      <a:pt x="6" y="60"/>
                    </a:lnTo>
                    <a:lnTo>
                      <a:pt x="6" y="60"/>
                    </a:lnTo>
                    <a:lnTo>
                      <a:pt x="6" y="58"/>
                    </a:lnTo>
                    <a:lnTo>
                      <a:pt x="6" y="58"/>
                    </a:lnTo>
                    <a:lnTo>
                      <a:pt x="6" y="58"/>
                    </a:lnTo>
                    <a:lnTo>
                      <a:pt x="6" y="58"/>
                    </a:lnTo>
                    <a:lnTo>
                      <a:pt x="8" y="58"/>
                    </a:lnTo>
                    <a:lnTo>
                      <a:pt x="8" y="60"/>
                    </a:lnTo>
                    <a:lnTo>
                      <a:pt x="10" y="60"/>
                    </a:lnTo>
                    <a:lnTo>
                      <a:pt x="10" y="58"/>
                    </a:lnTo>
                    <a:lnTo>
                      <a:pt x="10" y="58"/>
                    </a:lnTo>
                    <a:lnTo>
                      <a:pt x="10" y="58"/>
                    </a:lnTo>
                    <a:lnTo>
                      <a:pt x="8" y="58"/>
                    </a:lnTo>
                    <a:lnTo>
                      <a:pt x="8" y="58"/>
                    </a:lnTo>
                    <a:lnTo>
                      <a:pt x="8" y="56"/>
                    </a:lnTo>
                    <a:lnTo>
                      <a:pt x="6" y="56"/>
                    </a:lnTo>
                    <a:lnTo>
                      <a:pt x="6" y="56"/>
                    </a:lnTo>
                    <a:lnTo>
                      <a:pt x="6" y="56"/>
                    </a:lnTo>
                    <a:lnTo>
                      <a:pt x="6" y="56"/>
                    </a:lnTo>
                    <a:lnTo>
                      <a:pt x="6" y="56"/>
                    </a:lnTo>
                    <a:lnTo>
                      <a:pt x="4" y="56"/>
                    </a:lnTo>
                    <a:lnTo>
                      <a:pt x="4" y="56"/>
                    </a:lnTo>
                    <a:lnTo>
                      <a:pt x="4" y="56"/>
                    </a:lnTo>
                    <a:lnTo>
                      <a:pt x="4" y="56"/>
                    </a:lnTo>
                    <a:lnTo>
                      <a:pt x="4" y="56"/>
                    </a:lnTo>
                    <a:lnTo>
                      <a:pt x="4" y="56"/>
                    </a:lnTo>
                    <a:lnTo>
                      <a:pt x="4" y="56"/>
                    </a:lnTo>
                    <a:lnTo>
                      <a:pt x="4" y="56"/>
                    </a:lnTo>
                    <a:lnTo>
                      <a:pt x="4" y="56"/>
                    </a:lnTo>
                    <a:lnTo>
                      <a:pt x="4" y="56"/>
                    </a:lnTo>
                    <a:lnTo>
                      <a:pt x="4" y="56"/>
                    </a:lnTo>
                    <a:lnTo>
                      <a:pt x="4" y="56"/>
                    </a:lnTo>
                    <a:lnTo>
                      <a:pt x="4" y="56"/>
                    </a:lnTo>
                    <a:lnTo>
                      <a:pt x="4" y="56"/>
                    </a:lnTo>
                    <a:lnTo>
                      <a:pt x="4" y="54"/>
                    </a:lnTo>
                    <a:lnTo>
                      <a:pt x="4" y="52"/>
                    </a:lnTo>
                    <a:lnTo>
                      <a:pt x="4" y="52"/>
                    </a:lnTo>
                    <a:lnTo>
                      <a:pt x="4" y="52"/>
                    </a:lnTo>
                    <a:lnTo>
                      <a:pt x="4" y="52"/>
                    </a:lnTo>
                    <a:lnTo>
                      <a:pt x="4" y="52"/>
                    </a:lnTo>
                    <a:lnTo>
                      <a:pt x="2" y="52"/>
                    </a:lnTo>
                    <a:lnTo>
                      <a:pt x="2" y="52"/>
                    </a:lnTo>
                    <a:lnTo>
                      <a:pt x="2" y="52"/>
                    </a:lnTo>
                    <a:lnTo>
                      <a:pt x="2" y="52"/>
                    </a:lnTo>
                    <a:lnTo>
                      <a:pt x="2" y="52"/>
                    </a:lnTo>
                    <a:lnTo>
                      <a:pt x="2" y="52"/>
                    </a:lnTo>
                    <a:lnTo>
                      <a:pt x="2" y="52"/>
                    </a:lnTo>
                    <a:lnTo>
                      <a:pt x="2" y="52"/>
                    </a:lnTo>
                    <a:lnTo>
                      <a:pt x="2" y="52"/>
                    </a:lnTo>
                    <a:lnTo>
                      <a:pt x="2" y="52"/>
                    </a:lnTo>
                    <a:lnTo>
                      <a:pt x="2" y="52"/>
                    </a:lnTo>
                    <a:lnTo>
                      <a:pt x="2" y="52"/>
                    </a:lnTo>
                    <a:lnTo>
                      <a:pt x="2" y="50"/>
                    </a:lnTo>
                    <a:lnTo>
                      <a:pt x="2" y="50"/>
                    </a:lnTo>
                    <a:lnTo>
                      <a:pt x="0" y="50"/>
                    </a:lnTo>
                    <a:lnTo>
                      <a:pt x="0" y="49"/>
                    </a:lnTo>
                    <a:lnTo>
                      <a:pt x="0" y="49"/>
                    </a:lnTo>
                    <a:lnTo>
                      <a:pt x="0" y="49"/>
                    </a:lnTo>
                    <a:lnTo>
                      <a:pt x="0" y="49"/>
                    </a:lnTo>
                    <a:lnTo>
                      <a:pt x="2" y="49"/>
                    </a:lnTo>
                    <a:lnTo>
                      <a:pt x="2" y="49"/>
                    </a:lnTo>
                    <a:lnTo>
                      <a:pt x="4" y="49"/>
                    </a:lnTo>
                    <a:lnTo>
                      <a:pt x="4" y="49"/>
                    </a:lnTo>
                    <a:lnTo>
                      <a:pt x="4" y="47"/>
                    </a:lnTo>
                    <a:lnTo>
                      <a:pt x="4" y="47"/>
                    </a:lnTo>
                    <a:lnTo>
                      <a:pt x="4" y="47"/>
                    </a:lnTo>
                    <a:lnTo>
                      <a:pt x="4" y="45"/>
                    </a:lnTo>
                    <a:lnTo>
                      <a:pt x="4" y="45"/>
                    </a:lnTo>
                    <a:lnTo>
                      <a:pt x="4" y="45"/>
                    </a:lnTo>
                    <a:lnTo>
                      <a:pt x="4" y="45"/>
                    </a:lnTo>
                    <a:lnTo>
                      <a:pt x="4" y="45"/>
                    </a:lnTo>
                    <a:lnTo>
                      <a:pt x="4" y="45"/>
                    </a:lnTo>
                    <a:lnTo>
                      <a:pt x="4" y="45"/>
                    </a:lnTo>
                    <a:lnTo>
                      <a:pt x="4" y="45"/>
                    </a:lnTo>
                    <a:lnTo>
                      <a:pt x="4" y="43"/>
                    </a:lnTo>
                    <a:lnTo>
                      <a:pt x="4" y="43"/>
                    </a:lnTo>
                    <a:lnTo>
                      <a:pt x="2" y="39"/>
                    </a:lnTo>
                    <a:lnTo>
                      <a:pt x="4" y="39"/>
                    </a:lnTo>
                    <a:lnTo>
                      <a:pt x="4" y="39"/>
                    </a:lnTo>
                    <a:lnTo>
                      <a:pt x="4" y="39"/>
                    </a:lnTo>
                    <a:lnTo>
                      <a:pt x="4" y="39"/>
                    </a:lnTo>
                    <a:lnTo>
                      <a:pt x="6" y="39"/>
                    </a:lnTo>
                    <a:lnTo>
                      <a:pt x="6" y="37"/>
                    </a:lnTo>
                    <a:lnTo>
                      <a:pt x="8" y="37"/>
                    </a:lnTo>
                    <a:lnTo>
                      <a:pt x="8" y="36"/>
                    </a:lnTo>
                    <a:lnTo>
                      <a:pt x="10" y="36"/>
                    </a:lnTo>
                    <a:lnTo>
                      <a:pt x="10" y="34"/>
                    </a:lnTo>
                    <a:lnTo>
                      <a:pt x="10" y="34"/>
                    </a:lnTo>
                    <a:lnTo>
                      <a:pt x="11" y="34"/>
                    </a:lnTo>
                    <a:lnTo>
                      <a:pt x="13" y="32"/>
                    </a:lnTo>
                    <a:lnTo>
                      <a:pt x="15" y="32"/>
                    </a:lnTo>
                    <a:lnTo>
                      <a:pt x="15" y="30"/>
                    </a:lnTo>
                    <a:lnTo>
                      <a:pt x="17" y="30"/>
                    </a:lnTo>
                    <a:lnTo>
                      <a:pt x="19" y="28"/>
                    </a:lnTo>
                    <a:lnTo>
                      <a:pt x="19" y="28"/>
                    </a:lnTo>
                    <a:lnTo>
                      <a:pt x="19" y="28"/>
                    </a:lnTo>
                    <a:lnTo>
                      <a:pt x="21" y="28"/>
                    </a:lnTo>
                    <a:lnTo>
                      <a:pt x="23" y="28"/>
                    </a:lnTo>
                    <a:lnTo>
                      <a:pt x="23" y="28"/>
                    </a:lnTo>
                    <a:lnTo>
                      <a:pt x="24" y="28"/>
                    </a:lnTo>
                    <a:lnTo>
                      <a:pt x="26" y="28"/>
                    </a:lnTo>
                    <a:lnTo>
                      <a:pt x="26" y="26"/>
                    </a:lnTo>
                    <a:lnTo>
                      <a:pt x="28" y="26"/>
                    </a:lnTo>
                    <a:lnTo>
                      <a:pt x="30" y="26"/>
                    </a:lnTo>
                    <a:lnTo>
                      <a:pt x="30" y="25"/>
                    </a:lnTo>
                    <a:lnTo>
                      <a:pt x="30" y="26"/>
                    </a:lnTo>
                    <a:lnTo>
                      <a:pt x="30" y="25"/>
                    </a:lnTo>
                    <a:lnTo>
                      <a:pt x="30" y="25"/>
                    </a:lnTo>
                    <a:lnTo>
                      <a:pt x="30" y="25"/>
                    </a:lnTo>
                    <a:lnTo>
                      <a:pt x="30" y="25"/>
                    </a:lnTo>
                    <a:lnTo>
                      <a:pt x="30" y="21"/>
                    </a:lnTo>
                    <a:lnTo>
                      <a:pt x="30" y="21"/>
                    </a:lnTo>
                    <a:lnTo>
                      <a:pt x="30" y="21"/>
                    </a:lnTo>
                    <a:lnTo>
                      <a:pt x="30" y="19"/>
                    </a:lnTo>
                    <a:lnTo>
                      <a:pt x="30" y="19"/>
                    </a:lnTo>
                    <a:lnTo>
                      <a:pt x="30" y="19"/>
                    </a:lnTo>
                    <a:lnTo>
                      <a:pt x="32" y="19"/>
                    </a:lnTo>
                    <a:lnTo>
                      <a:pt x="32" y="17"/>
                    </a:lnTo>
                    <a:lnTo>
                      <a:pt x="32" y="19"/>
                    </a:lnTo>
                    <a:close/>
                  </a:path>
                </a:pathLst>
              </a:custGeom>
              <a:solidFill>
                <a:srgbClr val="800080">
                  <a:alpha val="50196"/>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49" name="Freeform 198"/>
              <p:cNvSpPr>
                <a:spLocks/>
              </p:cNvSpPr>
              <p:nvPr/>
            </p:nvSpPr>
            <p:spPr bwMode="auto">
              <a:xfrm>
                <a:off x="6467475" y="217487"/>
                <a:ext cx="733425" cy="552450"/>
              </a:xfrm>
              <a:custGeom>
                <a:avLst/>
                <a:gdLst>
                  <a:gd name="T0" fmla="*/ 189 w 462"/>
                  <a:gd name="T1" fmla="*/ 55 h 348"/>
                  <a:gd name="T2" fmla="*/ 216 w 462"/>
                  <a:gd name="T3" fmla="*/ 61 h 348"/>
                  <a:gd name="T4" fmla="*/ 233 w 462"/>
                  <a:gd name="T5" fmla="*/ 48 h 348"/>
                  <a:gd name="T6" fmla="*/ 215 w 462"/>
                  <a:gd name="T7" fmla="*/ 28 h 348"/>
                  <a:gd name="T8" fmla="*/ 228 w 462"/>
                  <a:gd name="T9" fmla="*/ 4 h 348"/>
                  <a:gd name="T10" fmla="*/ 253 w 462"/>
                  <a:gd name="T11" fmla="*/ 17 h 348"/>
                  <a:gd name="T12" fmla="*/ 290 w 462"/>
                  <a:gd name="T13" fmla="*/ 18 h 348"/>
                  <a:gd name="T14" fmla="*/ 289 w 462"/>
                  <a:gd name="T15" fmla="*/ 44 h 348"/>
                  <a:gd name="T16" fmla="*/ 298 w 462"/>
                  <a:gd name="T17" fmla="*/ 67 h 348"/>
                  <a:gd name="T18" fmla="*/ 307 w 462"/>
                  <a:gd name="T19" fmla="*/ 100 h 348"/>
                  <a:gd name="T20" fmla="*/ 331 w 462"/>
                  <a:gd name="T21" fmla="*/ 83 h 348"/>
                  <a:gd name="T22" fmla="*/ 333 w 462"/>
                  <a:gd name="T23" fmla="*/ 65 h 348"/>
                  <a:gd name="T24" fmla="*/ 331 w 462"/>
                  <a:gd name="T25" fmla="*/ 30 h 348"/>
                  <a:gd name="T26" fmla="*/ 348 w 462"/>
                  <a:gd name="T27" fmla="*/ 20 h 348"/>
                  <a:gd name="T28" fmla="*/ 363 w 462"/>
                  <a:gd name="T29" fmla="*/ 41 h 348"/>
                  <a:gd name="T30" fmla="*/ 381 w 462"/>
                  <a:gd name="T31" fmla="*/ 57 h 348"/>
                  <a:gd name="T32" fmla="*/ 385 w 462"/>
                  <a:gd name="T33" fmla="*/ 83 h 348"/>
                  <a:gd name="T34" fmla="*/ 401 w 462"/>
                  <a:gd name="T35" fmla="*/ 104 h 348"/>
                  <a:gd name="T36" fmla="*/ 431 w 462"/>
                  <a:gd name="T37" fmla="*/ 87 h 348"/>
                  <a:gd name="T38" fmla="*/ 457 w 462"/>
                  <a:gd name="T39" fmla="*/ 109 h 348"/>
                  <a:gd name="T40" fmla="*/ 442 w 462"/>
                  <a:gd name="T41" fmla="*/ 126 h 348"/>
                  <a:gd name="T42" fmla="*/ 422 w 462"/>
                  <a:gd name="T43" fmla="*/ 155 h 348"/>
                  <a:gd name="T44" fmla="*/ 440 w 462"/>
                  <a:gd name="T45" fmla="*/ 174 h 348"/>
                  <a:gd name="T46" fmla="*/ 451 w 462"/>
                  <a:gd name="T47" fmla="*/ 194 h 348"/>
                  <a:gd name="T48" fmla="*/ 444 w 462"/>
                  <a:gd name="T49" fmla="*/ 229 h 348"/>
                  <a:gd name="T50" fmla="*/ 424 w 462"/>
                  <a:gd name="T51" fmla="*/ 218 h 348"/>
                  <a:gd name="T52" fmla="*/ 411 w 462"/>
                  <a:gd name="T53" fmla="*/ 189 h 348"/>
                  <a:gd name="T54" fmla="*/ 388 w 462"/>
                  <a:gd name="T55" fmla="*/ 202 h 348"/>
                  <a:gd name="T56" fmla="*/ 364 w 462"/>
                  <a:gd name="T57" fmla="*/ 196 h 348"/>
                  <a:gd name="T58" fmla="*/ 374 w 462"/>
                  <a:gd name="T59" fmla="*/ 218 h 348"/>
                  <a:gd name="T60" fmla="*/ 353 w 462"/>
                  <a:gd name="T61" fmla="*/ 237 h 348"/>
                  <a:gd name="T62" fmla="*/ 340 w 462"/>
                  <a:gd name="T63" fmla="*/ 239 h 348"/>
                  <a:gd name="T64" fmla="*/ 305 w 462"/>
                  <a:gd name="T65" fmla="*/ 239 h 348"/>
                  <a:gd name="T66" fmla="*/ 296 w 462"/>
                  <a:gd name="T67" fmla="*/ 270 h 348"/>
                  <a:gd name="T68" fmla="*/ 279 w 462"/>
                  <a:gd name="T69" fmla="*/ 279 h 348"/>
                  <a:gd name="T70" fmla="*/ 266 w 462"/>
                  <a:gd name="T71" fmla="*/ 279 h 348"/>
                  <a:gd name="T72" fmla="*/ 237 w 462"/>
                  <a:gd name="T73" fmla="*/ 298 h 348"/>
                  <a:gd name="T74" fmla="*/ 216 w 462"/>
                  <a:gd name="T75" fmla="*/ 281 h 348"/>
                  <a:gd name="T76" fmla="*/ 187 w 462"/>
                  <a:gd name="T77" fmla="*/ 294 h 348"/>
                  <a:gd name="T78" fmla="*/ 180 w 462"/>
                  <a:gd name="T79" fmla="*/ 302 h 348"/>
                  <a:gd name="T80" fmla="*/ 174 w 462"/>
                  <a:gd name="T81" fmla="*/ 316 h 348"/>
                  <a:gd name="T82" fmla="*/ 172 w 462"/>
                  <a:gd name="T83" fmla="*/ 333 h 348"/>
                  <a:gd name="T84" fmla="*/ 144 w 462"/>
                  <a:gd name="T85" fmla="*/ 331 h 348"/>
                  <a:gd name="T86" fmla="*/ 124 w 462"/>
                  <a:gd name="T87" fmla="*/ 335 h 348"/>
                  <a:gd name="T88" fmla="*/ 111 w 462"/>
                  <a:gd name="T89" fmla="*/ 337 h 348"/>
                  <a:gd name="T90" fmla="*/ 96 w 462"/>
                  <a:gd name="T91" fmla="*/ 327 h 348"/>
                  <a:gd name="T92" fmla="*/ 98 w 462"/>
                  <a:gd name="T93" fmla="*/ 344 h 348"/>
                  <a:gd name="T94" fmla="*/ 87 w 462"/>
                  <a:gd name="T95" fmla="*/ 338 h 348"/>
                  <a:gd name="T96" fmla="*/ 78 w 462"/>
                  <a:gd name="T97" fmla="*/ 318 h 348"/>
                  <a:gd name="T98" fmla="*/ 48 w 462"/>
                  <a:gd name="T99" fmla="*/ 311 h 348"/>
                  <a:gd name="T100" fmla="*/ 13 w 462"/>
                  <a:gd name="T101" fmla="*/ 292 h 348"/>
                  <a:gd name="T102" fmla="*/ 13 w 462"/>
                  <a:gd name="T103" fmla="*/ 266 h 348"/>
                  <a:gd name="T104" fmla="*/ 11 w 462"/>
                  <a:gd name="T105" fmla="*/ 235 h 348"/>
                  <a:gd name="T106" fmla="*/ 13 w 462"/>
                  <a:gd name="T107" fmla="*/ 211 h 348"/>
                  <a:gd name="T108" fmla="*/ 37 w 462"/>
                  <a:gd name="T109" fmla="*/ 194 h 348"/>
                  <a:gd name="T110" fmla="*/ 54 w 462"/>
                  <a:gd name="T111" fmla="*/ 179 h 348"/>
                  <a:gd name="T112" fmla="*/ 72 w 462"/>
                  <a:gd name="T113" fmla="*/ 165 h 348"/>
                  <a:gd name="T114" fmla="*/ 63 w 462"/>
                  <a:gd name="T115" fmla="*/ 142 h 348"/>
                  <a:gd name="T116" fmla="*/ 74 w 462"/>
                  <a:gd name="T117" fmla="*/ 120 h 348"/>
                  <a:gd name="T118" fmla="*/ 93 w 462"/>
                  <a:gd name="T119" fmla="*/ 92 h 348"/>
                  <a:gd name="T120" fmla="*/ 117 w 462"/>
                  <a:gd name="T121" fmla="*/ 76 h 348"/>
                  <a:gd name="T122" fmla="*/ 144 w 462"/>
                  <a:gd name="T123" fmla="*/ 67 h 3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62" h="348">
                    <a:moveTo>
                      <a:pt x="157" y="78"/>
                    </a:moveTo>
                    <a:lnTo>
                      <a:pt x="157" y="76"/>
                    </a:lnTo>
                    <a:lnTo>
                      <a:pt x="159" y="76"/>
                    </a:lnTo>
                    <a:lnTo>
                      <a:pt x="159" y="72"/>
                    </a:lnTo>
                    <a:lnTo>
                      <a:pt x="161" y="68"/>
                    </a:lnTo>
                    <a:lnTo>
                      <a:pt x="165" y="65"/>
                    </a:lnTo>
                    <a:lnTo>
                      <a:pt x="167" y="63"/>
                    </a:lnTo>
                    <a:lnTo>
                      <a:pt x="168" y="63"/>
                    </a:lnTo>
                    <a:lnTo>
                      <a:pt x="172" y="63"/>
                    </a:lnTo>
                    <a:lnTo>
                      <a:pt x="174" y="63"/>
                    </a:lnTo>
                    <a:lnTo>
                      <a:pt x="176" y="61"/>
                    </a:lnTo>
                    <a:lnTo>
                      <a:pt x="178" y="59"/>
                    </a:lnTo>
                    <a:lnTo>
                      <a:pt x="181" y="57"/>
                    </a:lnTo>
                    <a:lnTo>
                      <a:pt x="185" y="55"/>
                    </a:lnTo>
                    <a:lnTo>
                      <a:pt x="187" y="55"/>
                    </a:lnTo>
                    <a:lnTo>
                      <a:pt x="189" y="55"/>
                    </a:lnTo>
                    <a:lnTo>
                      <a:pt x="192" y="54"/>
                    </a:lnTo>
                    <a:lnTo>
                      <a:pt x="194" y="52"/>
                    </a:lnTo>
                    <a:lnTo>
                      <a:pt x="196" y="52"/>
                    </a:lnTo>
                    <a:lnTo>
                      <a:pt x="198" y="52"/>
                    </a:lnTo>
                    <a:lnTo>
                      <a:pt x="200" y="50"/>
                    </a:lnTo>
                    <a:lnTo>
                      <a:pt x="202" y="48"/>
                    </a:lnTo>
                    <a:lnTo>
                      <a:pt x="205" y="50"/>
                    </a:lnTo>
                    <a:lnTo>
                      <a:pt x="207" y="50"/>
                    </a:lnTo>
                    <a:lnTo>
                      <a:pt x="207" y="52"/>
                    </a:lnTo>
                    <a:lnTo>
                      <a:pt x="209" y="54"/>
                    </a:lnTo>
                    <a:lnTo>
                      <a:pt x="211" y="54"/>
                    </a:lnTo>
                    <a:lnTo>
                      <a:pt x="213" y="55"/>
                    </a:lnTo>
                    <a:lnTo>
                      <a:pt x="215" y="57"/>
                    </a:lnTo>
                    <a:lnTo>
                      <a:pt x="216" y="57"/>
                    </a:lnTo>
                    <a:lnTo>
                      <a:pt x="216" y="59"/>
                    </a:lnTo>
                    <a:lnTo>
                      <a:pt x="216" y="61"/>
                    </a:lnTo>
                    <a:lnTo>
                      <a:pt x="216" y="63"/>
                    </a:lnTo>
                    <a:lnTo>
                      <a:pt x="218" y="63"/>
                    </a:lnTo>
                    <a:lnTo>
                      <a:pt x="220" y="61"/>
                    </a:lnTo>
                    <a:lnTo>
                      <a:pt x="220" y="63"/>
                    </a:lnTo>
                    <a:lnTo>
                      <a:pt x="222" y="61"/>
                    </a:lnTo>
                    <a:lnTo>
                      <a:pt x="224" y="61"/>
                    </a:lnTo>
                    <a:lnTo>
                      <a:pt x="226" y="59"/>
                    </a:lnTo>
                    <a:lnTo>
                      <a:pt x="228" y="57"/>
                    </a:lnTo>
                    <a:lnTo>
                      <a:pt x="231" y="57"/>
                    </a:lnTo>
                    <a:lnTo>
                      <a:pt x="233" y="55"/>
                    </a:lnTo>
                    <a:lnTo>
                      <a:pt x="235" y="55"/>
                    </a:lnTo>
                    <a:lnTo>
                      <a:pt x="235" y="54"/>
                    </a:lnTo>
                    <a:lnTo>
                      <a:pt x="235" y="52"/>
                    </a:lnTo>
                    <a:lnTo>
                      <a:pt x="235" y="50"/>
                    </a:lnTo>
                    <a:lnTo>
                      <a:pt x="233" y="50"/>
                    </a:lnTo>
                    <a:lnTo>
                      <a:pt x="233" y="48"/>
                    </a:lnTo>
                    <a:lnTo>
                      <a:pt x="233" y="46"/>
                    </a:lnTo>
                    <a:lnTo>
                      <a:pt x="231" y="44"/>
                    </a:lnTo>
                    <a:lnTo>
                      <a:pt x="231" y="43"/>
                    </a:lnTo>
                    <a:lnTo>
                      <a:pt x="231" y="41"/>
                    </a:lnTo>
                    <a:lnTo>
                      <a:pt x="231" y="39"/>
                    </a:lnTo>
                    <a:lnTo>
                      <a:pt x="231" y="37"/>
                    </a:lnTo>
                    <a:lnTo>
                      <a:pt x="228" y="37"/>
                    </a:lnTo>
                    <a:lnTo>
                      <a:pt x="226" y="37"/>
                    </a:lnTo>
                    <a:lnTo>
                      <a:pt x="224" y="35"/>
                    </a:lnTo>
                    <a:lnTo>
                      <a:pt x="220" y="35"/>
                    </a:lnTo>
                    <a:lnTo>
                      <a:pt x="218" y="33"/>
                    </a:lnTo>
                    <a:lnTo>
                      <a:pt x="216" y="33"/>
                    </a:lnTo>
                    <a:lnTo>
                      <a:pt x="215" y="33"/>
                    </a:lnTo>
                    <a:lnTo>
                      <a:pt x="215" y="31"/>
                    </a:lnTo>
                    <a:lnTo>
                      <a:pt x="215" y="30"/>
                    </a:lnTo>
                    <a:lnTo>
                      <a:pt x="215" y="28"/>
                    </a:lnTo>
                    <a:lnTo>
                      <a:pt x="215" y="26"/>
                    </a:lnTo>
                    <a:lnTo>
                      <a:pt x="215" y="24"/>
                    </a:lnTo>
                    <a:lnTo>
                      <a:pt x="215" y="22"/>
                    </a:lnTo>
                    <a:lnTo>
                      <a:pt x="215" y="20"/>
                    </a:lnTo>
                    <a:lnTo>
                      <a:pt x="215" y="17"/>
                    </a:lnTo>
                    <a:lnTo>
                      <a:pt x="215" y="15"/>
                    </a:lnTo>
                    <a:lnTo>
                      <a:pt x="215" y="13"/>
                    </a:lnTo>
                    <a:lnTo>
                      <a:pt x="215" y="9"/>
                    </a:lnTo>
                    <a:lnTo>
                      <a:pt x="216" y="7"/>
                    </a:lnTo>
                    <a:lnTo>
                      <a:pt x="218" y="6"/>
                    </a:lnTo>
                    <a:lnTo>
                      <a:pt x="218" y="4"/>
                    </a:lnTo>
                    <a:lnTo>
                      <a:pt x="220" y="2"/>
                    </a:lnTo>
                    <a:lnTo>
                      <a:pt x="222" y="0"/>
                    </a:lnTo>
                    <a:lnTo>
                      <a:pt x="224" y="2"/>
                    </a:lnTo>
                    <a:lnTo>
                      <a:pt x="226" y="6"/>
                    </a:lnTo>
                    <a:lnTo>
                      <a:pt x="228" y="4"/>
                    </a:lnTo>
                    <a:lnTo>
                      <a:pt x="229" y="6"/>
                    </a:lnTo>
                    <a:lnTo>
                      <a:pt x="229" y="7"/>
                    </a:lnTo>
                    <a:lnTo>
                      <a:pt x="231" y="9"/>
                    </a:lnTo>
                    <a:lnTo>
                      <a:pt x="231" y="11"/>
                    </a:lnTo>
                    <a:lnTo>
                      <a:pt x="231" y="13"/>
                    </a:lnTo>
                    <a:lnTo>
                      <a:pt x="233" y="13"/>
                    </a:lnTo>
                    <a:lnTo>
                      <a:pt x="233" y="18"/>
                    </a:lnTo>
                    <a:lnTo>
                      <a:pt x="237" y="17"/>
                    </a:lnTo>
                    <a:lnTo>
                      <a:pt x="239" y="17"/>
                    </a:lnTo>
                    <a:lnTo>
                      <a:pt x="241" y="17"/>
                    </a:lnTo>
                    <a:lnTo>
                      <a:pt x="242" y="15"/>
                    </a:lnTo>
                    <a:lnTo>
                      <a:pt x="246" y="13"/>
                    </a:lnTo>
                    <a:lnTo>
                      <a:pt x="248" y="13"/>
                    </a:lnTo>
                    <a:lnTo>
                      <a:pt x="250" y="11"/>
                    </a:lnTo>
                    <a:lnTo>
                      <a:pt x="252" y="15"/>
                    </a:lnTo>
                    <a:lnTo>
                      <a:pt x="253" y="17"/>
                    </a:lnTo>
                    <a:lnTo>
                      <a:pt x="255" y="18"/>
                    </a:lnTo>
                    <a:lnTo>
                      <a:pt x="257" y="20"/>
                    </a:lnTo>
                    <a:lnTo>
                      <a:pt x="257" y="18"/>
                    </a:lnTo>
                    <a:lnTo>
                      <a:pt x="259" y="17"/>
                    </a:lnTo>
                    <a:lnTo>
                      <a:pt x="263" y="13"/>
                    </a:lnTo>
                    <a:lnTo>
                      <a:pt x="265" y="11"/>
                    </a:lnTo>
                    <a:lnTo>
                      <a:pt x="266" y="11"/>
                    </a:lnTo>
                    <a:lnTo>
                      <a:pt x="270" y="11"/>
                    </a:lnTo>
                    <a:lnTo>
                      <a:pt x="272" y="11"/>
                    </a:lnTo>
                    <a:lnTo>
                      <a:pt x="276" y="11"/>
                    </a:lnTo>
                    <a:lnTo>
                      <a:pt x="279" y="13"/>
                    </a:lnTo>
                    <a:lnTo>
                      <a:pt x="281" y="13"/>
                    </a:lnTo>
                    <a:lnTo>
                      <a:pt x="285" y="15"/>
                    </a:lnTo>
                    <a:lnTo>
                      <a:pt x="287" y="15"/>
                    </a:lnTo>
                    <a:lnTo>
                      <a:pt x="289" y="17"/>
                    </a:lnTo>
                    <a:lnTo>
                      <a:pt x="290" y="18"/>
                    </a:lnTo>
                    <a:lnTo>
                      <a:pt x="292" y="20"/>
                    </a:lnTo>
                    <a:lnTo>
                      <a:pt x="292" y="22"/>
                    </a:lnTo>
                    <a:lnTo>
                      <a:pt x="290" y="24"/>
                    </a:lnTo>
                    <a:lnTo>
                      <a:pt x="292" y="24"/>
                    </a:lnTo>
                    <a:lnTo>
                      <a:pt x="294" y="26"/>
                    </a:lnTo>
                    <a:lnTo>
                      <a:pt x="296" y="26"/>
                    </a:lnTo>
                    <a:lnTo>
                      <a:pt x="296" y="28"/>
                    </a:lnTo>
                    <a:lnTo>
                      <a:pt x="296" y="31"/>
                    </a:lnTo>
                    <a:lnTo>
                      <a:pt x="294" y="35"/>
                    </a:lnTo>
                    <a:lnTo>
                      <a:pt x="294" y="37"/>
                    </a:lnTo>
                    <a:lnTo>
                      <a:pt x="294" y="39"/>
                    </a:lnTo>
                    <a:lnTo>
                      <a:pt x="294" y="41"/>
                    </a:lnTo>
                    <a:lnTo>
                      <a:pt x="292" y="41"/>
                    </a:lnTo>
                    <a:lnTo>
                      <a:pt x="290" y="43"/>
                    </a:lnTo>
                    <a:lnTo>
                      <a:pt x="289" y="43"/>
                    </a:lnTo>
                    <a:lnTo>
                      <a:pt x="289" y="44"/>
                    </a:lnTo>
                    <a:lnTo>
                      <a:pt x="287" y="46"/>
                    </a:lnTo>
                    <a:lnTo>
                      <a:pt x="287" y="50"/>
                    </a:lnTo>
                    <a:lnTo>
                      <a:pt x="289" y="50"/>
                    </a:lnTo>
                    <a:lnTo>
                      <a:pt x="289" y="52"/>
                    </a:lnTo>
                    <a:lnTo>
                      <a:pt x="290" y="54"/>
                    </a:lnTo>
                    <a:lnTo>
                      <a:pt x="290" y="55"/>
                    </a:lnTo>
                    <a:lnTo>
                      <a:pt x="290" y="57"/>
                    </a:lnTo>
                    <a:lnTo>
                      <a:pt x="292" y="57"/>
                    </a:lnTo>
                    <a:lnTo>
                      <a:pt x="292" y="59"/>
                    </a:lnTo>
                    <a:lnTo>
                      <a:pt x="292" y="61"/>
                    </a:lnTo>
                    <a:lnTo>
                      <a:pt x="294" y="61"/>
                    </a:lnTo>
                    <a:lnTo>
                      <a:pt x="296" y="61"/>
                    </a:lnTo>
                    <a:lnTo>
                      <a:pt x="298" y="63"/>
                    </a:lnTo>
                    <a:lnTo>
                      <a:pt x="300" y="63"/>
                    </a:lnTo>
                    <a:lnTo>
                      <a:pt x="298" y="65"/>
                    </a:lnTo>
                    <a:lnTo>
                      <a:pt x="298" y="67"/>
                    </a:lnTo>
                    <a:lnTo>
                      <a:pt x="298" y="70"/>
                    </a:lnTo>
                    <a:lnTo>
                      <a:pt x="296" y="72"/>
                    </a:lnTo>
                    <a:lnTo>
                      <a:pt x="296" y="74"/>
                    </a:lnTo>
                    <a:lnTo>
                      <a:pt x="294" y="76"/>
                    </a:lnTo>
                    <a:lnTo>
                      <a:pt x="294" y="78"/>
                    </a:lnTo>
                    <a:lnTo>
                      <a:pt x="294" y="81"/>
                    </a:lnTo>
                    <a:lnTo>
                      <a:pt x="294" y="83"/>
                    </a:lnTo>
                    <a:lnTo>
                      <a:pt x="296" y="83"/>
                    </a:lnTo>
                    <a:lnTo>
                      <a:pt x="296" y="85"/>
                    </a:lnTo>
                    <a:lnTo>
                      <a:pt x="298" y="87"/>
                    </a:lnTo>
                    <a:lnTo>
                      <a:pt x="302" y="91"/>
                    </a:lnTo>
                    <a:lnTo>
                      <a:pt x="302" y="92"/>
                    </a:lnTo>
                    <a:lnTo>
                      <a:pt x="303" y="94"/>
                    </a:lnTo>
                    <a:lnTo>
                      <a:pt x="303" y="96"/>
                    </a:lnTo>
                    <a:lnTo>
                      <a:pt x="305" y="98"/>
                    </a:lnTo>
                    <a:lnTo>
                      <a:pt x="307" y="100"/>
                    </a:lnTo>
                    <a:lnTo>
                      <a:pt x="311" y="102"/>
                    </a:lnTo>
                    <a:lnTo>
                      <a:pt x="313" y="98"/>
                    </a:lnTo>
                    <a:lnTo>
                      <a:pt x="314" y="98"/>
                    </a:lnTo>
                    <a:lnTo>
                      <a:pt x="314" y="96"/>
                    </a:lnTo>
                    <a:lnTo>
                      <a:pt x="316" y="94"/>
                    </a:lnTo>
                    <a:lnTo>
                      <a:pt x="318" y="94"/>
                    </a:lnTo>
                    <a:lnTo>
                      <a:pt x="318" y="92"/>
                    </a:lnTo>
                    <a:lnTo>
                      <a:pt x="320" y="91"/>
                    </a:lnTo>
                    <a:lnTo>
                      <a:pt x="324" y="89"/>
                    </a:lnTo>
                    <a:lnTo>
                      <a:pt x="326" y="87"/>
                    </a:lnTo>
                    <a:lnTo>
                      <a:pt x="327" y="87"/>
                    </a:lnTo>
                    <a:lnTo>
                      <a:pt x="327" y="89"/>
                    </a:lnTo>
                    <a:lnTo>
                      <a:pt x="329" y="89"/>
                    </a:lnTo>
                    <a:lnTo>
                      <a:pt x="329" y="87"/>
                    </a:lnTo>
                    <a:lnTo>
                      <a:pt x="331" y="85"/>
                    </a:lnTo>
                    <a:lnTo>
                      <a:pt x="331" y="83"/>
                    </a:lnTo>
                    <a:lnTo>
                      <a:pt x="333" y="83"/>
                    </a:lnTo>
                    <a:lnTo>
                      <a:pt x="331" y="81"/>
                    </a:lnTo>
                    <a:lnTo>
                      <a:pt x="329" y="81"/>
                    </a:lnTo>
                    <a:lnTo>
                      <a:pt x="329" y="80"/>
                    </a:lnTo>
                    <a:lnTo>
                      <a:pt x="333" y="78"/>
                    </a:lnTo>
                    <a:lnTo>
                      <a:pt x="335" y="76"/>
                    </a:lnTo>
                    <a:lnTo>
                      <a:pt x="337" y="74"/>
                    </a:lnTo>
                    <a:lnTo>
                      <a:pt x="338" y="72"/>
                    </a:lnTo>
                    <a:lnTo>
                      <a:pt x="338" y="70"/>
                    </a:lnTo>
                    <a:lnTo>
                      <a:pt x="340" y="70"/>
                    </a:lnTo>
                    <a:lnTo>
                      <a:pt x="338" y="68"/>
                    </a:lnTo>
                    <a:lnTo>
                      <a:pt x="337" y="68"/>
                    </a:lnTo>
                    <a:lnTo>
                      <a:pt x="335" y="68"/>
                    </a:lnTo>
                    <a:lnTo>
                      <a:pt x="333" y="68"/>
                    </a:lnTo>
                    <a:lnTo>
                      <a:pt x="333" y="67"/>
                    </a:lnTo>
                    <a:lnTo>
                      <a:pt x="333" y="65"/>
                    </a:lnTo>
                    <a:lnTo>
                      <a:pt x="335" y="61"/>
                    </a:lnTo>
                    <a:lnTo>
                      <a:pt x="335" y="59"/>
                    </a:lnTo>
                    <a:lnTo>
                      <a:pt x="335" y="57"/>
                    </a:lnTo>
                    <a:lnTo>
                      <a:pt x="335" y="54"/>
                    </a:lnTo>
                    <a:lnTo>
                      <a:pt x="335" y="52"/>
                    </a:lnTo>
                    <a:lnTo>
                      <a:pt x="335" y="50"/>
                    </a:lnTo>
                    <a:lnTo>
                      <a:pt x="335" y="48"/>
                    </a:lnTo>
                    <a:lnTo>
                      <a:pt x="331" y="46"/>
                    </a:lnTo>
                    <a:lnTo>
                      <a:pt x="331" y="44"/>
                    </a:lnTo>
                    <a:lnTo>
                      <a:pt x="329" y="43"/>
                    </a:lnTo>
                    <a:lnTo>
                      <a:pt x="329" y="39"/>
                    </a:lnTo>
                    <a:lnTo>
                      <a:pt x="329" y="37"/>
                    </a:lnTo>
                    <a:lnTo>
                      <a:pt x="329" y="35"/>
                    </a:lnTo>
                    <a:lnTo>
                      <a:pt x="329" y="33"/>
                    </a:lnTo>
                    <a:lnTo>
                      <a:pt x="331" y="31"/>
                    </a:lnTo>
                    <a:lnTo>
                      <a:pt x="331" y="30"/>
                    </a:lnTo>
                    <a:lnTo>
                      <a:pt x="331" y="26"/>
                    </a:lnTo>
                    <a:lnTo>
                      <a:pt x="333" y="26"/>
                    </a:lnTo>
                    <a:lnTo>
                      <a:pt x="333" y="24"/>
                    </a:lnTo>
                    <a:lnTo>
                      <a:pt x="333" y="22"/>
                    </a:lnTo>
                    <a:lnTo>
                      <a:pt x="333" y="20"/>
                    </a:lnTo>
                    <a:lnTo>
                      <a:pt x="335" y="18"/>
                    </a:lnTo>
                    <a:lnTo>
                      <a:pt x="337" y="18"/>
                    </a:lnTo>
                    <a:lnTo>
                      <a:pt x="337" y="17"/>
                    </a:lnTo>
                    <a:lnTo>
                      <a:pt x="338" y="17"/>
                    </a:lnTo>
                    <a:lnTo>
                      <a:pt x="340" y="15"/>
                    </a:lnTo>
                    <a:lnTo>
                      <a:pt x="342" y="15"/>
                    </a:lnTo>
                    <a:lnTo>
                      <a:pt x="344" y="15"/>
                    </a:lnTo>
                    <a:lnTo>
                      <a:pt x="344" y="17"/>
                    </a:lnTo>
                    <a:lnTo>
                      <a:pt x="346" y="17"/>
                    </a:lnTo>
                    <a:lnTo>
                      <a:pt x="346" y="18"/>
                    </a:lnTo>
                    <a:lnTo>
                      <a:pt x="348" y="20"/>
                    </a:lnTo>
                    <a:lnTo>
                      <a:pt x="350" y="22"/>
                    </a:lnTo>
                    <a:lnTo>
                      <a:pt x="350" y="26"/>
                    </a:lnTo>
                    <a:lnTo>
                      <a:pt x="350" y="28"/>
                    </a:lnTo>
                    <a:lnTo>
                      <a:pt x="346" y="30"/>
                    </a:lnTo>
                    <a:lnTo>
                      <a:pt x="346" y="33"/>
                    </a:lnTo>
                    <a:lnTo>
                      <a:pt x="348" y="31"/>
                    </a:lnTo>
                    <a:lnTo>
                      <a:pt x="350" y="31"/>
                    </a:lnTo>
                    <a:lnTo>
                      <a:pt x="351" y="31"/>
                    </a:lnTo>
                    <a:lnTo>
                      <a:pt x="353" y="33"/>
                    </a:lnTo>
                    <a:lnTo>
                      <a:pt x="355" y="35"/>
                    </a:lnTo>
                    <a:lnTo>
                      <a:pt x="357" y="37"/>
                    </a:lnTo>
                    <a:lnTo>
                      <a:pt x="357" y="39"/>
                    </a:lnTo>
                    <a:lnTo>
                      <a:pt x="359" y="39"/>
                    </a:lnTo>
                    <a:lnTo>
                      <a:pt x="359" y="41"/>
                    </a:lnTo>
                    <a:lnTo>
                      <a:pt x="361" y="41"/>
                    </a:lnTo>
                    <a:lnTo>
                      <a:pt x="363" y="41"/>
                    </a:lnTo>
                    <a:lnTo>
                      <a:pt x="364" y="41"/>
                    </a:lnTo>
                    <a:lnTo>
                      <a:pt x="366" y="41"/>
                    </a:lnTo>
                    <a:lnTo>
                      <a:pt x="368" y="43"/>
                    </a:lnTo>
                    <a:lnTo>
                      <a:pt x="370" y="43"/>
                    </a:lnTo>
                    <a:lnTo>
                      <a:pt x="370" y="44"/>
                    </a:lnTo>
                    <a:lnTo>
                      <a:pt x="372" y="44"/>
                    </a:lnTo>
                    <a:lnTo>
                      <a:pt x="374" y="43"/>
                    </a:lnTo>
                    <a:lnTo>
                      <a:pt x="375" y="43"/>
                    </a:lnTo>
                    <a:lnTo>
                      <a:pt x="377" y="43"/>
                    </a:lnTo>
                    <a:lnTo>
                      <a:pt x="377" y="44"/>
                    </a:lnTo>
                    <a:lnTo>
                      <a:pt x="379" y="46"/>
                    </a:lnTo>
                    <a:lnTo>
                      <a:pt x="379" y="48"/>
                    </a:lnTo>
                    <a:lnTo>
                      <a:pt x="379" y="50"/>
                    </a:lnTo>
                    <a:lnTo>
                      <a:pt x="381" y="54"/>
                    </a:lnTo>
                    <a:lnTo>
                      <a:pt x="381" y="55"/>
                    </a:lnTo>
                    <a:lnTo>
                      <a:pt x="381" y="57"/>
                    </a:lnTo>
                    <a:lnTo>
                      <a:pt x="381" y="59"/>
                    </a:lnTo>
                    <a:lnTo>
                      <a:pt x="381" y="61"/>
                    </a:lnTo>
                    <a:lnTo>
                      <a:pt x="383" y="63"/>
                    </a:lnTo>
                    <a:lnTo>
                      <a:pt x="385" y="65"/>
                    </a:lnTo>
                    <a:lnTo>
                      <a:pt x="385" y="67"/>
                    </a:lnTo>
                    <a:lnTo>
                      <a:pt x="387" y="67"/>
                    </a:lnTo>
                    <a:lnTo>
                      <a:pt x="388" y="68"/>
                    </a:lnTo>
                    <a:lnTo>
                      <a:pt x="387" y="70"/>
                    </a:lnTo>
                    <a:lnTo>
                      <a:pt x="387" y="72"/>
                    </a:lnTo>
                    <a:lnTo>
                      <a:pt x="385" y="72"/>
                    </a:lnTo>
                    <a:lnTo>
                      <a:pt x="381" y="74"/>
                    </a:lnTo>
                    <a:lnTo>
                      <a:pt x="381" y="76"/>
                    </a:lnTo>
                    <a:lnTo>
                      <a:pt x="383" y="76"/>
                    </a:lnTo>
                    <a:lnTo>
                      <a:pt x="385" y="80"/>
                    </a:lnTo>
                    <a:lnTo>
                      <a:pt x="385" y="81"/>
                    </a:lnTo>
                    <a:lnTo>
                      <a:pt x="385" y="83"/>
                    </a:lnTo>
                    <a:lnTo>
                      <a:pt x="387" y="83"/>
                    </a:lnTo>
                    <a:lnTo>
                      <a:pt x="387" y="85"/>
                    </a:lnTo>
                    <a:lnTo>
                      <a:pt x="387" y="87"/>
                    </a:lnTo>
                    <a:lnTo>
                      <a:pt x="387" y="89"/>
                    </a:lnTo>
                    <a:lnTo>
                      <a:pt x="387" y="91"/>
                    </a:lnTo>
                    <a:lnTo>
                      <a:pt x="388" y="92"/>
                    </a:lnTo>
                    <a:lnTo>
                      <a:pt x="388" y="94"/>
                    </a:lnTo>
                    <a:lnTo>
                      <a:pt x="388" y="96"/>
                    </a:lnTo>
                    <a:lnTo>
                      <a:pt x="388" y="98"/>
                    </a:lnTo>
                    <a:lnTo>
                      <a:pt x="388" y="100"/>
                    </a:lnTo>
                    <a:lnTo>
                      <a:pt x="392" y="102"/>
                    </a:lnTo>
                    <a:lnTo>
                      <a:pt x="394" y="104"/>
                    </a:lnTo>
                    <a:lnTo>
                      <a:pt x="396" y="104"/>
                    </a:lnTo>
                    <a:lnTo>
                      <a:pt x="398" y="105"/>
                    </a:lnTo>
                    <a:lnTo>
                      <a:pt x="399" y="104"/>
                    </a:lnTo>
                    <a:lnTo>
                      <a:pt x="401" y="104"/>
                    </a:lnTo>
                    <a:lnTo>
                      <a:pt x="401" y="102"/>
                    </a:lnTo>
                    <a:lnTo>
                      <a:pt x="403" y="100"/>
                    </a:lnTo>
                    <a:lnTo>
                      <a:pt x="403" y="98"/>
                    </a:lnTo>
                    <a:lnTo>
                      <a:pt x="403" y="96"/>
                    </a:lnTo>
                    <a:lnTo>
                      <a:pt x="405" y="96"/>
                    </a:lnTo>
                    <a:lnTo>
                      <a:pt x="407" y="94"/>
                    </a:lnTo>
                    <a:lnTo>
                      <a:pt x="407" y="96"/>
                    </a:lnTo>
                    <a:lnTo>
                      <a:pt x="409" y="94"/>
                    </a:lnTo>
                    <a:lnTo>
                      <a:pt x="411" y="92"/>
                    </a:lnTo>
                    <a:lnTo>
                      <a:pt x="412" y="91"/>
                    </a:lnTo>
                    <a:lnTo>
                      <a:pt x="414" y="89"/>
                    </a:lnTo>
                    <a:lnTo>
                      <a:pt x="418" y="89"/>
                    </a:lnTo>
                    <a:lnTo>
                      <a:pt x="422" y="87"/>
                    </a:lnTo>
                    <a:lnTo>
                      <a:pt x="424" y="85"/>
                    </a:lnTo>
                    <a:lnTo>
                      <a:pt x="427" y="87"/>
                    </a:lnTo>
                    <a:lnTo>
                      <a:pt x="431" y="87"/>
                    </a:lnTo>
                    <a:lnTo>
                      <a:pt x="435" y="89"/>
                    </a:lnTo>
                    <a:lnTo>
                      <a:pt x="435" y="87"/>
                    </a:lnTo>
                    <a:lnTo>
                      <a:pt x="436" y="89"/>
                    </a:lnTo>
                    <a:lnTo>
                      <a:pt x="438" y="91"/>
                    </a:lnTo>
                    <a:lnTo>
                      <a:pt x="442" y="91"/>
                    </a:lnTo>
                    <a:lnTo>
                      <a:pt x="444" y="94"/>
                    </a:lnTo>
                    <a:lnTo>
                      <a:pt x="448" y="96"/>
                    </a:lnTo>
                    <a:lnTo>
                      <a:pt x="446" y="98"/>
                    </a:lnTo>
                    <a:lnTo>
                      <a:pt x="444" y="100"/>
                    </a:lnTo>
                    <a:lnTo>
                      <a:pt x="446" y="102"/>
                    </a:lnTo>
                    <a:lnTo>
                      <a:pt x="448" y="102"/>
                    </a:lnTo>
                    <a:lnTo>
                      <a:pt x="449" y="102"/>
                    </a:lnTo>
                    <a:lnTo>
                      <a:pt x="451" y="104"/>
                    </a:lnTo>
                    <a:lnTo>
                      <a:pt x="453" y="105"/>
                    </a:lnTo>
                    <a:lnTo>
                      <a:pt x="455" y="107"/>
                    </a:lnTo>
                    <a:lnTo>
                      <a:pt x="457" y="109"/>
                    </a:lnTo>
                    <a:lnTo>
                      <a:pt x="460" y="109"/>
                    </a:lnTo>
                    <a:lnTo>
                      <a:pt x="462" y="111"/>
                    </a:lnTo>
                    <a:lnTo>
                      <a:pt x="460" y="115"/>
                    </a:lnTo>
                    <a:lnTo>
                      <a:pt x="460" y="117"/>
                    </a:lnTo>
                    <a:lnTo>
                      <a:pt x="462" y="120"/>
                    </a:lnTo>
                    <a:lnTo>
                      <a:pt x="460" y="120"/>
                    </a:lnTo>
                    <a:lnTo>
                      <a:pt x="459" y="122"/>
                    </a:lnTo>
                    <a:lnTo>
                      <a:pt x="457" y="122"/>
                    </a:lnTo>
                    <a:lnTo>
                      <a:pt x="455" y="122"/>
                    </a:lnTo>
                    <a:lnTo>
                      <a:pt x="453" y="122"/>
                    </a:lnTo>
                    <a:lnTo>
                      <a:pt x="451" y="124"/>
                    </a:lnTo>
                    <a:lnTo>
                      <a:pt x="449" y="124"/>
                    </a:lnTo>
                    <a:lnTo>
                      <a:pt x="448" y="124"/>
                    </a:lnTo>
                    <a:lnTo>
                      <a:pt x="446" y="124"/>
                    </a:lnTo>
                    <a:lnTo>
                      <a:pt x="444" y="124"/>
                    </a:lnTo>
                    <a:lnTo>
                      <a:pt x="442" y="126"/>
                    </a:lnTo>
                    <a:lnTo>
                      <a:pt x="438" y="126"/>
                    </a:lnTo>
                    <a:lnTo>
                      <a:pt x="436" y="128"/>
                    </a:lnTo>
                    <a:lnTo>
                      <a:pt x="435" y="128"/>
                    </a:lnTo>
                    <a:lnTo>
                      <a:pt x="435" y="131"/>
                    </a:lnTo>
                    <a:lnTo>
                      <a:pt x="433" y="135"/>
                    </a:lnTo>
                    <a:lnTo>
                      <a:pt x="431" y="135"/>
                    </a:lnTo>
                    <a:lnTo>
                      <a:pt x="429" y="137"/>
                    </a:lnTo>
                    <a:lnTo>
                      <a:pt x="427" y="139"/>
                    </a:lnTo>
                    <a:lnTo>
                      <a:pt x="425" y="139"/>
                    </a:lnTo>
                    <a:lnTo>
                      <a:pt x="425" y="142"/>
                    </a:lnTo>
                    <a:lnTo>
                      <a:pt x="425" y="144"/>
                    </a:lnTo>
                    <a:lnTo>
                      <a:pt x="425" y="146"/>
                    </a:lnTo>
                    <a:lnTo>
                      <a:pt x="424" y="148"/>
                    </a:lnTo>
                    <a:lnTo>
                      <a:pt x="424" y="150"/>
                    </a:lnTo>
                    <a:lnTo>
                      <a:pt x="424" y="152"/>
                    </a:lnTo>
                    <a:lnTo>
                      <a:pt x="422" y="155"/>
                    </a:lnTo>
                    <a:lnTo>
                      <a:pt x="422" y="157"/>
                    </a:lnTo>
                    <a:lnTo>
                      <a:pt x="422" y="159"/>
                    </a:lnTo>
                    <a:lnTo>
                      <a:pt x="424" y="161"/>
                    </a:lnTo>
                    <a:lnTo>
                      <a:pt x="425" y="161"/>
                    </a:lnTo>
                    <a:lnTo>
                      <a:pt x="425" y="165"/>
                    </a:lnTo>
                    <a:lnTo>
                      <a:pt x="427" y="166"/>
                    </a:lnTo>
                    <a:lnTo>
                      <a:pt x="427" y="168"/>
                    </a:lnTo>
                    <a:lnTo>
                      <a:pt x="429" y="170"/>
                    </a:lnTo>
                    <a:lnTo>
                      <a:pt x="429" y="172"/>
                    </a:lnTo>
                    <a:lnTo>
                      <a:pt x="431" y="174"/>
                    </a:lnTo>
                    <a:lnTo>
                      <a:pt x="433" y="174"/>
                    </a:lnTo>
                    <a:lnTo>
                      <a:pt x="435" y="174"/>
                    </a:lnTo>
                    <a:lnTo>
                      <a:pt x="436" y="174"/>
                    </a:lnTo>
                    <a:lnTo>
                      <a:pt x="438" y="176"/>
                    </a:lnTo>
                    <a:lnTo>
                      <a:pt x="438" y="174"/>
                    </a:lnTo>
                    <a:lnTo>
                      <a:pt x="440" y="174"/>
                    </a:lnTo>
                    <a:lnTo>
                      <a:pt x="440" y="178"/>
                    </a:lnTo>
                    <a:lnTo>
                      <a:pt x="442" y="178"/>
                    </a:lnTo>
                    <a:lnTo>
                      <a:pt x="444" y="178"/>
                    </a:lnTo>
                    <a:lnTo>
                      <a:pt x="446" y="179"/>
                    </a:lnTo>
                    <a:lnTo>
                      <a:pt x="448" y="179"/>
                    </a:lnTo>
                    <a:lnTo>
                      <a:pt x="449" y="179"/>
                    </a:lnTo>
                    <a:lnTo>
                      <a:pt x="451" y="179"/>
                    </a:lnTo>
                    <a:lnTo>
                      <a:pt x="453" y="181"/>
                    </a:lnTo>
                    <a:lnTo>
                      <a:pt x="455" y="183"/>
                    </a:lnTo>
                    <a:lnTo>
                      <a:pt x="457" y="185"/>
                    </a:lnTo>
                    <a:lnTo>
                      <a:pt x="455" y="185"/>
                    </a:lnTo>
                    <a:lnTo>
                      <a:pt x="455" y="187"/>
                    </a:lnTo>
                    <a:lnTo>
                      <a:pt x="453" y="189"/>
                    </a:lnTo>
                    <a:lnTo>
                      <a:pt x="453" y="191"/>
                    </a:lnTo>
                    <a:lnTo>
                      <a:pt x="451" y="192"/>
                    </a:lnTo>
                    <a:lnTo>
                      <a:pt x="451" y="194"/>
                    </a:lnTo>
                    <a:lnTo>
                      <a:pt x="449" y="194"/>
                    </a:lnTo>
                    <a:lnTo>
                      <a:pt x="449" y="196"/>
                    </a:lnTo>
                    <a:lnTo>
                      <a:pt x="449" y="198"/>
                    </a:lnTo>
                    <a:lnTo>
                      <a:pt x="449" y="200"/>
                    </a:lnTo>
                    <a:lnTo>
                      <a:pt x="449" y="202"/>
                    </a:lnTo>
                    <a:lnTo>
                      <a:pt x="449" y="203"/>
                    </a:lnTo>
                    <a:lnTo>
                      <a:pt x="448" y="207"/>
                    </a:lnTo>
                    <a:lnTo>
                      <a:pt x="448" y="209"/>
                    </a:lnTo>
                    <a:lnTo>
                      <a:pt x="446" y="213"/>
                    </a:lnTo>
                    <a:lnTo>
                      <a:pt x="446" y="215"/>
                    </a:lnTo>
                    <a:lnTo>
                      <a:pt x="444" y="216"/>
                    </a:lnTo>
                    <a:lnTo>
                      <a:pt x="444" y="220"/>
                    </a:lnTo>
                    <a:lnTo>
                      <a:pt x="444" y="222"/>
                    </a:lnTo>
                    <a:lnTo>
                      <a:pt x="444" y="226"/>
                    </a:lnTo>
                    <a:lnTo>
                      <a:pt x="444" y="228"/>
                    </a:lnTo>
                    <a:lnTo>
                      <a:pt x="444" y="229"/>
                    </a:lnTo>
                    <a:lnTo>
                      <a:pt x="444" y="231"/>
                    </a:lnTo>
                    <a:lnTo>
                      <a:pt x="446" y="233"/>
                    </a:lnTo>
                    <a:lnTo>
                      <a:pt x="442" y="233"/>
                    </a:lnTo>
                    <a:lnTo>
                      <a:pt x="438" y="233"/>
                    </a:lnTo>
                    <a:lnTo>
                      <a:pt x="435" y="235"/>
                    </a:lnTo>
                    <a:lnTo>
                      <a:pt x="431" y="237"/>
                    </a:lnTo>
                    <a:lnTo>
                      <a:pt x="431" y="235"/>
                    </a:lnTo>
                    <a:lnTo>
                      <a:pt x="431" y="233"/>
                    </a:lnTo>
                    <a:lnTo>
                      <a:pt x="431" y="231"/>
                    </a:lnTo>
                    <a:lnTo>
                      <a:pt x="431" y="228"/>
                    </a:lnTo>
                    <a:lnTo>
                      <a:pt x="429" y="228"/>
                    </a:lnTo>
                    <a:lnTo>
                      <a:pt x="425" y="228"/>
                    </a:lnTo>
                    <a:lnTo>
                      <a:pt x="422" y="226"/>
                    </a:lnTo>
                    <a:lnTo>
                      <a:pt x="424" y="224"/>
                    </a:lnTo>
                    <a:lnTo>
                      <a:pt x="424" y="222"/>
                    </a:lnTo>
                    <a:lnTo>
                      <a:pt x="424" y="218"/>
                    </a:lnTo>
                    <a:lnTo>
                      <a:pt x="424" y="216"/>
                    </a:lnTo>
                    <a:lnTo>
                      <a:pt x="422" y="215"/>
                    </a:lnTo>
                    <a:lnTo>
                      <a:pt x="424" y="215"/>
                    </a:lnTo>
                    <a:lnTo>
                      <a:pt x="420" y="211"/>
                    </a:lnTo>
                    <a:lnTo>
                      <a:pt x="418" y="209"/>
                    </a:lnTo>
                    <a:lnTo>
                      <a:pt x="418" y="207"/>
                    </a:lnTo>
                    <a:lnTo>
                      <a:pt x="418" y="205"/>
                    </a:lnTo>
                    <a:lnTo>
                      <a:pt x="418" y="202"/>
                    </a:lnTo>
                    <a:lnTo>
                      <a:pt x="416" y="200"/>
                    </a:lnTo>
                    <a:lnTo>
                      <a:pt x="416" y="198"/>
                    </a:lnTo>
                    <a:lnTo>
                      <a:pt x="414" y="198"/>
                    </a:lnTo>
                    <a:lnTo>
                      <a:pt x="416" y="198"/>
                    </a:lnTo>
                    <a:lnTo>
                      <a:pt x="414" y="196"/>
                    </a:lnTo>
                    <a:lnTo>
                      <a:pt x="414" y="194"/>
                    </a:lnTo>
                    <a:lnTo>
                      <a:pt x="412" y="191"/>
                    </a:lnTo>
                    <a:lnTo>
                      <a:pt x="411" y="189"/>
                    </a:lnTo>
                    <a:lnTo>
                      <a:pt x="409" y="187"/>
                    </a:lnTo>
                    <a:lnTo>
                      <a:pt x="407" y="189"/>
                    </a:lnTo>
                    <a:lnTo>
                      <a:pt x="405" y="189"/>
                    </a:lnTo>
                    <a:lnTo>
                      <a:pt x="403" y="189"/>
                    </a:lnTo>
                    <a:lnTo>
                      <a:pt x="403" y="191"/>
                    </a:lnTo>
                    <a:lnTo>
                      <a:pt x="401" y="191"/>
                    </a:lnTo>
                    <a:lnTo>
                      <a:pt x="398" y="192"/>
                    </a:lnTo>
                    <a:lnTo>
                      <a:pt x="396" y="192"/>
                    </a:lnTo>
                    <a:lnTo>
                      <a:pt x="394" y="194"/>
                    </a:lnTo>
                    <a:lnTo>
                      <a:pt x="392" y="194"/>
                    </a:lnTo>
                    <a:lnTo>
                      <a:pt x="392" y="196"/>
                    </a:lnTo>
                    <a:lnTo>
                      <a:pt x="394" y="198"/>
                    </a:lnTo>
                    <a:lnTo>
                      <a:pt x="394" y="200"/>
                    </a:lnTo>
                    <a:lnTo>
                      <a:pt x="392" y="200"/>
                    </a:lnTo>
                    <a:lnTo>
                      <a:pt x="388" y="200"/>
                    </a:lnTo>
                    <a:lnTo>
                      <a:pt x="388" y="202"/>
                    </a:lnTo>
                    <a:lnTo>
                      <a:pt x="385" y="202"/>
                    </a:lnTo>
                    <a:lnTo>
                      <a:pt x="383" y="200"/>
                    </a:lnTo>
                    <a:lnTo>
                      <a:pt x="381" y="198"/>
                    </a:lnTo>
                    <a:lnTo>
                      <a:pt x="379" y="198"/>
                    </a:lnTo>
                    <a:lnTo>
                      <a:pt x="379" y="196"/>
                    </a:lnTo>
                    <a:lnTo>
                      <a:pt x="381" y="194"/>
                    </a:lnTo>
                    <a:lnTo>
                      <a:pt x="377" y="192"/>
                    </a:lnTo>
                    <a:lnTo>
                      <a:pt x="375" y="192"/>
                    </a:lnTo>
                    <a:lnTo>
                      <a:pt x="374" y="192"/>
                    </a:lnTo>
                    <a:lnTo>
                      <a:pt x="372" y="192"/>
                    </a:lnTo>
                    <a:lnTo>
                      <a:pt x="370" y="192"/>
                    </a:lnTo>
                    <a:lnTo>
                      <a:pt x="370" y="194"/>
                    </a:lnTo>
                    <a:lnTo>
                      <a:pt x="368" y="194"/>
                    </a:lnTo>
                    <a:lnTo>
                      <a:pt x="368" y="196"/>
                    </a:lnTo>
                    <a:lnTo>
                      <a:pt x="366" y="196"/>
                    </a:lnTo>
                    <a:lnTo>
                      <a:pt x="364" y="196"/>
                    </a:lnTo>
                    <a:lnTo>
                      <a:pt x="361" y="194"/>
                    </a:lnTo>
                    <a:lnTo>
                      <a:pt x="359" y="192"/>
                    </a:lnTo>
                    <a:lnTo>
                      <a:pt x="357" y="192"/>
                    </a:lnTo>
                    <a:lnTo>
                      <a:pt x="359" y="194"/>
                    </a:lnTo>
                    <a:lnTo>
                      <a:pt x="359" y="198"/>
                    </a:lnTo>
                    <a:lnTo>
                      <a:pt x="359" y="202"/>
                    </a:lnTo>
                    <a:lnTo>
                      <a:pt x="359" y="203"/>
                    </a:lnTo>
                    <a:lnTo>
                      <a:pt x="361" y="203"/>
                    </a:lnTo>
                    <a:lnTo>
                      <a:pt x="364" y="205"/>
                    </a:lnTo>
                    <a:lnTo>
                      <a:pt x="366" y="207"/>
                    </a:lnTo>
                    <a:lnTo>
                      <a:pt x="368" y="207"/>
                    </a:lnTo>
                    <a:lnTo>
                      <a:pt x="370" y="209"/>
                    </a:lnTo>
                    <a:lnTo>
                      <a:pt x="372" y="211"/>
                    </a:lnTo>
                    <a:lnTo>
                      <a:pt x="372" y="213"/>
                    </a:lnTo>
                    <a:lnTo>
                      <a:pt x="372" y="216"/>
                    </a:lnTo>
                    <a:lnTo>
                      <a:pt x="374" y="218"/>
                    </a:lnTo>
                    <a:lnTo>
                      <a:pt x="374" y="220"/>
                    </a:lnTo>
                    <a:lnTo>
                      <a:pt x="374" y="222"/>
                    </a:lnTo>
                    <a:lnTo>
                      <a:pt x="374" y="224"/>
                    </a:lnTo>
                    <a:lnTo>
                      <a:pt x="372" y="224"/>
                    </a:lnTo>
                    <a:lnTo>
                      <a:pt x="372" y="226"/>
                    </a:lnTo>
                    <a:lnTo>
                      <a:pt x="372" y="228"/>
                    </a:lnTo>
                    <a:lnTo>
                      <a:pt x="370" y="229"/>
                    </a:lnTo>
                    <a:lnTo>
                      <a:pt x="368" y="229"/>
                    </a:lnTo>
                    <a:lnTo>
                      <a:pt x="364" y="231"/>
                    </a:lnTo>
                    <a:lnTo>
                      <a:pt x="363" y="233"/>
                    </a:lnTo>
                    <a:lnTo>
                      <a:pt x="363" y="235"/>
                    </a:lnTo>
                    <a:lnTo>
                      <a:pt x="364" y="235"/>
                    </a:lnTo>
                    <a:lnTo>
                      <a:pt x="363" y="235"/>
                    </a:lnTo>
                    <a:lnTo>
                      <a:pt x="359" y="235"/>
                    </a:lnTo>
                    <a:lnTo>
                      <a:pt x="357" y="237"/>
                    </a:lnTo>
                    <a:lnTo>
                      <a:pt x="353" y="237"/>
                    </a:lnTo>
                    <a:lnTo>
                      <a:pt x="351" y="237"/>
                    </a:lnTo>
                    <a:lnTo>
                      <a:pt x="350" y="237"/>
                    </a:lnTo>
                    <a:lnTo>
                      <a:pt x="350" y="239"/>
                    </a:lnTo>
                    <a:lnTo>
                      <a:pt x="351" y="239"/>
                    </a:lnTo>
                    <a:lnTo>
                      <a:pt x="351" y="240"/>
                    </a:lnTo>
                    <a:lnTo>
                      <a:pt x="353" y="242"/>
                    </a:lnTo>
                    <a:lnTo>
                      <a:pt x="355" y="242"/>
                    </a:lnTo>
                    <a:lnTo>
                      <a:pt x="357" y="244"/>
                    </a:lnTo>
                    <a:lnTo>
                      <a:pt x="357" y="246"/>
                    </a:lnTo>
                    <a:lnTo>
                      <a:pt x="357" y="248"/>
                    </a:lnTo>
                    <a:lnTo>
                      <a:pt x="357" y="250"/>
                    </a:lnTo>
                    <a:lnTo>
                      <a:pt x="353" y="248"/>
                    </a:lnTo>
                    <a:lnTo>
                      <a:pt x="351" y="246"/>
                    </a:lnTo>
                    <a:lnTo>
                      <a:pt x="344" y="242"/>
                    </a:lnTo>
                    <a:lnTo>
                      <a:pt x="342" y="240"/>
                    </a:lnTo>
                    <a:lnTo>
                      <a:pt x="340" y="239"/>
                    </a:lnTo>
                    <a:lnTo>
                      <a:pt x="333" y="233"/>
                    </a:lnTo>
                    <a:lnTo>
                      <a:pt x="331" y="233"/>
                    </a:lnTo>
                    <a:lnTo>
                      <a:pt x="331" y="231"/>
                    </a:lnTo>
                    <a:lnTo>
                      <a:pt x="329" y="231"/>
                    </a:lnTo>
                    <a:lnTo>
                      <a:pt x="327" y="231"/>
                    </a:lnTo>
                    <a:lnTo>
                      <a:pt x="326" y="231"/>
                    </a:lnTo>
                    <a:lnTo>
                      <a:pt x="324" y="233"/>
                    </a:lnTo>
                    <a:lnTo>
                      <a:pt x="322" y="233"/>
                    </a:lnTo>
                    <a:lnTo>
                      <a:pt x="320" y="233"/>
                    </a:lnTo>
                    <a:lnTo>
                      <a:pt x="316" y="235"/>
                    </a:lnTo>
                    <a:lnTo>
                      <a:pt x="314" y="235"/>
                    </a:lnTo>
                    <a:lnTo>
                      <a:pt x="311" y="237"/>
                    </a:lnTo>
                    <a:lnTo>
                      <a:pt x="309" y="237"/>
                    </a:lnTo>
                    <a:lnTo>
                      <a:pt x="307" y="237"/>
                    </a:lnTo>
                    <a:lnTo>
                      <a:pt x="305" y="237"/>
                    </a:lnTo>
                    <a:lnTo>
                      <a:pt x="305" y="239"/>
                    </a:lnTo>
                    <a:lnTo>
                      <a:pt x="303" y="237"/>
                    </a:lnTo>
                    <a:lnTo>
                      <a:pt x="303" y="239"/>
                    </a:lnTo>
                    <a:lnTo>
                      <a:pt x="303" y="240"/>
                    </a:lnTo>
                    <a:lnTo>
                      <a:pt x="303" y="242"/>
                    </a:lnTo>
                    <a:lnTo>
                      <a:pt x="305" y="255"/>
                    </a:lnTo>
                    <a:lnTo>
                      <a:pt x="307" y="257"/>
                    </a:lnTo>
                    <a:lnTo>
                      <a:pt x="307" y="259"/>
                    </a:lnTo>
                    <a:lnTo>
                      <a:pt x="307" y="261"/>
                    </a:lnTo>
                    <a:lnTo>
                      <a:pt x="307" y="263"/>
                    </a:lnTo>
                    <a:lnTo>
                      <a:pt x="307" y="265"/>
                    </a:lnTo>
                    <a:lnTo>
                      <a:pt x="305" y="265"/>
                    </a:lnTo>
                    <a:lnTo>
                      <a:pt x="305" y="266"/>
                    </a:lnTo>
                    <a:lnTo>
                      <a:pt x="303" y="268"/>
                    </a:lnTo>
                    <a:lnTo>
                      <a:pt x="298" y="270"/>
                    </a:lnTo>
                    <a:lnTo>
                      <a:pt x="296" y="272"/>
                    </a:lnTo>
                    <a:lnTo>
                      <a:pt x="296" y="270"/>
                    </a:lnTo>
                    <a:lnTo>
                      <a:pt x="294" y="270"/>
                    </a:lnTo>
                    <a:lnTo>
                      <a:pt x="294" y="268"/>
                    </a:lnTo>
                    <a:lnTo>
                      <a:pt x="292" y="268"/>
                    </a:lnTo>
                    <a:lnTo>
                      <a:pt x="292" y="266"/>
                    </a:lnTo>
                    <a:lnTo>
                      <a:pt x="292" y="265"/>
                    </a:lnTo>
                    <a:lnTo>
                      <a:pt x="290" y="265"/>
                    </a:lnTo>
                    <a:lnTo>
                      <a:pt x="289" y="265"/>
                    </a:lnTo>
                    <a:lnTo>
                      <a:pt x="287" y="266"/>
                    </a:lnTo>
                    <a:lnTo>
                      <a:pt x="287" y="268"/>
                    </a:lnTo>
                    <a:lnTo>
                      <a:pt x="285" y="270"/>
                    </a:lnTo>
                    <a:lnTo>
                      <a:pt x="285" y="272"/>
                    </a:lnTo>
                    <a:lnTo>
                      <a:pt x="283" y="277"/>
                    </a:lnTo>
                    <a:lnTo>
                      <a:pt x="281" y="277"/>
                    </a:lnTo>
                    <a:lnTo>
                      <a:pt x="281" y="276"/>
                    </a:lnTo>
                    <a:lnTo>
                      <a:pt x="281" y="277"/>
                    </a:lnTo>
                    <a:lnTo>
                      <a:pt x="279" y="279"/>
                    </a:lnTo>
                    <a:lnTo>
                      <a:pt x="279" y="281"/>
                    </a:lnTo>
                    <a:lnTo>
                      <a:pt x="279" y="283"/>
                    </a:lnTo>
                    <a:lnTo>
                      <a:pt x="279" y="285"/>
                    </a:lnTo>
                    <a:lnTo>
                      <a:pt x="277" y="283"/>
                    </a:lnTo>
                    <a:lnTo>
                      <a:pt x="277" y="281"/>
                    </a:lnTo>
                    <a:lnTo>
                      <a:pt x="279" y="281"/>
                    </a:lnTo>
                    <a:lnTo>
                      <a:pt x="279" y="279"/>
                    </a:lnTo>
                    <a:lnTo>
                      <a:pt x="279" y="277"/>
                    </a:lnTo>
                    <a:lnTo>
                      <a:pt x="277" y="277"/>
                    </a:lnTo>
                    <a:lnTo>
                      <a:pt x="274" y="276"/>
                    </a:lnTo>
                    <a:lnTo>
                      <a:pt x="272" y="276"/>
                    </a:lnTo>
                    <a:lnTo>
                      <a:pt x="270" y="276"/>
                    </a:lnTo>
                    <a:lnTo>
                      <a:pt x="268" y="276"/>
                    </a:lnTo>
                    <a:lnTo>
                      <a:pt x="266" y="276"/>
                    </a:lnTo>
                    <a:lnTo>
                      <a:pt x="266" y="277"/>
                    </a:lnTo>
                    <a:lnTo>
                      <a:pt x="266" y="279"/>
                    </a:lnTo>
                    <a:lnTo>
                      <a:pt x="265" y="281"/>
                    </a:lnTo>
                    <a:lnTo>
                      <a:pt x="265" y="283"/>
                    </a:lnTo>
                    <a:lnTo>
                      <a:pt x="263" y="287"/>
                    </a:lnTo>
                    <a:lnTo>
                      <a:pt x="261" y="287"/>
                    </a:lnTo>
                    <a:lnTo>
                      <a:pt x="261" y="289"/>
                    </a:lnTo>
                    <a:lnTo>
                      <a:pt x="259" y="287"/>
                    </a:lnTo>
                    <a:lnTo>
                      <a:pt x="255" y="289"/>
                    </a:lnTo>
                    <a:lnTo>
                      <a:pt x="253" y="290"/>
                    </a:lnTo>
                    <a:lnTo>
                      <a:pt x="250" y="292"/>
                    </a:lnTo>
                    <a:lnTo>
                      <a:pt x="248" y="292"/>
                    </a:lnTo>
                    <a:lnTo>
                      <a:pt x="246" y="294"/>
                    </a:lnTo>
                    <a:lnTo>
                      <a:pt x="242" y="296"/>
                    </a:lnTo>
                    <a:lnTo>
                      <a:pt x="241" y="298"/>
                    </a:lnTo>
                    <a:lnTo>
                      <a:pt x="241" y="300"/>
                    </a:lnTo>
                    <a:lnTo>
                      <a:pt x="239" y="298"/>
                    </a:lnTo>
                    <a:lnTo>
                      <a:pt x="237" y="298"/>
                    </a:lnTo>
                    <a:lnTo>
                      <a:pt x="235" y="298"/>
                    </a:lnTo>
                    <a:lnTo>
                      <a:pt x="233" y="296"/>
                    </a:lnTo>
                    <a:lnTo>
                      <a:pt x="231" y="294"/>
                    </a:lnTo>
                    <a:lnTo>
                      <a:pt x="229" y="292"/>
                    </a:lnTo>
                    <a:lnTo>
                      <a:pt x="229" y="294"/>
                    </a:lnTo>
                    <a:lnTo>
                      <a:pt x="228" y="294"/>
                    </a:lnTo>
                    <a:lnTo>
                      <a:pt x="226" y="292"/>
                    </a:lnTo>
                    <a:lnTo>
                      <a:pt x="224" y="292"/>
                    </a:lnTo>
                    <a:lnTo>
                      <a:pt x="224" y="290"/>
                    </a:lnTo>
                    <a:lnTo>
                      <a:pt x="222" y="292"/>
                    </a:lnTo>
                    <a:lnTo>
                      <a:pt x="220" y="289"/>
                    </a:lnTo>
                    <a:lnTo>
                      <a:pt x="220" y="287"/>
                    </a:lnTo>
                    <a:lnTo>
                      <a:pt x="220" y="285"/>
                    </a:lnTo>
                    <a:lnTo>
                      <a:pt x="220" y="283"/>
                    </a:lnTo>
                    <a:lnTo>
                      <a:pt x="218" y="283"/>
                    </a:lnTo>
                    <a:lnTo>
                      <a:pt x="216" y="281"/>
                    </a:lnTo>
                    <a:lnTo>
                      <a:pt x="215" y="283"/>
                    </a:lnTo>
                    <a:lnTo>
                      <a:pt x="213" y="283"/>
                    </a:lnTo>
                    <a:lnTo>
                      <a:pt x="211" y="285"/>
                    </a:lnTo>
                    <a:lnTo>
                      <a:pt x="209" y="285"/>
                    </a:lnTo>
                    <a:lnTo>
                      <a:pt x="207" y="283"/>
                    </a:lnTo>
                    <a:lnTo>
                      <a:pt x="204" y="285"/>
                    </a:lnTo>
                    <a:lnTo>
                      <a:pt x="204" y="287"/>
                    </a:lnTo>
                    <a:lnTo>
                      <a:pt x="202" y="289"/>
                    </a:lnTo>
                    <a:lnTo>
                      <a:pt x="198" y="289"/>
                    </a:lnTo>
                    <a:lnTo>
                      <a:pt x="196" y="289"/>
                    </a:lnTo>
                    <a:lnTo>
                      <a:pt x="194" y="290"/>
                    </a:lnTo>
                    <a:lnTo>
                      <a:pt x="192" y="290"/>
                    </a:lnTo>
                    <a:lnTo>
                      <a:pt x="191" y="292"/>
                    </a:lnTo>
                    <a:lnTo>
                      <a:pt x="189" y="292"/>
                    </a:lnTo>
                    <a:lnTo>
                      <a:pt x="187" y="292"/>
                    </a:lnTo>
                    <a:lnTo>
                      <a:pt x="187" y="294"/>
                    </a:lnTo>
                    <a:lnTo>
                      <a:pt x="187" y="296"/>
                    </a:lnTo>
                    <a:lnTo>
                      <a:pt x="187" y="298"/>
                    </a:lnTo>
                    <a:lnTo>
                      <a:pt x="187" y="300"/>
                    </a:lnTo>
                    <a:lnTo>
                      <a:pt x="189" y="302"/>
                    </a:lnTo>
                    <a:lnTo>
                      <a:pt x="189" y="303"/>
                    </a:lnTo>
                    <a:lnTo>
                      <a:pt x="189" y="305"/>
                    </a:lnTo>
                    <a:lnTo>
                      <a:pt x="191" y="307"/>
                    </a:lnTo>
                    <a:lnTo>
                      <a:pt x="191" y="309"/>
                    </a:lnTo>
                    <a:lnTo>
                      <a:pt x="189" y="309"/>
                    </a:lnTo>
                    <a:lnTo>
                      <a:pt x="187" y="307"/>
                    </a:lnTo>
                    <a:lnTo>
                      <a:pt x="185" y="307"/>
                    </a:lnTo>
                    <a:lnTo>
                      <a:pt x="183" y="307"/>
                    </a:lnTo>
                    <a:lnTo>
                      <a:pt x="181" y="305"/>
                    </a:lnTo>
                    <a:lnTo>
                      <a:pt x="180" y="305"/>
                    </a:lnTo>
                    <a:lnTo>
                      <a:pt x="180" y="303"/>
                    </a:lnTo>
                    <a:lnTo>
                      <a:pt x="180" y="302"/>
                    </a:lnTo>
                    <a:lnTo>
                      <a:pt x="180" y="300"/>
                    </a:lnTo>
                    <a:lnTo>
                      <a:pt x="180" y="298"/>
                    </a:lnTo>
                    <a:lnTo>
                      <a:pt x="178" y="298"/>
                    </a:lnTo>
                    <a:lnTo>
                      <a:pt x="176" y="300"/>
                    </a:lnTo>
                    <a:lnTo>
                      <a:pt x="174" y="300"/>
                    </a:lnTo>
                    <a:lnTo>
                      <a:pt x="172" y="302"/>
                    </a:lnTo>
                    <a:lnTo>
                      <a:pt x="170" y="302"/>
                    </a:lnTo>
                    <a:lnTo>
                      <a:pt x="170" y="303"/>
                    </a:lnTo>
                    <a:lnTo>
                      <a:pt x="170" y="305"/>
                    </a:lnTo>
                    <a:lnTo>
                      <a:pt x="172" y="307"/>
                    </a:lnTo>
                    <a:lnTo>
                      <a:pt x="172" y="309"/>
                    </a:lnTo>
                    <a:lnTo>
                      <a:pt x="174" y="309"/>
                    </a:lnTo>
                    <a:lnTo>
                      <a:pt x="174" y="311"/>
                    </a:lnTo>
                    <a:lnTo>
                      <a:pt x="172" y="313"/>
                    </a:lnTo>
                    <a:lnTo>
                      <a:pt x="172" y="314"/>
                    </a:lnTo>
                    <a:lnTo>
                      <a:pt x="174" y="316"/>
                    </a:lnTo>
                    <a:lnTo>
                      <a:pt x="176" y="316"/>
                    </a:lnTo>
                    <a:lnTo>
                      <a:pt x="176" y="318"/>
                    </a:lnTo>
                    <a:lnTo>
                      <a:pt x="176" y="320"/>
                    </a:lnTo>
                    <a:lnTo>
                      <a:pt x="178" y="320"/>
                    </a:lnTo>
                    <a:lnTo>
                      <a:pt x="178" y="322"/>
                    </a:lnTo>
                    <a:lnTo>
                      <a:pt x="180" y="322"/>
                    </a:lnTo>
                    <a:lnTo>
                      <a:pt x="180" y="324"/>
                    </a:lnTo>
                    <a:lnTo>
                      <a:pt x="181" y="324"/>
                    </a:lnTo>
                    <a:lnTo>
                      <a:pt x="180" y="326"/>
                    </a:lnTo>
                    <a:lnTo>
                      <a:pt x="180" y="327"/>
                    </a:lnTo>
                    <a:lnTo>
                      <a:pt x="180" y="329"/>
                    </a:lnTo>
                    <a:lnTo>
                      <a:pt x="178" y="329"/>
                    </a:lnTo>
                    <a:lnTo>
                      <a:pt x="178" y="331"/>
                    </a:lnTo>
                    <a:lnTo>
                      <a:pt x="178" y="333"/>
                    </a:lnTo>
                    <a:lnTo>
                      <a:pt x="174" y="333"/>
                    </a:lnTo>
                    <a:lnTo>
                      <a:pt x="172" y="333"/>
                    </a:lnTo>
                    <a:lnTo>
                      <a:pt x="170" y="333"/>
                    </a:lnTo>
                    <a:lnTo>
                      <a:pt x="168" y="333"/>
                    </a:lnTo>
                    <a:lnTo>
                      <a:pt x="167" y="335"/>
                    </a:lnTo>
                    <a:lnTo>
                      <a:pt x="165" y="335"/>
                    </a:lnTo>
                    <a:lnTo>
                      <a:pt x="163" y="335"/>
                    </a:lnTo>
                    <a:lnTo>
                      <a:pt x="161" y="333"/>
                    </a:lnTo>
                    <a:lnTo>
                      <a:pt x="159" y="333"/>
                    </a:lnTo>
                    <a:lnTo>
                      <a:pt x="157" y="331"/>
                    </a:lnTo>
                    <a:lnTo>
                      <a:pt x="155" y="331"/>
                    </a:lnTo>
                    <a:lnTo>
                      <a:pt x="152" y="329"/>
                    </a:lnTo>
                    <a:lnTo>
                      <a:pt x="150" y="329"/>
                    </a:lnTo>
                    <a:lnTo>
                      <a:pt x="148" y="329"/>
                    </a:lnTo>
                    <a:lnTo>
                      <a:pt x="148" y="331"/>
                    </a:lnTo>
                    <a:lnTo>
                      <a:pt x="148" y="329"/>
                    </a:lnTo>
                    <a:lnTo>
                      <a:pt x="146" y="331"/>
                    </a:lnTo>
                    <a:lnTo>
                      <a:pt x="144" y="331"/>
                    </a:lnTo>
                    <a:lnTo>
                      <a:pt x="143" y="331"/>
                    </a:lnTo>
                    <a:lnTo>
                      <a:pt x="141" y="331"/>
                    </a:lnTo>
                    <a:lnTo>
                      <a:pt x="139" y="329"/>
                    </a:lnTo>
                    <a:lnTo>
                      <a:pt x="137" y="329"/>
                    </a:lnTo>
                    <a:lnTo>
                      <a:pt x="135" y="329"/>
                    </a:lnTo>
                    <a:lnTo>
                      <a:pt x="133" y="329"/>
                    </a:lnTo>
                    <a:lnTo>
                      <a:pt x="133" y="331"/>
                    </a:lnTo>
                    <a:lnTo>
                      <a:pt x="133" y="333"/>
                    </a:lnTo>
                    <a:lnTo>
                      <a:pt x="133" y="331"/>
                    </a:lnTo>
                    <a:lnTo>
                      <a:pt x="131" y="331"/>
                    </a:lnTo>
                    <a:lnTo>
                      <a:pt x="130" y="331"/>
                    </a:lnTo>
                    <a:lnTo>
                      <a:pt x="128" y="331"/>
                    </a:lnTo>
                    <a:lnTo>
                      <a:pt x="126" y="331"/>
                    </a:lnTo>
                    <a:lnTo>
                      <a:pt x="124" y="331"/>
                    </a:lnTo>
                    <a:lnTo>
                      <a:pt x="124" y="333"/>
                    </a:lnTo>
                    <a:lnTo>
                      <a:pt x="124" y="335"/>
                    </a:lnTo>
                    <a:lnTo>
                      <a:pt x="124" y="337"/>
                    </a:lnTo>
                    <a:lnTo>
                      <a:pt x="126" y="338"/>
                    </a:lnTo>
                    <a:lnTo>
                      <a:pt x="124" y="338"/>
                    </a:lnTo>
                    <a:lnTo>
                      <a:pt x="124" y="340"/>
                    </a:lnTo>
                    <a:lnTo>
                      <a:pt x="126" y="340"/>
                    </a:lnTo>
                    <a:lnTo>
                      <a:pt x="124" y="340"/>
                    </a:lnTo>
                    <a:lnTo>
                      <a:pt x="122" y="340"/>
                    </a:lnTo>
                    <a:lnTo>
                      <a:pt x="122" y="338"/>
                    </a:lnTo>
                    <a:lnTo>
                      <a:pt x="120" y="340"/>
                    </a:lnTo>
                    <a:lnTo>
                      <a:pt x="119" y="340"/>
                    </a:lnTo>
                    <a:lnTo>
                      <a:pt x="119" y="338"/>
                    </a:lnTo>
                    <a:lnTo>
                      <a:pt x="119" y="337"/>
                    </a:lnTo>
                    <a:lnTo>
                      <a:pt x="117" y="335"/>
                    </a:lnTo>
                    <a:lnTo>
                      <a:pt x="115" y="337"/>
                    </a:lnTo>
                    <a:lnTo>
                      <a:pt x="113" y="337"/>
                    </a:lnTo>
                    <a:lnTo>
                      <a:pt x="111" y="337"/>
                    </a:lnTo>
                    <a:lnTo>
                      <a:pt x="109" y="337"/>
                    </a:lnTo>
                    <a:lnTo>
                      <a:pt x="109" y="335"/>
                    </a:lnTo>
                    <a:lnTo>
                      <a:pt x="107" y="335"/>
                    </a:lnTo>
                    <a:lnTo>
                      <a:pt x="107" y="333"/>
                    </a:lnTo>
                    <a:lnTo>
                      <a:pt x="107" y="331"/>
                    </a:lnTo>
                    <a:lnTo>
                      <a:pt x="109" y="331"/>
                    </a:lnTo>
                    <a:lnTo>
                      <a:pt x="109" y="329"/>
                    </a:lnTo>
                    <a:lnTo>
                      <a:pt x="107" y="329"/>
                    </a:lnTo>
                    <a:lnTo>
                      <a:pt x="106" y="327"/>
                    </a:lnTo>
                    <a:lnTo>
                      <a:pt x="106" y="326"/>
                    </a:lnTo>
                    <a:lnTo>
                      <a:pt x="104" y="326"/>
                    </a:lnTo>
                    <a:lnTo>
                      <a:pt x="102" y="326"/>
                    </a:lnTo>
                    <a:lnTo>
                      <a:pt x="100" y="326"/>
                    </a:lnTo>
                    <a:lnTo>
                      <a:pt x="98" y="326"/>
                    </a:lnTo>
                    <a:lnTo>
                      <a:pt x="96" y="326"/>
                    </a:lnTo>
                    <a:lnTo>
                      <a:pt x="96" y="327"/>
                    </a:lnTo>
                    <a:lnTo>
                      <a:pt x="96" y="329"/>
                    </a:lnTo>
                    <a:lnTo>
                      <a:pt x="96" y="331"/>
                    </a:lnTo>
                    <a:lnTo>
                      <a:pt x="98" y="331"/>
                    </a:lnTo>
                    <a:lnTo>
                      <a:pt x="100" y="331"/>
                    </a:lnTo>
                    <a:lnTo>
                      <a:pt x="102" y="333"/>
                    </a:lnTo>
                    <a:lnTo>
                      <a:pt x="102" y="335"/>
                    </a:lnTo>
                    <a:lnTo>
                      <a:pt x="102" y="337"/>
                    </a:lnTo>
                    <a:lnTo>
                      <a:pt x="100" y="337"/>
                    </a:lnTo>
                    <a:lnTo>
                      <a:pt x="98" y="338"/>
                    </a:lnTo>
                    <a:lnTo>
                      <a:pt x="96" y="338"/>
                    </a:lnTo>
                    <a:lnTo>
                      <a:pt x="96" y="340"/>
                    </a:lnTo>
                    <a:lnTo>
                      <a:pt x="94" y="340"/>
                    </a:lnTo>
                    <a:lnTo>
                      <a:pt x="93" y="340"/>
                    </a:lnTo>
                    <a:lnTo>
                      <a:pt x="94" y="342"/>
                    </a:lnTo>
                    <a:lnTo>
                      <a:pt x="96" y="344"/>
                    </a:lnTo>
                    <a:lnTo>
                      <a:pt x="98" y="344"/>
                    </a:lnTo>
                    <a:lnTo>
                      <a:pt x="100" y="344"/>
                    </a:lnTo>
                    <a:lnTo>
                      <a:pt x="102" y="344"/>
                    </a:lnTo>
                    <a:lnTo>
                      <a:pt x="104" y="346"/>
                    </a:lnTo>
                    <a:lnTo>
                      <a:pt x="102" y="346"/>
                    </a:lnTo>
                    <a:lnTo>
                      <a:pt x="100" y="346"/>
                    </a:lnTo>
                    <a:lnTo>
                      <a:pt x="98" y="346"/>
                    </a:lnTo>
                    <a:lnTo>
                      <a:pt x="96" y="348"/>
                    </a:lnTo>
                    <a:lnTo>
                      <a:pt x="94" y="348"/>
                    </a:lnTo>
                    <a:lnTo>
                      <a:pt x="93" y="348"/>
                    </a:lnTo>
                    <a:lnTo>
                      <a:pt x="93" y="346"/>
                    </a:lnTo>
                    <a:lnTo>
                      <a:pt x="91" y="346"/>
                    </a:lnTo>
                    <a:lnTo>
                      <a:pt x="91" y="344"/>
                    </a:lnTo>
                    <a:lnTo>
                      <a:pt x="89" y="344"/>
                    </a:lnTo>
                    <a:lnTo>
                      <a:pt x="89" y="342"/>
                    </a:lnTo>
                    <a:lnTo>
                      <a:pt x="87" y="340"/>
                    </a:lnTo>
                    <a:lnTo>
                      <a:pt x="87" y="338"/>
                    </a:lnTo>
                    <a:lnTo>
                      <a:pt x="87" y="337"/>
                    </a:lnTo>
                    <a:lnTo>
                      <a:pt x="85" y="335"/>
                    </a:lnTo>
                    <a:lnTo>
                      <a:pt x="85" y="331"/>
                    </a:lnTo>
                    <a:lnTo>
                      <a:pt x="83" y="329"/>
                    </a:lnTo>
                    <a:lnTo>
                      <a:pt x="83" y="327"/>
                    </a:lnTo>
                    <a:lnTo>
                      <a:pt x="83" y="326"/>
                    </a:lnTo>
                    <a:lnTo>
                      <a:pt x="85" y="322"/>
                    </a:lnTo>
                    <a:lnTo>
                      <a:pt x="87" y="320"/>
                    </a:lnTo>
                    <a:lnTo>
                      <a:pt x="87" y="316"/>
                    </a:lnTo>
                    <a:lnTo>
                      <a:pt x="87" y="314"/>
                    </a:lnTo>
                    <a:lnTo>
                      <a:pt x="87" y="313"/>
                    </a:lnTo>
                    <a:lnTo>
                      <a:pt x="85" y="311"/>
                    </a:lnTo>
                    <a:lnTo>
                      <a:pt x="83" y="313"/>
                    </a:lnTo>
                    <a:lnTo>
                      <a:pt x="82" y="314"/>
                    </a:lnTo>
                    <a:lnTo>
                      <a:pt x="80" y="316"/>
                    </a:lnTo>
                    <a:lnTo>
                      <a:pt x="78" y="318"/>
                    </a:lnTo>
                    <a:lnTo>
                      <a:pt x="76" y="318"/>
                    </a:lnTo>
                    <a:lnTo>
                      <a:pt x="76" y="320"/>
                    </a:lnTo>
                    <a:lnTo>
                      <a:pt x="74" y="320"/>
                    </a:lnTo>
                    <a:lnTo>
                      <a:pt x="74" y="318"/>
                    </a:lnTo>
                    <a:lnTo>
                      <a:pt x="70" y="316"/>
                    </a:lnTo>
                    <a:lnTo>
                      <a:pt x="69" y="316"/>
                    </a:lnTo>
                    <a:lnTo>
                      <a:pt x="67" y="316"/>
                    </a:lnTo>
                    <a:lnTo>
                      <a:pt x="65" y="314"/>
                    </a:lnTo>
                    <a:lnTo>
                      <a:pt x="63" y="316"/>
                    </a:lnTo>
                    <a:lnTo>
                      <a:pt x="59" y="316"/>
                    </a:lnTo>
                    <a:lnTo>
                      <a:pt x="58" y="318"/>
                    </a:lnTo>
                    <a:lnTo>
                      <a:pt x="54" y="314"/>
                    </a:lnTo>
                    <a:lnTo>
                      <a:pt x="52" y="314"/>
                    </a:lnTo>
                    <a:lnTo>
                      <a:pt x="52" y="313"/>
                    </a:lnTo>
                    <a:lnTo>
                      <a:pt x="50" y="313"/>
                    </a:lnTo>
                    <a:lnTo>
                      <a:pt x="48" y="311"/>
                    </a:lnTo>
                    <a:lnTo>
                      <a:pt x="46" y="311"/>
                    </a:lnTo>
                    <a:lnTo>
                      <a:pt x="45" y="309"/>
                    </a:lnTo>
                    <a:lnTo>
                      <a:pt x="45" y="307"/>
                    </a:lnTo>
                    <a:lnTo>
                      <a:pt x="41" y="303"/>
                    </a:lnTo>
                    <a:lnTo>
                      <a:pt x="39" y="302"/>
                    </a:lnTo>
                    <a:lnTo>
                      <a:pt x="37" y="300"/>
                    </a:lnTo>
                    <a:lnTo>
                      <a:pt x="35" y="298"/>
                    </a:lnTo>
                    <a:lnTo>
                      <a:pt x="33" y="296"/>
                    </a:lnTo>
                    <a:lnTo>
                      <a:pt x="32" y="294"/>
                    </a:lnTo>
                    <a:lnTo>
                      <a:pt x="30" y="294"/>
                    </a:lnTo>
                    <a:lnTo>
                      <a:pt x="28" y="292"/>
                    </a:lnTo>
                    <a:lnTo>
                      <a:pt x="24" y="292"/>
                    </a:lnTo>
                    <a:lnTo>
                      <a:pt x="22" y="292"/>
                    </a:lnTo>
                    <a:lnTo>
                      <a:pt x="19" y="292"/>
                    </a:lnTo>
                    <a:lnTo>
                      <a:pt x="15" y="292"/>
                    </a:lnTo>
                    <a:lnTo>
                      <a:pt x="13" y="292"/>
                    </a:lnTo>
                    <a:lnTo>
                      <a:pt x="11" y="292"/>
                    </a:lnTo>
                    <a:lnTo>
                      <a:pt x="11" y="290"/>
                    </a:lnTo>
                    <a:lnTo>
                      <a:pt x="9" y="289"/>
                    </a:lnTo>
                    <a:lnTo>
                      <a:pt x="8" y="287"/>
                    </a:lnTo>
                    <a:lnTo>
                      <a:pt x="8" y="285"/>
                    </a:lnTo>
                    <a:lnTo>
                      <a:pt x="6" y="281"/>
                    </a:lnTo>
                    <a:lnTo>
                      <a:pt x="4" y="281"/>
                    </a:lnTo>
                    <a:lnTo>
                      <a:pt x="4" y="279"/>
                    </a:lnTo>
                    <a:lnTo>
                      <a:pt x="2" y="277"/>
                    </a:lnTo>
                    <a:lnTo>
                      <a:pt x="4" y="274"/>
                    </a:lnTo>
                    <a:lnTo>
                      <a:pt x="4" y="272"/>
                    </a:lnTo>
                    <a:lnTo>
                      <a:pt x="6" y="268"/>
                    </a:lnTo>
                    <a:lnTo>
                      <a:pt x="8" y="268"/>
                    </a:lnTo>
                    <a:lnTo>
                      <a:pt x="8" y="266"/>
                    </a:lnTo>
                    <a:lnTo>
                      <a:pt x="9" y="266"/>
                    </a:lnTo>
                    <a:lnTo>
                      <a:pt x="13" y="266"/>
                    </a:lnTo>
                    <a:lnTo>
                      <a:pt x="15" y="266"/>
                    </a:lnTo>
                    <a:lnTo>
                      <a:pt x="17" y="265"/>
                    </a:lnTo>
                    <a:lnTo>
                      <a:pt x="19" y="265"/>
                    </a:lnTo>
                    <a:lnTo>
                      <a:pt x="19" y="263"/>
                    </a:lnTo>
                    <a:lnTo>
                      <a:pt x="21" y="259"/>
                    </a:lnTo>
                    <a:lnTo>
                      <a:pt x="21" y="257"/>
                    </a:lnTo>
                    <a:lnTo>
                      <a:pt x="22" y="257"/>
                    </a:lnTo>
                    <a:lnTo>
                      <a:pt x="22" y="253"/>
                    </a:lnTo>
                    <a:lnTo>
                      <a:pt x="21" y="253"/>
                    </a:lnTo>
                    <a:lnTo>
                      <a:pt x="21" y="252"/>
                    </a:lnTo>
                    <a:lnTo>
                      <a:pt x="19" y="248"/>
                    </a:lnTo>
                    <a:lnTo>
                      <a:pt x="17" y="246"/>
                    </a:lnTo>
                    <a:lnTo>
                      <a:pt x="15" y="242"/>
                    </a:lnTo>
                    <a:lnTo>
                      <a:pt x="13" y="240"/>
                    </a:lnTo>
                    <a:lnTo>
                      <a:pt x="11" y="237"/>
                    </a:lnTo>
                    <a:lnTo>
                      <a:pt x="11" y="235"/>
                    </a:lnTo>
                    <a:lnTo>
                      <a:pt x="9" y="235"/>
                    </a:lnTo>
                    <a:lnTo>
                      <a:pt x="8" y="233"/>
                    </a:lnTo>
                    <a:lnTo>
                      <a:pt x="6" y="233"/>
                    </a:lnTo>
                    <a:lnTo>
                      <a:pt x="4" y="233"/>
                    </a:lnTo>
                    <a:lnTo>
                      <a:pt x="2" y="231"/>
                    </a:lnTo>
                    <a:lnTo>
                      <a:pt x="2" y="229"/>
                    </a:lnTo>
                    <a:lnTo>
                      <a:pt x="0" y="229"/>
                    </a:lnTo>
                    <a:lnTo>
                      <a:pt x="0" y="228"/>
                    </a:lnTo>
                    <a:lnTo>
                      <a:pt x="2" y="226"/>
                    </a:lnTo>
                    <a:lnTo>
                      <a:pt x="4" y="224"/>
                    </a:lnTo>
                    <a:lnTo>
                      <a:pt x="4" y="222"/>
                    </a:lnTo>
                    <a:lnTo>
                      <a:pt x="6" y="220"/>
                    </a:lnTo>
                    <a:lnTo>
                      <a:pt x="8" y="218"/>
                    </a:lnTo>
                    <a:lnTo>
                      <a:pt x="9" y="215"/>
                    </a:lnTo>
                    <a:lnTo>
                      <a:pt x="11" y="213"/>
                    </a:lnTo>
                    <a:lnTo>
                      <a:pt x="13" y="211"/>
                    </a:lnTo>
                    <a:lnTo>
                      <a:pt x="15" y="207"/>
                    </a:lnTo>
                    <a:lnTo>
                      <a:pt x="17" y="205"/>
                    </a:lnTo>
                    <a:lnTo>
                      <a:pt x="17" y="203"/>
                    </a:lnTo>
                    <a:lnTo>
                      <a:pt x="19" y="203"/>
                    </a:lnTo>
                    <a:lnTo>
                      <a:pt x="21" y="203"/>
                    </a:lnTo>
                    <a:lnTo>
                      <a:pt x="22" y="205"/>
                    </a:lnTo>
                    <a:lnTo>
                      <a:pt x="24" y="203"/>
                    </a:lnTo>
                    <a:lnTo>
                      <a:pt x="26" y="202"/>
                    </a:lnTo>
                    <a:lnTo>
                      <a:pt x="28" y="202"/>
                    </a:lnTo>
                    <a:lnTo>
                      <a:pt x="28" y="200"/>
                    </a:lnTo>
                    <a:lnTo>
                      <a:pt x="30" y="202"/>
                    </a:lnTo>
                    <a:lnTo>
                      <a:pt x="32" y="200"/>
                    </a:lnTo>
                    <a:lnTo>
                      <a:pt x="33" y="198"/>
                    </a:lnTo>
                    <a:lnTo>
                      <a:pt x="35" y="196"/>
                    </a:lnTo>
                    <a:lnTo>
                      <a:pt x="35" y="194"/>
                    </a:lnTo>
                    <a:lnTo>
                      <a:pt x="37" y="194"/>
                    </a:lnTo>
                    <a:lnTo>
                      <a:pt x="39" y="192"/>
                    </a:lnTo>
                    <a:lnTo>
                      <a:pt x="39" y="191"/>
                    </a:lnTo>
                    <a:lnTo>
                      <a:pt x="41" y="191"/>
                    </a:lnTo>
                    <a:lnTo>
                      <a:pt x="41" y="189"/>
                    </a:lnTo>
                    <a:lnTo>
                      <a:pt x="43" y="189"/>
                    </a:lnTo>
                    <a:lnTo>
                      <a:pt x="45" y="187"/>
                    </a:lnTo>
                    <a:lnTo>
                      <a:pt x="46" y="185"/>
                    </a:lnTo>
                    <a:lnTo>
                      <a:pt x="48" y="187"/>
                    </a:lnTo>
                    <a:lnTo>
                      <a:pt x="50" y="187"/>
                    </a:lnTo>
                    <a:lnTo>
                      <a:pt x="52" y="187"/>
                    </a:lnTo>
                    <a:lnTo>
                      <a:pt x="52" y="185"/>
                    </a:lnTo>
                    <a:lnTo>
                      <a:pt x="50" y="185"/>
                    </a:lnTo>
                    <a:lnTo>
                      <a:pt x="48" y="183"/>
                    </a:lnTo>
                    <a:lnTo>
                      <a:pt x="50" y="181"/>
                    </a:lnTo>
                    <a:lnTo>
                      <a:pt x="52" y="179"/>
                    </a:lnTo>
                    <a:lnTo>
                      <a:pt x="54" y="179"/>
                    </a:lnTo>
                    <a:lnTo>
                      <a:pt x="54" y="178"/>
                    </a:lnTo>
                    <a:lnTo>
                      <a:pt x="56" y="176"/>
                    </a:lnTo>
                    <a:lnTo>
                      <a:pt x="58" y="176"/>
                    </a:lnTo>
                    <a:lnTo>
                      <a:pt x="59" y="176"/>
                    </a:lnTo>
                    <a:lnTo>
                      <a:pt x="61" y="176"/>
                    </a:lnTo>
                    <a:lnTo>
                      <a:pt x="63" y="178"/>
                    </a:lnTo>
                    <a:lnTo>
                      <a:pt x="65" y="178"/>
                    </a:lnTo>
                    <a:lnTo>
                      <a:pt x="67" y="178"/>
                    </a:lnTo>
                    <a:lnTo>
                      <a:pt x="69" y="178"/>
                    </a:lnTo>
                    <a:lnTo>
                      <a:pt x="70" y="176"/>
                    </a:lnTo>
                    <a:lnTo>
                      <a:pt x="69" y="176"/>
                    </a:lnTo>
                    <a:lnTo>
                      <a:pt x="69" y="174"/>
                    </a:lnTo>
                    <a:lnTo>
                      <a:pt x="69" y="170"/>
                    </a:lnTo>
                    <a:lnTo>
                      <a:pt x="69" y="168"/>
                    </a:lnTo>
                    <a:lnTo>
                      <a:pt x="70" y="166"/>
                    </a:lnTo>
                    <a:lnTo>
                      <a:pt x="72" y="165"/>
                    </a:lnTo>
                    <a:lnTo>
                      <a:pt x="72" y="163"/>
                    </a:lnTo>
                    <a:lnTo>
                      <a:pt x="72" y="161"/>
                    </a:lnTo>
                    <a:lnTo>
                      <a:pt x="70" y="161"/>
                    </a:lnTo>
                    <a:lnTo>
                      <a:pt x="69" y="161"/>
                    </a:lnTo>
                    <a:lnTo>
                      <a:pt x="67" y="161"/>
                    </a:lnTo>
                    <a:lnTo>
                      <a:pt x="65" y="161"/>
                    </a:lnTo>
                    <a:lnTo>
                      <a:pt x="65" y="159"/>
                    </a:lnTo>
                    <a:lnTo>
                      <a:pt x="65" y="157"/>
                    </a:lnTo>
                    <a:lnTo>
                      <a:pt x="63" y="155"/>
                    </a:lnTo>
                    <a:lnTo>
                      <a:pt x="63" y="154"/>
                    </a:lnTo>
                    <a:lnTo>
                      <a:pt x="63" y="152"/>
                    </a:lnTo>
                    <a:lnTo>
                      <a:pt x="63" y="150"/>
                    </a:lnTo>
                    <a:lnTo>
                      <a:pt x="63" y="148"/>
                    </a:lnTo>
                    <a:lnTo>
                      <a:pt x="61" y="146"/>
                    </a:lnTo>
                    <a:lnTo>
                      <a:pt x="61" y="144"/>
                    </a:lnTo>
                    <a:lnTo>
                      <a:pt x="63" y="142"/>
                    </a:lnTo>
                    <a:lnTo>
                      <a:pt x="65" y="141"/>
                    </a:lnTo>
                    <a:lnTo>
                      <a:pt x="65" y="139"/>
                    </a:lnTo>
                    <a:lnTo>
                      <a:pt x="69" y="137"/>
                    </a:lnTo>
                    <a:lnTo>
                      <a:pt x="70" y="137"/>
                    </a:lnTo>
                    <a:lnTo>
                      <a:pt x="70" y="135"/>
                    </a:lnTo>
                    <a:lnTo>
                      <a:pt x="69" y="133"/>
                    </a:lnTo>
                    <a:lnTo>
                      <a:pt x="70" y="133"/>
                    </a:lnTo>
                    <a:lnTo>
                      <a:pt x="70" y="131"/>
                    </a:lnTo>
                    <a:lnTo>
                      <a:pt x="70" y="129"/>
                    </a:lnTo>
                    <a:lnTo>
                      <a:pt x="70" y="128"/>
                    </a:lnTo>
                    <a:lnTo>
                      <a:pt x="70" y="126"/>
                    </a:lnTo>
                    <a:lnTo>
                      <a:pt x="70" y="124"/>
                    </a:lnTo>
                    <a:lnTo>
                      <a:pt x="70" y="122"/>
                    </a:lnTo>
                    <a:lnTo>
                      <a:pt x="72" y="122"/>
                    </a:lnTo>
                    <a:lnTo>
                      <a:pt x="72" y="120"/>
                    </a:lnTo>
                    <a:lnTo>
                      <a:pt x="74" y="120"/>
                    </a:lnTo>
                    <a:lnTo>
                      <a:pt x="78" y="118"/>
                    </a:lnTo>
                    <a:lnTo>
                      <a:pt x="80" y="118"/>
                    </a:lnTo>
                    <a:lnTo>
                      <a:pt x="82" y="117"/>
                    </a:lnTo>
                    <a:lnTo>
                      <a:pt x="83" y="115"/>
                    </a:lnTo>
                    <a:lnTo>
                      <a:pt x="85" y="113"/>
                    </a:lnTo>
                    <a:lnTo>
                      <a:pt x="85" y="111"/>
                    </a:lnTo>
                    <a:lnTo>
                      <a:pt x="85" y="107"/>
                    </a:lnTo>
                    <a:lnTo>
                      <a:pt x="87" y="107"/>
                    </a:lnTo>
                    <a:lnTo>
                      <a:pt x="87" y="105"/>
                    </a:lnTo>
                    <a:lnTo>
                      <a:pt x="87" y="104"/>
                    </a:lnTo>
                    <a:lnTo>
                      <a:pt x="87" y="102"/>
                    </a:lnTo>
                    <a:lnTo>
                      <a:pt x="89" y="102"/>
                    </a:lnTo>
                    <a:lnTo>
                      <a:pt x="89" y="100"/>
                    </a:lnTo>
                    <a:lnTo>
                      <a:pt x="89" y="98"/>
                    </a:lnTo>
                    <a:lnTo>
                      <a:pt x="93" y="94"/>
                    </a:lnTo>
                    <a:lnTo>
                      <a:pt x="93" y="92"/>
                    </a:lnTo>
                    <a:lnTo>
                      <a:pt x="94" y="91"/>
                    </a:lnTo>
                    <a:lnTo>
                      <a:pt x="96" y="91"/>
                    </a:lnTo>
                    <a:lnTo>
                      <a:pt x="98" y="89"/>
                    </a:lnTo>
                    <a:lnTo>
                      <a:pt x="100" y="87"/>
                    </a:lnTo>
                    <a:lnTo>
                      <a:pt x="102" y="85"/>
                    </a:lnTo>
                    <a:lnTo>
                      <a:pt x="104" y="85"/>
                    </a:lnTo>
                    <a:lnTo>
                      <a:pt x="104" y="83"/>
                    </a:lnTo>
                    <a:lnTo>
                      <a:pt x="106" y="83"/>
                    </a:lnTo>
                    <a:lnTo>
                      <a:pt x="106" y="81"/>
                    </a:lnTo>
                    <a:lnTo>
                      <a:pt x="106" y="80"/>
                    </a:lnTo>
                    <a:lnTo>
                      <a:pt x="107" y="80"/>
                    </a:lnTo>
                    <a:lnTo>
                      <a:pt x="107" y="78"/>
                    </a:lnTo>
                    <a:lnTo>
                      <a:pt x="109" y="78"/>
                    </a:lnTo>
                    <a:lnTo>
                      <a:pt x="111" y="76"/>
                    </a:lnTo>
                    <a:lnTo>
                      <a:pt x="115" y="74"/>
                    </a:lnTo>
                    <a:lnTo>
                      <a:pt x="117" y="76"/>
                    </a:lnTo>
                    <a:lnTo>
                      <a:pt x="119" y="78"/>
                    </a:lnTo>
                    <a:lnTo>
                      <a:pt x="120" y="78"/>
                    </a:lnTo>
                    <a:lnTo>
                      <a:pt x="122" y="78"/>
                    </a:lnTo>
                    <a:lnTo>
                      <a:pt x="124" y="78"/>
                    </a:lnTo>
                    <a:lnTo>
                      <a:pt x="126" y="78"/>
                    </a:lnTo>
                    <a:lnTo>
                      <a:pt x="128" y="76"/>
                    </a:lnTo>
                    <a:lnTo>
                      <a:pt x="128" y="74"/>
                    </a:lnTo>
                    <a:lnTo>
                      <a:pt x="131" y="74"/>
                    </a:lnTo>
                    <a:lnTo>
                      <a:pt x="133" y="72"/>
                    </a:lnTo>
                    <a:lnTo>
                      <a:pt x="135" y="74"/>
                    </a:lnTo>
                    <a:lnTo>
                      <a:pt x="135" y="72"/>
                    </a:lnTo>
                    <a:lnTo>
                      <a:pt x="137" y="72"/>
                    </a:lnTo>
                    <a:lnTo>
                      <a:pt x="139" y="72"/>
                    </a:lnTo>
                    <a:lnTo>
                      <a:pt x="141" y="70"/>
                    </a:lnTo>
                    <a:lnTo>
                      <a:pt x="143" y="70"/>
                    </a:lnTo>
                    <a:lnTo>
                      <a:pt x="144" y="67"/>
                    </a:lnTo>
                    <a:lnTo>
                      <a:pt x="146" y="68"/>
                    </a:lnTo>
                    <a:lnTo>
                      <a:pt x="148" y="70"/>
                    </a:lnTo>
                    <a:lnTo>
                      <a:pt x="150" y="70"/>
                    </a:lnTo>
                    <a:lnTo>
                      <a:pt x="152" y="72"/>
                    </a:lnTo>
                    <a:lnTo>
                      <a:pt x="154" y="74"/>
                    </a:lnTo>
                    <a:lnTo>
                      <a:pt x="154" y="76"/>
                    </a:lnTo>
                    <a:lnTo>
                      <a:pt x="157" y="78"/>
                    </a:lnTo>
                    <a:close/>
                  </a:path>
                </a:pathLst>
              </a:custGeom>
              <a:solidFill>
                <a:srgbClr val="800080">
                  <a:alpha val="50196"/>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50" name="Freeform 206"/>
              <p:cNvSpPr>
                <a:spLocks/>
              </p:cNvSpPr>
              <p:nvPr/>
            </p:nvSpPr>
            <p:spPr bwMode="auto">
              <a:xfrm>
                <a:off x="7262812" y="438150"/>
                <a:ext cx="238125" cy="280988"/>
              </a:xfrm>
              <a:custGeom>
                <a:avLst/>
                <a:gdLst>
                  <a:gd name="T0" fmla="*/ 39 w 150"/>
                  <a:gd name="T1" fmla="*/ 127 h 177"/>
                  <a:gd name="T2" fmla="*/ 35 w 150"/>
                  <a:gd name="T3" fmla="*/ 114 h 177"/>
                  <a:gd name="T4" fmla="*/ 39 w 150"/>
                  <a:gd name="T5" fmla="*/ 103 h 177"/>
                  <a:gd name="T6" fmla="*/ 45 w 150"/>
                  <a:gd name="T7" fmla="*/ 94 h 177"/>
                  <a:gd name="T8" fmla="*/ 56 w 150"/>
                  <a:gd name="T9" fmla="*/ 92 h 177"/>
                  <a:gd name="T10" fmla="*/ 52 w 150"/>
                  <a:gd name="T11" fmla="*/ 85 h 177"/>
                  <a:gd name="T12" fmla="*/ 43 w 150"/>
                  <a:gd name="T13" fmla="*/ 83 h 177"/>
                  <a:gd name="T14" fmla="*/ 41 w 150"/>
                  <a:gd name="T15" fmla="*/ 74 h 177"/>
                  <a:gd name="T16" fmla="*/ 33 w 150"/>
                  <a:gd name="T17" fmla="*/ 68 h 177"/>
                  <a:gd name="T18" fmla="*/ 20 w 150"/>
                  <a:gd name="T19" fmla="*/ 68 h 177"/>
                  <a:gd name="T20" fmla="*/ 9 w 150"/>
                  <a:gd name="T21" fmla="*/ 66 h 177"/>
                  <a:gd name="T22" fmla="*/ 0 w 150"/>
                  <a:gd name="T23" fmla="*/ 63 h 177"/>
                  <a:gd name="T24" fmla="*/ 4 w 150"/>
                  <a:gd name="T25" fmla="*/ 53 h 177"/>
                  <a:gd name="T26" fmla="*/ 2 w 150"/>
                  <a:gd name="T27" fmla="*/ 44 h 177"/>
                  <a:gd name="T28" fmla="*/ 8 w 150"/>
                  <a:gd name="T29" fmla="*/ 39 h 177"/>
                  <a:gd name="T30" fmla="*/ 9 w 150"/>
                  <a:gd name="T31" fmla="*/ 31 h 177"/>
                  <a:gd name="T32" fmla="*/ 19 w 150"/>
                  <a:gd name="T33" fmla="*/ 27 h 177"/>
                  <a:gd name="T34" fmla="*/ 26 w 150"/>
                  <a:gd name="T35" fmla="*/ 20 h 177"/>
                  <a:gd name="T36" fmla="*/ 39 w 150"/>
                  <a:gd name="T37" fmla="*/ 22 h 177"/>
                  <a:gd name="T38" fmla="*/ 39 w 150"/>
                  <a:gd name="T39" fmla="*/ 11 h 177"/>
                  <a:gd name="T40" fmla="*/ 48 w 150"/>
                  <a:gd name="T41" fmla="*/ 2 h 177"/>
                  <a:gd name="T42" fmla="*/ 52 w 150"/>
                  <a:gd name="T43" fmla="*/ 7 h 177"/>
                  <a:gd name="T44" fmla="*/ 57 w 150"/>
                  <a:gd name="T45" fmla="*/ 16 h 177"/>
                  <a:gd name="T46" fmla="*/ 50 w 150"/>
                  <a:gd name="T47" fmla="*/ 24 h 177"/>
                  <a:gd name="T48" fmla="*/ 59 w 150"/>
                  <a:gd name="T49" fmla="*/ 29 h 177"/>
                  <a:gd name="T50" fmla="*/ 70 w 150"/>
                  <a:gd name="T51" fmla="*/ 40 h 177"/>
                  <a:gd name="T52" fmla="*/ 78 w 150"/>
                  <a:gd name="T53" fmla="*/ 42 h 177"/>
                  <a:gd name="T54" fmla="*/ 70 w 150"/>
                  <a:gd name="T55" fmla="*/ 48 h 177"/>
                  <a:gd name="T56" fmla="*/ 74 w 150"/>
                  <a:gd name="T57" fmla="*/ 53 h 177"/>
                  <a:gd name="T58" fmla="*/ 89 w 150"/>
                  <a:gd name="T59" fmla="*/ 46 h 177"/>
                  <a:gd name="T60" fmla="*/ 102 w 150"/>
                  <a:gd name="T61" fmla="*/ 52 h 177"/>
                  <a:gd name="T62" fmla="*/ 107 w 150"/>
                  <a:gd name="T63" fmla="*/ 64 h 177"/>
                  <a:gd name="T64" fmla="*/ 115 w 150"/>
                  <a:gd name="T65" fmla="*/ 66 h 177"/>
                  <a:gd name="T66" fmla="*/ 126 w 150"/>
                  <a:gd name="T67" fmla="*/ 66 h 177"/>
                  <a:gd name="T68" fmla="*/ 137 w 150"/>
                  <a:gd name="T69" fmla="*/ 64 h 177"/>
                  <a:gd name="T70" fmla="*/ 142 w 150"/>
                  <a:gd name="T71" fmla="*/ 70 h 177"/>
                  <a:gd name="T72" fmla="*/ 144 w 150"/>
                  <a:gd name="T73" fmla="*/ 79 h 177"/>
                  <a:gd name="T74" fmla="*/ 144 w 150"/>
                  <a:gd name="T75" fmla="*/ 89 h 177"/>
                  <a:gd name="T76" fmla="*/ 135 w 150"/>
                  <a:gd name="T77" fmla="*/ 89 h 177"/>
                  <a:gd name="T78" fmla="*/ 133 w 150"/>
                  <a:gd name="T79" fmla="*/ 85 h 177"/>
                  <a:gd name="T80" fmla="*/ 126 w 150"/>
                  <a:gd name="T81" fmla="*/ 83 h 177"/>
                  <a:gd name="T82" fmla="*/ 120 w 150"/>
                  <a:gd name="T83" fmla="*/ 81 h 177"/>
                  <a:gd name="T84" fmla="*/ 113 w 150"/>
                  <a:gd name="T85" fmla="*/ 87 h 177"/>
                  <a:gd name="T86" fmla="*/ 122 w 150"/>
                  <a:gd name="T87" fmla="*/ 89 h 177"/>
                  <a:gd name="T88" fmla="*/ 120 w 150"/>
                  <a:gd name="T89" fmla="*/ 98 h 177"/>
                  <a:gd name="T90" fmla="*/ 115 w 150"/>
                  <a:gd name="T91" fmla="*/ 105 h 177"/>
                  <a:gd name="T92" fmla="*/ 113 w 150"/>
                  <a:gd name="T93" fmla="*/ 113 h 177"/>
                  <a:gd name="T94" fmla="*/ 124 w 150"/>
                  <a:gd name="T95" fmla="*/ 116 h 177"/>
                  <a:gd name="T96" fmla="*/ 135 w 150"/>
                  <a:gd name="T97" fmla="*/ 122 h 177"/>
                  <a:gd name="T98" fmla="*/ 142 w 150"/>
                  <a:gd name="T99" fmla="*/ 133 h 177"/>
                  <a:gd name="T100" fmla="*/ 146 w 150"/>
                  <a:gd name="T101" fmla="*/ 142 h 177"/>
                  <a:gd name="T102" fmla="*/ 148 w 150"/>
                  <a:gd name="T103" fmla="*/ 157 h 177"/>
                  <a:gd name="T104" fmla="*/ 135 w 150"/>
                  <a:gd name="T105" fmla="*/ 164 h 177"/>
                  <a:gd name="T106" fmla="*/ 128 w 150"/>
                  <a:gd name="T107" fmla="*/ 174 h 177"/>
                  <a:gd name="T108" fmla="*/ 109 w 150"/>
                  <a:gd name="T109" fmla="*/ 174 h 177"/>
                  <a:gd name="T110" fmla="*/ 109 w 150"/>
                  <a:gd name="T111" fmla="*/ 168 h 177"/>
                  <a:gd name="T112" fmla="*/ 117 w 150"/>
                  <a:gd name="T113" fmla="*/ 161 h 177"/>
                  <a:gd name="T114" fmla="*/ 117 w 150"/>
                  <a:gd name="T115" fmla="*/ 155 h 177"/>
                  <a:gd name="T116" fmla="*/ 102 w 150"/>
                  <a:gd name="T117" fmla="*/ 150 h 177"/>
                  <a:gd name="T118" fmla="*/ 98 w 150"/>
                  <a:gd name="T119" fmla="*/ 138 h 177"/>
                  <a:gd name="T120" fmla="*/ 91 w 150"/>
                  <a:gd name="T121" fmla="*/ 131 h 177"/>
                  <a:gd name="T122" fmla="*/ 80 w 150"/>
                  <a:gd name="T123" fmla="*/ 127 h 177"/>
                  <a:gd name="T124" fmla="*/ 57 w 150"/>
                  <a:gd name="T125" fmla="*/ 124 h 1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50" h="177">
                    <a:moveTo>
                      <a:pt x="50" y="122"/>
                    </a:moveTo>
                    <a:lnTo>
                      <a:pt x="48" y="122"/>
                    </a:lnTo>
                    <a:lnTo>
                      <a:pt x="46" y="122"/>
                    </a:lnTo>
                    <a:lnTo>
                      <a:pt x="43" y="126"/>
                    </a:lnTo>
                    <a:lnTo>
                      <a:pt x="41" y="127"/>
                    </a:lnTo>
                    <a:lnTo>
                      <a:pt x="39" y="127"/>
                    </a:lnTo>
                    <a:lnTo>
                      <a:pt x="37" y="126"/>
                    </a:lnTo>
                    <a:lnTo>
                      <a:pt x="37" y="124"/>
                    </a:lnTo>
                    <a:lnTo>
                      <a:pt x="35" y="120"/>
                    </a:lnTo>
                    <a:lnTo>
                      <a:pt x="35" y="118"/>
                    </a:lnTo>
                    <a:lnTo>
                      <a:pt x="35" y="116"/>
                    </a:lnTo>
                    <a:lnTo>
                      <a:pt x="35" y="114"/>
                    </a:lnTo>
                    <a:lnTo>
                      <a:pt x="37" y="113"/>
                    </a:lnTo>
                    <a:lnTo>
                      <a:pt x="37" y="111"/>
                    </a:lnTo>
                    <a:lnTo>
                      <a:pt x="39" y="109"/>
                    </a:lnTo>
                    <a:lnTo>
                      <a:pt x="39" y="107"/>
                    </a:lnTo>
                    <a:lnTo>
                      <a:pt x="39" y="105"/>
                    </a:lnTo>
                    <a:lnTo>
                      <a:pt x="39" y="103"/>
                    </a:lnTo>
                    <a:lnTo>
                      <a:pt x="39" y="101"/>
                    </a:lnTo>
                    <a:lnTo>
                      <a:pt x="41" y="100"/>
                    </a:lnTo>
                    <a:lnTo>
                      <a:pt x="41" y="98"/>
                    </a:lnTo>
                    <a:lnTo>
                      <a:pt x="43" y="96"/>
                    </a:lnTo>
                    <a:lnTo>
                      <a:pt x="43" y="94"/>
                    </a:lnTo>
                    <a:lnTo>
                      <a:pt x="45" y="94"/>
                    </a:lnTo>
                    <a:lnTo>
                      <a:pt x="46" y="94"/>
                    </a:lnTo>
                    <a:lnTo>
                      <a:pt x="48" y="92"/>
                    </a:lnTo>
                    <a:lnTo>
                      <a:pt x="50" y="94"/>
                    </a:lnTo>
                    <a:lnTo>
                      <a:pt x="52" y="94"/>
                    </a:lnTo>
                    <a:lnTo>
                      <a:pt x="54" y="94"/>
                    </a:lnTo>
                    <a:lnTo>
                      <a:pt x="56" y="92"/>
                    </a:lnTo>
                    <a:lnTo>
                      <a:pt x="57" y="90"/>
                    </a:lnTo>
                    <a:lnTo>
                      <a:pt x="56" y="89"/>
                    </a:lnTo>
                    <a:lnTo>
                      <a:pt x="56" y="87"/>
                    </a:lnTo>
                    <a:lnTo>
                      <a:pt x="54" y="87"/>
                    </a:lnTo>
                    <a:lnTo>
                      <a:pt x="54" y="85"/>
                    </a:lnTo>
                    <a:lnTo>
                      <a:pt x="52" y="85"/>
                    </a:lnTo>
                    <a:lnTo>
                      <a:pt x="50" y="85"/>
                    </a:lnTo>
                    <a:lnTo>
                      <a:pt x="48" y="85"/>
                    </a:lnTo>
                    <a:lnTo>
                      <a:pt x="46" y="85"/>
                    </a:lnTo>
                    <a:lnTo>
                      <a:pt x="45" y="85"/>
                    </a:lnTo>
                    <a:lnTo>
                      <a:pt x="45" y="83"/>
                    </a:lnTo>
                    <a:lnTo>
                      <a:pt x="43" y="83"/>
                    </a:lnTo>
                    <a:lnTo>
                      <a:pt x="41" y="83"/>
                    </a:lnTo>
                    <a:lnTo>
                      <a:pt x="41" y="81"/>
                    </a:lnTo>
                    <a:lnTo>
                      <a:pt x="41" y="79"/>
                    </a:lnTo>
                    <a:lnTo>
                      <a:pt x="41" y="77"/>
                    </a:lnTo>
                    <a:lnTo>
                      <a:pt x="41" y="76"/>
                    </a:lnTo>
                    <a:lnTo>
                      <a:pt x="41" y="74"/>
                    </a:lnTo>
                    <a:lnTo>
                      <a:pt x="39" y="72"/>
                    </a:lnTo>
                    <a:lnTo>
                      <a:pt x="37" y="72"/>
                    </a:lnTo>
                    <a:lnTo>
                      <a:pt x="37" y="70"/>
                    </a:lnTo>
                    <a:lnTo>
                      <a:pt x="35" y="70"/>
                    </a:lnTo>
                    <a:lnTo>
                      <a:pt x="35" y="68"/>
                    </a:lnTo>
                    <a:lnTo>
                      <a:pt x="33" y="68"/>
                    </a:lnTo>
                    <a:lnTo>
                      <a:pt x="32" y="68"/>
                    </a:lnTo>
                    <a:lnTo>
                      <a:pt x="30" y="66"/>
                    </a:lnTo>
                    <a:lnTo>
                      <a:pt x="28" y="68"/>
                    </a:lnTo>
                    <a:lnTo>
                      <a:pt x="26" y="68"/>
                    </a:lnTo>
                    <a:lnTo>
                      <a:pt x="24" y="68"/>
                    </a:lnTo>
                    <a:lnTo>
                      <a:pt x="20" y="68"/>
                    </a:lnTo>
                    <a:lnTo>
                      <a:pt x="19" y="66"/>
                    </a:lnTo>
                    <a:lnTo>
                      <a:pt x="17" y="66"/>
                    </a:lnTo>
                    <a:lnTo>
                      <a:pt x="15" y="66"/>
                    </a:lnTo>
                    <a:lnTo>
                      <a:pt x="13" y="66"/>
                    </a:lnTo>
                    <a:lnTo>
                      <a:pt x="11" y="66"/>
                    </a:lnTo>
                    <a:lnTo>
                      <a:pt x="9" y="66"/>
                    </a:lnTo>
                    <a:lnTo>
                      <a:pt x="8" y="66"/>
                    </a:lnTo>
                    <a:lnTo>
                      <a:pt x="6" y="64"/>
                    </a:lnTo>
                    <a:lnTo>
                      <a:pt x="4" y="64"/>
                    </a:lnTo>
                    <a:lnTo>
                      <a:pt x="2" y="64"/>
                    </a:lnTo>
                    <a:lnTo>
                      <a:pt x="0" y="64"/>
                    </a:lnTo>
                    <a:lnTo>
                      <a:pt x="0" y="63"/>
                    </a:lnTo>
                    <a:lnTo>
                      <a:pt x="2" y="63"/>
                    </a:lnTo>
                    <a:lnTo>
                      <a:pt x="2" y="61"/>
                    </a:lnTo>
                    <a:lnTo>
                      <a:pt x="2" y="59"/>
                    </a:lnTo>
                    <a:lnTo>
                      <a:pt x="4" y="57"/>
                    </a:lnTo>
                    <a:lnTo>
                      <a:pt x="4" y="55"/>
                    </a:lnTo>
                    <a:lnTo>
                      <a:pt x="4" y="53"/>
                    </a:lnTo>
                    <a:lnTo>
                      <a:pt x="4" y="52"/>
                    </a:lnTo>
                    <a:lnTo>
                      <a:pt x="6" y="52"/>
                    </a:lnTo>
                    <a:lnTo>
                      <a:pt x="4" y="50"/>
                    </a:lnTo>
                    <a:lnTo>
                      <a:pt x="2" y="48"/>
                    </a:lnTo>
                    <a:lnTo>
                      <a:pt x="2" y="46"/>
                    </a:lnTo>
                    <a:lnTo>
                      <a:pt x="2" y="44"/>
                    </a:lnTo>
                    <a:lnTo>
                      <a:pt x="0" y="42"/>
                    </a:lnTo>
                    <a:lnTo>
                      <a:pt x="0" y="40"/>
                    </a:lnTo>
                    <a:lnTo>
                      <a:pt x="2" y="39"/>
                    </a:lnTo>
                    <a:lnTo>
                      <a:pt x="4" y="40"/>
                    </a:lnTo>
                    <a:lnTo>
                      <a:pt x="6" y="40"/>
                    </a:lnTo>
                    <a:lnTo>
                      <a:pt x="8" y="39"/>
                    </a:lnTo>
                    <a:lnTo>
                      <a:pt x="9" y="37"/>
                    </a:lnTo>
                    <a:lnTo>
                      <a:pt x="9" y="35"/>
                    </a:lnTo>
                    <a:lnTo>
                      <a:pt x="11" y="35"/>
                    </a:lnTo>
                    <a:lnTo>
                      <a:pt x="11" y="33"/>
                    </a:lnTo>
                    <a:lnTo>
                      <a:pt x="9" y="33"/>
                    </a:lnTo>
                    <a:lnTo>
                      <a:pt x="9" y="31"/>
                    </a:lnTo>
                    <a:lnTo>
                      <a:pt x="13" y="31"/>
                    </a:lnTo>
                    <a:lnTo>
                      <a:pt x="15" y="33"/>
                    </a:lnTo>
                    <a:lnTo>
                      <a:pt x="17" y="33"/>
                    </a:lnTo>
                    <a:lnTo>
                      <a:pt x="17" y="31"/>
                    </a:lnTo>
                    <a:lnTo>
                      <a:pt x="19" y="29"/>
                    </a:lnTo>
                    <a:lnTo>
                      <a:pt x="19" y="27"/>
                    </a:lnTo>
                    <a:lnTo>
                      <a:pt x="20" y="27"/>
                    </a:lnTo>
                    <a:lnTo>
                      <a:pt x="20" y="24"/>
                    </a:lnTo>
                    <a:lnTo>
                      <a:pt x="20" y="22"/>
                    </a:lnTo>
                    <a:lnTo>
                      <a:pt x="24" y="24"/>
                    </a:lnTo>
                    <a:lnTo>
                      <a:pt x="26" y="22"/>
                    </a:lnTo>
                    <a:lnTo>
                      <a:pt x="26" y="20"/>
                    </a:lnTo>
                    <a:lnTo>
                      <a:pt x="30" y="22"/>
                    </a:lnTo>
                    <a:lnTo>
                      <a:pt x="30" y="20"/>
                    </a:lnTo>
                    <a:lnTo>
                      <a:pt x="32" y="18"/>
                    </a:lnTo>
                    <a:lnTo>
                      <a:pt x="33" y="20"/>
                    </a:lnTo>
                    <a:lnTo>
                      <a:pt x="35" y="20"/>
                    </a:lnTo>
                    <a:lnTo>
                      <a:pt x="39" y="22"/>
                    </a:lnTo>
                    <a:lnTo>
                      <a:pt x="41" y="22"/>
                    </a:lnTo>
                    <a:lnTo>
                      <a:pt x="41" y="20"/>
                    </a:lnTo>
                    <a:lnTo>
                      <a:pt x="41" y="18"/>
                    </a:lnTo>
                    <a:lnTo>
                      <a:pt x="39" y="16"/>
                    </a:lnTo>
                    <a:lnTo>
                      <a:pt x="39" y="13"/>
                    </a:lnTo>
                    <a:lnTo>
                      <a:pt x="39" y="11"/>
                    </a:lnTo>
                    <a:lnTo>
                      <a:pt x="37" y="7"/>
                    </a:lnTo>
                    <a:lnTo>
                      <a:pt x="39" y="7"/>
                    </a:lnTo>
                    <a:lnTo>
                      <a:pt x="41" y="5"/>
                    </a:lnTo>
                    <a:lnTo>
                      <a:pt x="41" y="3"/>
                    </a:lnTo>
                    <a:lnTo>
                      <a:pt x="45" y="3"/>
                    </a:lnTo>
                    <a:lnTo>
                      <a:pt x="48" y="2"/>
                    </a:lnTo>
                    <a:lnTo>
                      <a:pt x="50" y="0"/>
                    </a:lnTo>
                    <a:lnTo>
                      <a:pt x="48" y="0"/>
                    </a:lnTo>
                    <a:lnTo>
                      <a:pt x="50" y="0"/>
                    </a:lnTo>
                    <a:lnTo>
                      <a:pt x="52" y="2"/>
                    </a:lnTo>
                    <a:lnTo>
                      <a:pt x="52" y="5"/>
                    </a:lnTo>
                    <a:lnTo>
                      <a:pt x="52" y="7"/>
                    </a:lnTo>
                    <a:lnTo>
                      <a:pt x="52" y="9"/>
                    </a:lnTo>
                    <a:lnTo>
                      <a:pt x="54" y="11"/>
                    </a:lnTo>
                    <a:lnTo>
                      <a:pt x="54" y="13"/>
                    </a:lnTo>
                    <a:lnTo>
                      <a:pt x="57" y="15"/>
                    </a:lnTo>
                    <a:lnTo>
                      <a:pt x="59" y="15"/>
                    </a:lnTo>
                    <a:lnTo>
                      <a:pt x="57" y="16"/>
                    </a:lnTo>
                    <a:lnTo>
                      <a:pt x="57" y="18"/>
                    </a:lnTo>
                    <a:lnTo>
                      <a:pt x="57" y="20"/>
                    </a:lnTo>
                    <a:lnTo>
                      <a:pt x="56" y="20"/>
                    </a:lnTo>
                    <a:lnTo>
                      <a:pt x="54" y="22"/>
                    </a:lnTo>
                    <a:lnTo>
                      <a:pt x="52" y="24"/>
                    </a:lnTo>
                    <a:lnTo>
                      <a:pt x="50" y="24"/>
                    </a:lnTo>
                    <a:lnTo>
                      <a:pt x="48" y="26"/>
                    </a:lnTo>
                    <a:lnTo>
                      <a:pt x="48" y="27"/>
                    </a:lnTo>
                    <a:lnTo>
                      <a:pt x="50" y="27"/>
                    </a:lnTo>
                    <a:lnTo>
                      <a:pt x="54" y="27"/>
                    </a:lnTo>
                    <a:lnTo>
                      <a:pt x="57" y="27"/>
                    </a:lnTo>
                    <a:lnTo>
                      <a:pt x="59" y="29"/>
                    </a:lnTo>
                    <a:lnTo>
                      <a:pt x="61" y="31"/>
                    </a:lnTo>
                    <a:lnTo>
                      <a:pt x="63" y="33"/>
                    </a:lnTo>
                    <a:lnTo>
                      <a:pt x="65" y="35"/>
                    </a:lnTo>
                    <a:lnTo>
                      <a:pt x="67" y="39"/>
                    </a:lnTo>
                    <a:lnTo>
                      <a:pt x="69" y="40"/>
                    </a:lnTo>
                    <a:lnTo>
                      <a:pt x="70" y="40"/>
                    </a:lnTo>
                    <a:lnTo>
                      <a:pt x="72" y="40"/>
                    </a:lnTo>
                    <a:lnTo>
                      <a:pt x="74" y="39"/>
                    </a:lnTo>
                    <a:lnTo>
                      <a:pt x="76" y="39"/>
                    </a:lnTo>
                    <a:lnTo>
                      <a:pt x="78" y="39"/>
                    </a:lnTo>
                    <a:lnTo>
                      <a:pt x="78" y="40"/>
                    </a:lnTo>
                    <a:lnTo>
                      <a:pt x="78" y="42"/>
                    </a:lnTo>
                    <a:lnTo>
                      <a:pt x="76" y="42"/>
                    </a:lnTo>
                    <a:lnTo>
                      <a:pt x="76" y="44"/>
                    </a:lnTo>
                    <a:lnTo>
                      <a:pt x="74" y="44"/>
                    </a:lnTo>
                    <a:lnTo>
                      <a:pt x="72" y="46"/>
                    </a:lnTo>
                    <a:lnTo>
                      <a:pt x="72" y="48"/>
                    </a:lnTo>
                    <a:lnTo>
                      <a:pt x="70" y="48"/>
                    </a:lnTo>
                    <a:lnTo>
                      <a:pt x="69" y="50"/>
                    </a:lnTo>
                    <a:lnTo>
                      <a:pt x="69" y="52"/>
                    </a:lnTo>
                    <a:lnTo>
                      <a:pt x="70" y="52"/>
                    </a:lnTo>
                    <a:lnTo>
                      <a:pt x="74" y="52"/>
                    </a:lnTo>
                    <a:lnTo>
                      <a:pt x="76" y="52"/>
                    </a:lnTo>
                    <a:lnTo>
                      <a:pt x="74" y="53"/>
                    </a:lnTo>
                    <a:lnTo>
                      <a:pt x="76" y="53"/>
                    </a:lnTo>
                    <a:lnTo>
                      <a:pt x="78" y="53"/>
                    </a:lnTo>
                    <a:lnTo>
                      <a:pt x="81" y="53"/>
                    </a:lnTo>
                    <a:lnTo>
                      <a:pt x="83" y="52"/>
                    </a:lnTo>
                    <a:lnTo>
                      <a:pt x="87" y="48"/>
                    </a:lnTo>
                    <a:lnTo>
                      <a:pt x="89" y="46"/>
                    </a:lnTo>
                    <a:lnTo>
                      <a:pt x="89" y="48"/>
                    </a:lnTo>
                    <a:lnTo>
                      <a:pt x="91" y="48"/>
                    </a:lnTo>
                    <a:lnTo>
                      <a:pt x="94" y="50"/>
                    </a:lnTo>
                    <a:lnTo>
                      <a:pt x="98" y="50"/>
                    </a:lnTo>
                    <a:lnTo>
                      <a:pt x="100" y="52"/>
                    </a:lnTo>
                    <a:lnTo>
                      <a:pt x="102" y="52"/>
                    </a:lnTo>
                    <a:lnTo>
                      <a:pt x="106" y="53"/>
                    </a:lnTo>
                    <a:lnTo>
                      <a:pt x="106" y="59"/>
                    </a:lnTo>
                    <a:lnTo>
                      <a:pt x="106" y="61"/>
                    </a:lnTo>
                    <a:lnTo>
                      <a:pt x="107" y="61"/>
                    </a:lnTo>
                    <a:lnTo>
                      <a:pt x="107" y="63"/>
                    </a:lnTo>
                    <a:lnTo>
                      <a:pt x="107" y="64"/>
                    </a:lnTo>
                    <a:lnTo>
                      <a:pt x="109" y="66"/>
                    </a:lnTo>
                    <a:lnTo>
                      <a:pt x="109" y="70"/>
                    </a:lnTo>
                    <a:lnTo>
                      <a:pt x="111" y="68"/>
                    </a:lnTo>
                    <a:lnTo>
                      <a:pt x="113" y="68"/>
                    </a:lnTo>
                    <a:lnTo>
                      <a:pt x="115" y="68"/>
                    </a:lnTo>
                    <a:lnTo>
                      <a:pt x="115" y="66"/>
                    </a:lnTo>
                    <a:lnTo>
                      <a:pt x="117" y="66"/>
                    </a:lnTo>
                    <a:lnTo>
                      <a:pt x="118" y="66"/>
                    </a:lnTo>
                    <a:lnTo>
                      <a:pt x="120" y="66"/>
                    </a:lnTo>
                    <a:lnTo>
                      <a:pt x="122" y="66"/>
                    </a:lnTo>
                    <a:lnTo>
                      <a:pt x="124" y="66"/>
                    </a:lnTo>
                    <a:lnTo>
                      <a:pt x="126" y="66"/>
                    </a:lnTo>
                    <a:lnTo>
                      <a:pt x="128" y="66"/>
                    </a:lnTo>
                    <a:lnTo>
                      <a:pt x="130" y="66"/>
                    </a:lnTo>
                    <a:lnTo>
                      <a:pt x="131" y="64"/>
                    </a:lnTo>
                    <a:lnTo>
                      <a:pt x="133" y="64"/>
                    </a:lnTo>
                    <a:lnTo>
                      <a:pt x="135" y="64"/>
                    </a:lnTo>
                    <a:lnTo>
                      <a:pt x="137" y="64"/>
                    </a:lnTo>
                    <a:lnTo>
                      <a:pt x="137" y="66"/>
                    </a:lnTo>
                    <a:lnTo>
                      <a:pt x="139" y="66"/>
                    </a:lnTo>
                    <a:lnTo>
                      <a:pt x="141" y="66"/>
                    </a:lnTo>
                    <a:lnTo>
                      <a:pt x="142" y="66"/>
                    </a:lnTo>
                    <a:lnTo>
                      <a:pt x="142" y="68"/>
                    </a:lnTo>
                    <a:lnTo>
                      <a:pt x="142" y="70"/>
                    </a:lnTo>
                    <a:lnTo>
                      <a:pt x="139" y="72"/>
                    </a:lnTo>
                    <a:lnTo>
                      <a:pt x="141" y="72"/>
                    </a:lnTo>
                    <a:lnTo>
                      <a:pt x="141" y="76"/>
                    </a:lnTo>
                    <a:lnTo>
                      <a:pt x="142" y="76"/>
                    </a:lnTo>
                    <a:lnTo>
                      <a:pt x="144" y="77"/>
                    </a:lnTo>
                    <a:lnTo>
                      <a:pt x="144" y="79"/>
                    </a:lnTo>
                    <a:lnTo>
                      <a:pt x="146" y="81"/>
                    </a:lnTo>
                    <a:lnTo>
                      <a:pt x="148" y="81"/>
                    </a:lnTo>
                    <a:lnTo>
                      <a:pt x="148" y="83"/>
                    </a:lnTo>
                    <a:lnTo>
                      <a:pt x="146" y="85"/>
                    </a:lnTo>
                    <a:lnTo>
                      <a:pt x="146" y="87"/>
                    </a:lnTo>
                    <a:lnTo>
                      <a:pt x="144" y="89"/>
                    </a:lnTo>
                    <a:lnTo>
                      <a:pt x="142" y="89"/>
                    </a:lnTo>
                    <a:lnTo>
                      <a:pt x="141" y="89"/>
                    </a:lnTo>
                    <a:lnTo>
                      <a:pt x="139" y="87"/>
                    </a:lnTo>
                    <a:lnTo>
                      <a:pt x="139" y="89"/>
                    </a:lnTo>
                    <a:lnTo>
                      <a:pt x="137" y="89"/>
                    </a:lnTo>
                    <a:lnTo>
                      <a:pt x="135" y="89"/>
                    </a:lnTo>
                    <a:lnTo>
                      <a:pt x="133" y="89"/>
                    </a:lnTo>
                    <a:lnTo>
                      <a:pt x="131" y="90"/>
                    </a:lnTo>
                    <a:lnTo>
                      <a:pt x="130" y="90"/>
                    </a:lnTo>
                    <a:lnTo>
                      <a:pt x="131" y="87"/>
                    </a:lnTo>
                    <a:lnTo>
                      <a:pt x="133" y="87"/>
                    </a:lnTo>
                    <a:lnTo>
                      <a:pt x="133" y="85"/>
                    </a:lnTo>
                    <a:lnTo>
                      <a:pt x="135" y="83"/>
                    </a:lnTo>
                    <a:lnTo>
                      <a:pt x="133" y="81"/>
                    </a:lnTo>
                    <a:lnTo>
                      <a:pt x="130" y="79"/>
                    </a:lnTo>
                    <a:lnTo>
                      <a:pt x="130" y="81"/>
                    </a:lnTo>
                    <a:lnTo>
                      <a:pt x="128" y="81"/>
                    </a:lnTo>
                    <a:lnTo>
                      <a:pt x="126" y="83"/>
                    </a:lnTo>
                    <a:lnTo>
                      <a:pt x="126" y="81"/>
                    </a:lnTo>
                    <a:lnTo>
                      <a:pt x="126" y="79"/>
                    </a:lnTo>
                    <a:lnTo>
                      <a:pt x="122" y="77"/>
                    </a:lnTo>
                    <a:lnTo>
                      <a:pt x="122" y="79"/>
                    </a:lnTo>
                    <a:lnTo>
                      <a:pt x="122" y="81"/>
                    </a:lnTo>
                    <a:lnTo>
                      <a:pt x="120" y="81"/>
                    </a:lnTo>
                    <a:lnTo>
                      <a:pt x="118" y="81"/>
                    </a:lnTo>
                    <a:lnTo>
                      <a:pt x="117" y="81"/>
                    </a:lnTo>
                    <a:lnTo>
                      <a:pt x="115" y="81"/>
                    </a:lnTo>
                    <a:lnTo>
                      <a:pt x="115" y="83"/>
                    </a:lnTo>
                    <a:lnTo>
                      <a:pt x="113" y="83"/>
                    </a:lnTo>
                    <a:lnTo>
                      <a:pt x="113" y="87"/>
                    </a:lnTo>
                    <a:lnTo>
                      <a:pt x="115" y="87"/>
                    </a:lnTo>
                    <a:lnTo>
                      <a:pt x="117" y="89"/>
                    </a:lnTo>
                    <a:lnTo>
                      <a:pt x="117" y="87"/>
                    </a:lnTo>
                    <a:lnTo>
                      <a:pt x="118" y="87"/>
                    </a:lnTo>
                    <a:lnTo>
                      <a:pt x="120" y="89"/>
                    </a:lnTo>
                    <a:lnTo>
                      <a:pt x="122" y="89"/>
                    </a:lnTo>
                    <a:lnTo>
                      <a:pt x="122" y="90"/>
                    </a:lnTo>
                    <a:lnTo>
                      <a:pt x="122" y="92"/>
                    </a:lnTo>
                    <a:lnTo>
                      <a:pt x="122" y="94"/>
                    </a:lnTo>
                    <a:lnTo>
                      <a:pt x="122" y="96"/>
                    </a:lnTo>
                    <a:lnTo>
                      <a:pt x="120" y="96"/>
                    </a:lnTo>
                    <a:lnTo>
                      <a:pt x="120" y="98"/>
                    </a:lnTo>
                    <a:lnTo>
                      <a:pt x="120" y="100"/>
                    </a:lnTo>
                    <a:lnTo>
                      <a:pt x="118" y="100"/>
                    </a:lnTo>
                    <a:lnTo>
                      <a:pt x="117" y="101"/>
                    </a:lnTo>
                    <a:lnTo>
                      <a:pt x="117" y="103"/>
                    </a:lnTo>
                    <a:lnTo>
                      <a:pt x="117" y="105"/>
                    </a:lnTo>
                    <a:lnTo>
                      <a:pt x="115" y="105"/>
                    </a:lnTo>
                    <a:lnTo>
                      <a:pt x="115" y="107"/>
                    </a:lnTo>
                    <a:lnTo>
                      <a:pt x="113" y="107"/>
                    </a:lnTo>
                    <a:lnTo>
                      <a:pt x="113" y="109"/>
                    </a:lnTo>
                    <a:lnTo>
                      <a:pt x="113" y="111"/>
                    </a:lnTo>
                    <a:lnTo>
                      <a:pt x="115" y="111"/>
                    </a:lnTo>
                    <a:lnTo>
                      <a:pt x="113" y="113"/>
                    </a:lnTo>
                    <a:lnTo>
                      <a:pt x="113" y="114"/>
                    </a:lnTo>
                    <a:lnTo>
                      <a:pt x="115" y="114"/>
                    </a:lnTo>
                    <a:lnTo>
                      <a:pt x="118" y="114"/>
                    </a:lnTo>
                    <a:lnTo>
                      <a:pt x="120" y="116"/>
                    </a:lnTo>
                    <a:lnTo>
                      <a:pt x="122" y="116"/>
                    </a:lnTo>
                    <a:lnTo>
                      <a:pt x="124" y="116"/>
                    </a:lnTo>
                    <a:lnTo>
                      <a:pt x="126" y="116"/>
                    </a:lnTo>
                    <a:lnTo>
                      <a:pt x="128" y="116"/>
                    </a:lnTo>
                    <a:lnTo>
                      <a:pt x="130" y="118"/>
                    </a:lnTo>
                    <a:lnTo>
                      <a:pt x="131" y="118"/>
                    </a:lnTo>
                    <a:lnTo>
                      <a:pt x="133" y="120"/>
                    </a:lnTo>
                    <a:lnTo>
                      <a:pt x="135" y="122"/>
                    </a:lnTo>
                    <a:lnTo>
                      <a:pt x="137" y="126"/>
                    </a:lnTo>
                    <a:lnTo>
                      <a:pt x="139" y="127"/>
                    </a:lnTo>
                    <a:lnTo>
                      <a:pt x="139" y="129"/>
                    </a:lnTo>
                    <a:lnTo>
                      <a:pt x="141" y="131"/>
                    </a:lnTo>
                    <a:lnTo>
                      <a:pt x="141" y="133"/>
                    </a:lnTo>
                    <a:lnTo>
                      <a:pt x="142" y="133"/>
                    </a:lnTo>
                    <a:lnTo>
                      <a:pt x="142" y="135"/>
                    </a:lnTo>
                    <a:lnTo>
                      <a:pt x="144" y="137"/>
                    </a:lnTo>
                    <a:lnTo>
                      <a:pt x="146" y="137"/>
                    </a:lnTo>
                    <a:lnTo>
                      <a:pt x="146" y="138"/>
                    </a:lnTo>
                    <a:lnTo>
                      <a:pt x="146" y="140"/>
                    </a:lnTo>
                    <a:lnTo>
                      <a:pt x="146" y="142"/>
                    </a:lnTo>
                    <a:lnTo>
                      <a:pt x="146" y="144"/>
                    </a:lnTo>
                    <a:lnTo>
                      <a:pt x="148" y="148"/>
                    </a:lnTo>
                    <a:lnTo>
                      <a:pt x="148" y="150"/>
                    </a:lnTo>
                    <a:lnTo>
                      <a:pt x="148" y="153"/>
                    </a:lnTo>
                    <a:lnTo>
                      <a:pt x="150" y="155"/>
                    </a:lnTo>
                    <a:lnTo>
                      <a:pt x="148" y="157"/>
                    </a:lnTo>
                    <a:lnTo>
                      <a:pt x="148" y="159"/>
                    </a:lnTo>
                    <a:lnTo>
                      <a:pt x="148" y="164"/>
                    </a:lnTo>
                    <a:lnTo>
                      <a:pt x="148" y="166"/>
                    </a:lnTo>
                    <a:lnTo>
                      <a:pt x="144" y="170"/>
                    </a:lnTo>
                    <a:lnTo>
                      <a:pt x="137" y="164"/>
                    </a:lnTo>
                    <a:lnTo>
                      <a:pt x="135" y="164"/>
                    </a:lnTo>
                    <a:lnTo>
                      <a:pt x="131" y="168"/>
                    </a:lnTo>
                    <a:lnTo>
                      <a:pt x="130" y="168"/>
                    </a:lnTo>
                    <a:lnTo>
                      <a:pt x="128" y="170"/>
                    </a:lnTo>
                    <a:lnTo>
                      <a:pt x="128" y="172"/>
                    </a:lnTo>
                    <a:lnTo>
                      <a:pt x="126" y="174"/>
                    </a:lnTo>
                    <a:lnTo>
                      <a:pt x="128" y="174"/>
                    </a:lnTo>
                    <a:lnTo>
                      <a:pt x="124" y="177"/>
                    </a:lnTo>
                    <a:lnTo>
                      <a:pt x="117" y="175"/>
                    </a:lnTo>
                    <a:lnTo>
                      <a:pt x="115" y="174"/>
                    </a:lnTo>
                    <a:lnTo>
                      <a:pt x="113" y="174"/>
                    </a:lnTo>
                    <a:lnTo>
                      <a:pt x="113" y="175"/>
                    </a:lnTo>
                    <a:lnTo>
                      <a:pt x="109" y="174"/>
                    </a:lnTo>
                    <a:lnTo>
                      <a:pt x="109" y="172"/>
                    </a:lnTo>
                    <a:lnTo>
                      <a:pt x="107" y="172"/>
                    </a:lnTo>
                    <a:lnTo>
                      <a:pt x="109" y="172"/>
                    </a:lnTo>
                    <a:lnTo>
                      <a:pt x="109" y="170"/>
                    </a:lnTo>
                    <a:lnTo>
                      <a:pt x="111" y="170"/>
                    </a:lnTo>
                    <a:lnTo>
                      <a:pt x="109" y="168"/>
                    </a:lnTo>
                    <a:lnTo>
                      <a:pt x="111" y="166"/>
                    </a:lnTo>
                    <a:lnTo>
                      <a:pt x="111" y="168"/>
                    </a:lnTo>
                    <a:lnTo>
                      <a:pt x="113" y="168"/>
                    </a:lnTo>
                    <a:lnTo>
                      <a:pt x="113" y="166"/>
                    </a:lnTo>
                    <a:lnTo>
                      <a:pt x="117" y="163"/>
                    </a:lnTo>
                    <a:lnTo>
                      <a:pt x="117" y="161"/>
                    </a:lnTo>
                    <a:lnTo>
                      <a:pt x="117" y="159"/>
                    </a:lnTo>
                    <a:lnTo>
                      <a:pt x="117" y="161"/>
                    </a:lnTo>
                    <a:lnTo>
                      <a:pt x="118" y="159"/>
                    </a:lnTo>
                    <a:lnTo>
                      <a:pt x="120" y="155"/>
                    </a:lnTo>
                    <a:lnTo>
                      <a:pt x="118" y="155"/>
                    </a:lnTo>
                    <a:lnTo>
                      <a:pt x="117" y="155"/>
                    </a:lnTo>
                    <a:lnTo>
                      <a:pt x="115" y="153"/>
                    </a:lnTo>
                    <a:lnTo>
                      <a:pt x="113" y="153"/>
                    </a:lnTo>
                    <a:lnTo>
                      <a:pt x="111" y="151"/>
                    </a:lnTo>
                    <a:lnTo>
                      <a:pt x="109" y="151"/>
                    </a:lnTo>
                    <a:lnTo>
                      <a:pt x="104" y="150"/>
                    </a:lnTo>
                    <a:lnTo>
                      <a:pt x="102" y="150"/>
                    </a:lnTo>
                    <a:lnTo>
                      <a:pt x="102" y="148"/>
                    </a:lnTo>
                    <a:lnTo>
                      <a:pt x="100" y="148"/>
                    </a:lnTo>
                    <a:lnTo>
                      <a:pt x="100" y="146"/>
                    </a:lnTo>
                    <a:lnTo>
                      <a:pt x="98" y="144"/>
                    </a:lnTo>
                    <a:lnTo>
                      <a:pt x="98" y="140"/>
                    </a:lnTo>
                    <a:lnTo>
                      <a:pt x="98" y="138"/>
                    </a:lnTo>
                    <a:lnTo>
                      <a:pt x="98" y="137"/>
                    </a:lnTo>
                    <a:lnTo>
                      <a:pt x="96" y="137"/>
                    </a:lnTo>
                    <a:lnTo>
                      <a:pt x="94" y="135"/>
                    </a:lnTo>
                    <a:lnTo>
                      <a:pt x="94" y="133"/>
                    </a:lnTo>
                    <a:lnTo>
                      <a:pt x="93" y="133"/>
                    </a:lnTo>
                    <a:lnTo>
                      <a:pt x="91" y="131"/>
                    </a:lnTo>
                    <a:lnTo>
                      <a:pt x="89" y="131"/>
                    </a:lnTo>
                    <a:lnTo>
                      <a:pt x="87" y="129"/>
                    </a:lnTo>
                    <a:lnTo>
                      <a:pt x="85" y="127"/>
                    </a:lnTo>
                    <a:lnTo>
                      <a:pt x="83" y="127"/>
                    </a:lnTo>
                    <a:lnTo>
                      <a:pt x="81" y="127"/>
                    </a:lnTo>
                    <a:lnTo>
                      <a:pt x="80" y="127"/>
                    </a:lnTo>
                    <a:lnTo>
                      <a:pt x="70" y="124"/>
                    </a:lnTo>
                    <a:lnTo>
                      <a:pt x="69" y="122"/>
                    </a:lnTo>
                    <a:lnTo>
                      <a:pt x="67" y="122"/>
                    </a:lnTo>
                    <a:lnTo>
                      <a:pt x="65" y="122"/>
                    </a:lnTo>
                    <a:lnTo>
                      <a:pt x="63" y="122"/>
                    </a:lnTo>
                    <a:lnTo>
                      <a:pt x="57" y="124"/>
                    </a:lnTo>
                    <a:lnTo>
                      <a:pt x="56" y="124"/>
                    </a:lnTo>
                    <a:lnTo>
                      <a:pt x="54" y="124"/>
                    </a:lnTo>
                    <a:lnTo>
                      <a:pt x="52" y="122"/>
                    </a:lnTo>
                    <a:lnTo>
                      <a:pt x="50" y="122"/>
                    </a:lnTo>
                    <a:close/>
                  </a:path>
                </a:pathLst>
              </a:custGeom>
              <a:solidFill>
                <a:srgbClr val="800080">
                  <a:alpha val="50196"/>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sp>
          <p:nvSpPr>
            <p:cNvPr id="100" name="Textfeld 99"/>
            <p:cNvSpPr txBox="1"/>
            <p:nvPr/>
          </p:nvSpPr>
          <p:spPr>
            <a:xfrm>
              <a:off x="5076056" y="1933627"/>
              <a:ext cx="250069"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SH</a:t>
              </a:r>
            </a:p>
          </p:txBody>
        </p:sp>
        <p:sp>
          <p:nvSpPr>
            <p:cNvPr id="135" name="Textfeld 134"/>
            <p:cNvSpPr txBox="1"/>
            <p:nvPr/>
          </p:nvSpPr>
          <p:spPr>
            <a:xfrm>
              <a:off x="3851920" y="2205444"/>
              <a:ext cx="250069"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BS</a:t>
              </a:r>
            </a:p>
          </p:txBody>
        </p:sp>
        <p:sp>
          <p:nvSpPr>
            <p:cNvPr id="145" name="Textfeld 144"/>
            <p:cNvSpPr txBox="1"/>
            <p:nvPr/>
          </p:nvSpPr>
          <p:spPr>
            <a:xfrm>
              <a:off x="2699792" y="3213556"/>
              <a:ext cx="250069"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NE</a:t>
              </a:r>
            </a:p>
          </p:txBody>
        </p:sp>
      </p:grpSp>
      <p:grpSp>
        <p:nvGrpSpPr>
          <p:cNvPr id="5" name="Gruppieren 4"/>
          <p:cNvGrpSpPr/>
          <p:nvPr/>
        </p:nvGrpSpPr>
        <p:grpSpPr>
          <a:xfrm>
            <a:off x="2960919" y="2303521"/>
            <a:ext cx="3341636" cy="2185277"/>
            <a:chOff x="1779375" y="3101715"/>
            <a:chExt cx="4455514" cy="2913702"/>
          </a:xfrm>
        </p:grpSpPr>
        <p:sp>
          <p:nvSpPr>
            <p:cNvPr id="28" name="Freeform 177"/>
            <p:cNvSpPr>
              <a:spLocks/>
            </p:cNvSpPr>
            <p:nvPr/>
          </p:nvSpPr>
          <p:spPr bwMode="auto">
            <a:xfrm>
              <a:off x="5346705" y="3101715"/>
              <a:ext cx="888184" cy="716177"/>
            </a:xfrm>
            <a:custGeom>
              <a:avLst/>
              <a:gdLst>
                <a:gd name="T0" fmla="*/ 349 w 852"/>
                <a:gd name="T1" fmla="*/ 265 h 687"/>
                <a:gd name="T2" fmla="*/ 392 w 852"/>
                <a:gd name="T3" fmla="*/ 219 h 687"/>
                <a:gd name="T4" fmla="*/ 399 w 852"/>
                <a:gd name="T5" fmla="*/ 208 h 687"/>
                <a:gd name="T6" fmla="*/ 408 w 852"/>
                <a:gd name="T7" fmla="*/ 189 h 687"/>
                <a:gd name="T8" fmla="*/ 408 w 852"/>
                <a:gd name="T9" fmla="*/ 169 h 687"/>
                <a:gd name="T10" fmla="*/ 430 w 852"/>
                <a:gd name="T11" fmla="*/ 148 h 687"/>
                <a:gd name="T12" fmla="*/ 417 w 852"/>
                <a:gd name="T13" fmla="*/ 119 h 687"/>
                <a:gd name="T14" fmla="*/ 403 w 852"/>
                <a:gd name="T15" fmla="*/ 82 h 687"/>
                <a:gd name="T16" fmla="*/ 434 w 852"/>
                <a:gd name="T17" fmla="*/ 43 h 687"/>
                <a:gd name="T18" fmla="*/ 587 w 852"/>
                <a:gd name="T19" fmla="*/ 15 h 687"/>
                <a:gd name="T20" fmla="*/ 650 w 852"/>
                <a:gd name="T21" fmla="*/ 24 h 687"/>
                <a:gd name="T22" fmla="*/ 785 w 852"/>
                <a:gd name="T23" fmla="*/ 45 h 687"/>
                <a:gd name="T24" fmla="*/ 822 w 852"/>
                <a:gd name="T25" fmla="*/ 76 h 687"/>
                <a:gd name="T26" fmla="*/ 832 w 852"/>
                <a:gd name="T27" fmla="*/ 124 h 687"/>
                <a:gd name="T28" fmla="*/ 802 w 852"/>
                <a:gd name="T29" fmla="*/ 193 h 687"/>
                <a:gd name="T30" fmla="*/ 807 w 852"/>
                <a:gd name="T31" fmla="*/ 232 h 687"/>
                <a:gd name="T32" fmla="*/ 787 w 852"/>
                <a:gd name="T33" fmla="*/ 256 h 687"/>
                <a:gd name="T34" fmla="*/ 813 w 852"/>
                <a:gd name="T35" fmla="*/ 274 h 687"/>
                <a:gd name="T36" fmla="*/ 796 w 852"/>
                <a:gd name="T37" fmla="*/ 296 h 687"/>
                <a:gd name="T38" fmla="*/ 782 w 852"/>
                <a:gd name="T39" fmla="*/ 326 h 687"/>
                <a:gd name="T40" fmla="*/ 767 w 852"/>
                <a:gd name="T41" fmla="*/ 356 h 687"/>
                <a:gd name="T42" fmla="*/ 734 w 852"/>
                <a:gd name="T43" fmla="*/ 372 h 687"/>
                <a:gd name="T44" fmla="*/ 717 w 852"/>
                <a:gd name="T45" fmla="*/ 393 h 687"/>
                <a:gd name="T46" fmla="*/ 717 w 852"/>
                <a:gd name="T47" fmla="*/ 411 h 687"/>
                <a:gd name="T48" fmla="*/ 737 w 852"/>
                <a:gd name="T49" fmla="*/ 444 h 687"/>
                <a:gd name="T50" fmla="*/ 759 w 852"/>
                <a:gd name="T51" fmla="*/ 470 h 687"/>
                <a:gd name="T52" fmla="*/ 761 w 852"/>
                <a:gd name="T53" fmla="*/ 485 h 687"/>
                <a:gd name="T54" fmla="*/ 800 w 852"/>
                <a:gd name="T55" fmla="*/ 528 h 687"/>
                <a:gd name="T56" fmla="*/ 804 w 852"/>
                <a:gd name="T57" fmla="*/ 542 h 687"/>
                <a:gd name="T58" fmla="*/ 796 w 852"/>
                <a:gd name="T59" fmla="*/ 581 h 687"/>
                <a:gd name="T60" fmla="*/ 791 w 852"/>
                <a:gd name="T61" fmla="*/ 602 h 687"/>
                <a:gd name="T62" fmla="*/ 761 w 852"/>
                <a:gd name="T63" fmla="*/ 616 h 687"/>
                <a:gd name="T64" fmla="*/ 737 w 852"/>
                <a:gd name="T65" fmla="*/ 631 h 687"/>
                <a:gd name="T66" fmla="*/ 709 w 852"/>
                <a:gd name="T67" fmla="*/ 650 h 687"/>
                <a:gd name="T68" fmla="*/ 663 w 852"/>
                <a:gd name="T69" fmla="*/ 672 h 687"/>
                <a:gd name="T70" fmla="*/ 645 w 852"/>
                <a:gd name="T71" fmla="*/ 646 h 687"/>
                <a:gd name="T72" fmla="*/ 626 w 852"/>
                <a:gd name="T73" fmla="*/ 637 h 687"/>
                <a:gd name="T74" fmla="*/ 606 w 852"/>
                <a:gd name="T75" fmla="*/ 583 h 687"/>
                <a:gd name="T76" fmla="*/ 556 w 852"/>
                <a:gd name="T77" fmla="*/ 594 h 687"/>
                <a:gd name="T78" fmla="*/ 519 w 852"/>
                <a:gd name="T79" fmla="*/ 581 h 687"/>
                <a:gd name="T80" fmla="*/ 488 w 852"/>
                <a:gd name="T81" fmla="*/ 594 h 687"/>
                <a:gd name="T82" fmla="*/ 465 w 852"/>
                <a:gd name="T83" fmla="*/ 614 h 687"/>
                <a:gd name="T84" fmla="*/ 438 w 852"/>
                <a:gd name="T85" fmla="*/ 614 h 687"/>
                <a:gd name="T86" fmla="*/ 427 w 852"/>
                <a:gd name="T87" fmla="*/ 565 h 687"/>
                <a:gd name="T88" fmla="*/ 393 w 852"/>
                <a:gd name="T89" fmla="*/ 570 h 687"/>
                <a:gd name="T90" fmla="*/ 362 w 852"/>
                <a:gd name="T91" fmla="*/ 561 h 687"/>
                <a:gd name="T92" fmla="*/ 327 w 852"/>
                <a:gd name="T93" fmla="*/ 553 h 687"/>
                <a:gd name="T94" fmla="*/ 129 w 852"/>
                <a:gd name="T95" fmla="*/ 466 h 687"/>
                <a:gd name="T96" fmla="*/ 166 w 852"/>
                <a:gd name="T97" fmla="*/ 452 h 687"/>
                <a:gd name="T98" fmla="*/ 175 w 852"/>
                <a:gd name="T99" fmla="*/ 420 h 687"/>
                <a:gd name="T100" fmla="*/ 148 w 852"/>
                <a:gd name="T101" fmla="*/ 400 h 687"/>
                <a:gd name="T102" fmla="*/ 112 w 852"/>
                <a:gd name="T103" fmla="*/ 363 h 687"/>
                <a:gd name="T104" fmla="*/ 77 w 852"/>
                <a:gd name="T105" fmla="*/ 339 h 687"/>
                <a:gd name="T106" fmla="*/ 2 w 852"/>
                <a:gd name="T107" fmla="*/ 337 h 687"/>
                <a:gd name="T108" fmla="*/ 14 w 852"/>
                <a:gd name="T109" fmla="*/ 307 h 687"/>
                <a:gd name="T110" fmla="*/ 27 w 852"/>
                <a:gd name="T111" fmla="*/ 276 h 687"/>
                <a:gd name="T112" fmla="*/ 55 w 852"/>
                <a:gd name="T113" fmla="*/ 246 h 687"/>
                <a:gd name="T114" fmla="*/ 72 w 852"/>
                <a:gd name="T115" fmla="*/ 233 h 687"/>
                <a:gd name="T116" fmla="*/ 109 w 852"/>
                <a:gd name="T117" fmla="*/ 232 h 687"/>
                <a:gd name="T118" fmla="*/ 192 w 852"/>
                <a:gd name="T119" fmla="*/ 272 h 687"/>
                <a:gd name="T120" fmla="*/ 227 w 852"/>
                <a:gd name="T121" fmla="*/ 267 h 687"/>
                <a:gd name="T122" fmla="*/ 242 w 852"/>
                <a:gd name="T123" fmla="*/ 293 h 687"/>
                <a:gd name="T124" fmla="*/ 275 w 852"/>
                <a:gd name="T125" fmla="*/ 283 h 6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52" h="687">
                  <a:moveTo>
                    <a:pt x="275" y="283"/>
                  </a:moveTo>
                  <a:lnTo>
                    <a:pt x="279" y="282"/>
                  </a:lnTo>
                  <a:lnTo>
                    <a:pt x="281" y="278"/>
                  </a:lnTo>
                  <a:lnTo>
                    <a:pt x="281" y="276"/>
                  </a:lnTo>
                  <a:lnTo>
                    <a:pt x="282" y="276"/>
                  </a:lnTo>
                  <a:lnTo>
                    <a:pt x="282" y="274"/>
                  </a:lnTo>
                  <a:lnTo>
                    <a:pt x="284" y="274"/>
                  </a:lnTo>
                  <a:lnTo>
                    <a:pt x="286" y="272"/>
                  </a:lnTo>
                  <a:lnTo>
                    <a:pt x="288" y="272"/>
                  </a:lnTo>
                  <a:lnTo>
                    <a:pt x="290" y="272"/>
                  </a:lnTo>
                  <a:lnTo>
                    <a:pt x="290" y="274"/>
                  </a:lnTo>
                  <a:lnTo>
                    <a:pt x="292" y="274"/>
                  </a:lnTo>
                  <a:lnTo>
                    <a:pt x="303" y="270"/>
                  </a:lnTo>
                  <a:lnTo>
                    <a:pt x="305" y="265"/>
                  </a:lnTo>
                  <a:lnTo>
                    <a:pt x="308" y="265"/>
                  </a:lnTo>
                  <a:lnTo>
                    <a:pt x="325" y="265"/>
                  </a:lnTo>
                  <a:lnTo>
                    <a:pt x="329" y="267"/>
                  </a:lnTo>
                  <a:lnTo>
                    <a:pt x="331" y="267"/>
                  </a:lnTo>
                  <a:lnTo>
                    <a:pt x="334" y="267"/>
                  </a:lnTo>
                  <a:lnTo>
                    <a:pt x="336" y="267"/>
                  </a:lnTo>
                  <a:lnTo>
                    <a:pt x="340" y="267"/>
                  </a:lnTo>
                  <a:lnTo>
                    <a:pt x="343" y="267"/>
                  </a:lnTo>
                  <a:lnTo>
                    <a:pt x="349" y="265"/>
                  </a:lnTo>
                  <a:lnTo>
                    <a:pt x="351" y="263"/>
                  </a:lnTo>
                  <a:lnTo>
                    <a:pt x="355" y="261"/>
                  </a:lnTo>
                  <a:lnTo>
                    <a:pt x="356" y="254"/>
                  </a:lnTo>
                  <a:lnTo>
                    <a:pt x="360" y="246"/>
                  </a:lnTo>
                  <a:lnTo>
                    <a:pt x="368" y="237"/>
                  </a:lnTo>
                  <a:lnTo>
                    <a:pt x="369" y="235"/>
                  </a:lnTo>
                  <a:lnTo>
                    <a:pt x="371" y="233"/>
                  </a:lnTo>
                  <a:lnTo>
                    <a:pt x="373" y="232"/>
                  </a:lnTo>
                  <a:lnTo>
                    <a:pt x="375" y="232"/>
                  </a:lnTo>
                  <a:lnTo>
                    <a:pt x="377" y="230"/>
                  </a:lnTo>
                  <a:lnTo>
                    <a:pt x="377" y="228"/>
                  </a:lnTo>
                  <a:lnTo>
                    <a:pt x="375" y="226"/>
                  </a:lnTo>
                  <a:lnTo>
                    <a:pt x="375" y="224"/>
                  </a:lnTo>
                  <a:lnTo>
                    <a:pt x="375" y="222"/>
                  </a:lnTo>
                  <a:lnTo>
                    <a:pt x="377" y="222"/>
                  </a:lnTo>
                  <a:lnTo>
                    <a:pt x="379" y="222"/>
                  </a:lnTo>
                  <a:lnTo>
                    <a:pt x="380" y="222"/>
                  </a:lnTo>
                  <a:lnTo>
                    <a:pt x="382" y="222"/>
                  </a:lnTo>
                  <a:lnTo>
                    <a:pt x="384" y="222"/>
                  </a:lnTo>
                  <a:lnTo>
                    <a:pt x="384" y="220"/>
                  </a:lnTo>
                  <a:lnTo>
                    <a:pt x="390" y="220"/>
                  </a:lnTo>
                  <a:lnTo>
                    <a:pt x="392" y="220"/>
                  </a:lnTo>
                  <a:lnTo>
                    <a:pt x="392" y="219"/>
                  </a:lnTo>
                  <a:lnTo>
                    <a:pt x="390" y="219"/>
                  </a:lnTo>
                  <a:lnTo>
                    <a:pt x="392" y="219"/>
                  </a:lnTo>
                  <a:lnTo>
                    <a:pt x="392" y="217"/>
                  </a:lnTo>
                  <a:lnTo>
                    <a:pt x="392" y="215"/>
                  </a:lnTo>
                  <a:lnTo>
                    <a:pt x="390" y="215"/>
                  </a:lnTo>
                  <a:lnTo>
                    <a:pt x="390" y="217"/>
                  </a:lnTo>
                  <a:lnTo>
                    <a:pt x="390" y="215"/>
                  </a:lnTo>
                  <a:lnTo>
                    <a:pt x="392" y="215"/>
                  </a:lnTo>
                  <a:lnTo>
                    <a:pt x="390" y="215"/>
                  </a:lnTo>
                  <a:lnTo>
                    <a:pt x="390" y="213"/>
                  </a:lnTo>
                  <a:lnTo>
                    <a:pt x="392" y="213"/>
                  </a:lnTo>
                  <a:lnTo>
                    <a:pt x="392" y="215"/>
                  </a:lnTo>
                  <a:lnTo>
                    <a:pt x="392" y="213"/>
                  </a:lnTo>
                  <a:lnTo>
                    <a:pt x="392" y="211"/>
                  </a:lnTo>
                  <a:lnTo>
                    <a:pt x="393" y="211"/>
                  </a:lnTo>
                  <a:lnTo>
                    <a:pt x="392" y="211"/>
                  </a:lnTo>
                  <a:lnTo>
                    <a:pt x="393" y="211"/>
                  </a:lnTo>
                  <a:lnTo>
                    <a:pt x="393" y="209"/>
                  </a:lnTo>
                  <a:lnTo>
                    <a:pt x="395" y="211"/>
                  </a:lnTo>
                  <a:lnTo>
                    <a:pt x="395" y="209"/>
                  </a:lnTo>
                  <a:lnTo>
                    <a:pt x="397" y="209"/>
                  </a:lnTo>
                  <a:lnTo>
                    <a:pt x="397" y="208"/>
                  </a:lnTo>
                  <a:lnTo>
                    <a:pt x="399" y="208"/>
                  </a:lnTo>
                  <a:lnTo>
                    <a:pt x="399" y="206"/>
                  </a:lnTo>
                  <a:lnTo>
                    <a:pt x="399" y="204"/>
                  </a:lnTo>
                  <a:lnTo>
                    <a:pt x="401" y="204"/>
                  </a:lnTo>
                  <a:lnTo>
                    <a:pt x="401" y="202"/>
                  </a:lnTo>
                  <a:lnTo>
                    <a:pt x="401" y="204"/>
                  </a:lnTo>
                  <a:lnTo>
                    <a:pt x="403" y="204"/>
                  </a:lnTo>
                  <a:lnTo>
                    <a:pt x="403" y="202"/>
                  </a:lnTo>
                  <a:lnTo>
                    <a:pt x="404" y="202"/>
                  </a:lnTo>
                  <a:lnTo>
                    <a:pt x="404" y="200"/>
                  </a:lnTo>
                  <a:lnTo>
                    <a:pt x="406" y="200"/>
                  </a:lnTo>
                  <a:lnTo>
                    <a:pt x="406" y="198"/>
                  </a:lnTo>
                  <a:lnTo>
                    <a:pt x="406" y="196"/>
                  </a:lnTo>
                  <a:lnTo>
                    <a:pt x="406" y="195"/>
                  </a:lnTo>
                  <a:lnTo>
                    <a:pt x="406" y="196"/>
                  </a:lnTo>
                  <a:lnTo>
                    <a:pt x="406" y="195"/>
                  </a:lnTo>
                  <a:lnTo>
                    <a:pt x="408" y="195"/>
                  </a:lnTo>
                  <a:lnTo>
                    <a:pt x="406" y="195"/>
                  </a:lnTo>
                  <a:lnTo>
                    <a:pt x="406" y="193"/>
                  </a:lnTo>
                  <a:lnTo>
                    <a:pt x="408" y="193"/>
                  </a:lnTo>
                  <a:lnTo>
                    <a:pt x="408" y="191"/>
                  </a:lnTo>
                  <a:lnTo>
                    <a:pt x="410" y="191"/>
                  </a:lnTo>
                  <a:lnTo>
                    <a:pt x="408" y="191"/>
                  </a:lnTo>
                  <a:lnTo>
                    <a:pt x="408" y="189"/>
                  </a:lnTo>
                  <a:lnTo>
                    <a:pt x="410" y="189"/>
                  </a:lnTo>
                  <a:lnTo>
                    <a:pt x="410" y="187"/>
                  </a:lnTo>
                  <a:lnTo>
                    <a:pt x="408" y="187"/>
                  </a:lnTo>
                  <a:lnTo>
                    <a:pt x="410" y="187"/>
                  </a:lnTo>
                  <a:lnTo>
                    <a:pt x="408" y="187"/>
                  </a:lnTo>
                  <a:lnTo>
                    <a:pt x="408" y="185"/>
                  </a:lnTo>
                  <a:lnTo>
                    <a:pt x="410" y="185"/>
                  </a:lnTo>
                  <a:lnTo>
                    <a:pt x="410" y="183"/>
                  </a:lnTo>
                  <a:lnTo>
                    <a:pt x="410" y="182"/>
                  </a:lnTo>
                  <a:lnTo>
                    <a:pt x="412" y="182"/>
                  </a:lnTo>
                  <a:lnTo>
                    <a:pt x="414" y="182"/>
                  </a:lnTo>
                  <a:lnTo>
                    <a:pt x="412" y="182"/>
                  </a:lnTo>
                  <a:lnTo>
                    <a:pt x="412" y="180"/>
                  </a:lnTo>
                  <a:lnTo>
                    <a:pt x="412" y="178"/>
                  </a:lnTo>
                  <a:lnTo>
                    <a:pt x="414" y="178"/>
                  </a:lnTo>
                  <a:lnTo>
                    <a:pt x="414" y="176"/>
                  </a:lnTo>
                  <a:lnTo>
                    <a:pt x="412" y="176"/>
                  </a:lnTo>
                  <a:lnTo>
                    <a:pt x="410" y="176"/>
                  </a:lnTo>
                  <a:lnTo>
                    <a:pt x="410" y="174"/>
                  </a:lnTo>
                  <a:lnTo>
                    <a:pt x="408" y="174"/>
                  </a:lnTo>
                  <a:lnTo>
                    <a:pt x="408" y="172"/>
                  </a:lnTo>
                  <a:lnTo>
                    <a:pt x="408" y="171"/>
                  </a:lnTo>
                  <a:lnTo>
                    <a:pt x="408" y="169"/>
                  </a:lnTo>
                  <a:lnTo>
                    <a:pt x="408" y="167"/>
                  </a:lnTo>
                  <a:lnTo>
                    <a:pt x="410" y="167"/>
                  </a:lnTo>
                  <a:lnTo>
                    <a:pt x="410" y="165"/>
                  </a:lnTo>
                  <a:lnTo>
                    <a:pt x="412" y="163"/>
                  </a:lnTo>
                  <a:lnTo>
                    <a:pt x="412" y="161"/>
                  </a:lnTo>
                  <a:lnTo>
                    <a:pt x="414" y="161"/>
                  </a:lnTo>
                  <a:lnTo>
                    <a:pt x="414" y="159"/>
                  </a:lnTo>
                  <a:lnTo>
                    <a:pt x="414" y="158"/>
                  </a:lnTo>
                  <a:lnTo>
                    <a:pt x="416" y="158"/>
                  </a:lnTo>
                  <a:lnTo>
                    <a:pt x="416" y="156"/>
                  </a:lnTo>
                  <a:lnTo>
                    <a:pt x="417" y="156"/>
                  </a:lnTo>
                  <a:lnTo>
                    <a:pt x="417" y="154"/>
                  </a:lnTo>
                  <a:lnTo>
                    <a:pt x="419" y="154"/>
                  </a:lnTo>
                  <a:lnTo>
                    <a:pt x="421" y="152"/>
                  </a:lnTo>
                  <a:lnTo>
                    <a:pt x="423" y="152"/>
                  </a:lnTo>
                  <a:lnTo>
                    <a:pt x="423" y="150"/>
                  </a:lnTo>
                  <a:lnTo>
                    <a:pt x="425" y="150"/>
                  </a:lnTo>
                  <a:lnTo>
                    <a:pt x="427" y="150"/>
                  </a:lnTo>
                  <a:lnTo>
                    <a:pt x="427" y="152"/>
                  </a:lnTo>
                  <a:lnTo>
                    <a:pt x="429" y="152"/>
                  </a:lnTo>
                  <a:lnTo>
                    <a:pt x="429" y="150"/>
                  </a:lnTo>
                  <a:lnTo>
                    <a:pt x="429" y="148"/>
                  </a:lnTo>
                  <a:lnTo>
                    <a:pt x="430" y="148"/>
                  </a:lnTo>
                  <a:lnTo>
                    <a:pt x="430" y="146"/>
                  </a:lnTo>
                  <a:lnTo>
                    <a:pt x="429" y="146"/>
                  </a:lnTo>
                  <a:lnTo>
                    <a:pt x="429" y="145"/>
                  </a:lnTo>
                  <a:lnTo>
                    <a:pt x="429" y="143"/>
                  </a:lnTo>
                  <a:lnTo>
                    <a:pt x="427" y="143"/>
                  </a:lnTo>
                  <a:lnTo>
                    <a:pt x="429" y="141"/>
                  </a:lnTo>
                  <a:lnTo>
                    <a:pt x="429" y="139"/>
                  </a:lnTo>
                  <a:lnTo>
                    <a:pt x="429" y="137"/>
                  </a:lnTo>
                  <a:lnTo>
                    <a:pt x="427" y="137"/>
                  </a:lnTo>
                  <a:lnTo>
                    <a:pt x="427" y="135"/>
                  </a:lnTo>
                  <a:lnTo>
                    <a:pt x="427" y="134"/>
                  </a:lnTo>
                  <a:lnTo>
                    <a:pt x="427" y="132"/>
                  </a:lnTo>
                  <a:lnTo>
                    <a:pt x="425" y="132"/>
                  </a:lnTo>
                  <a:lnTo>
                    <a:pt x="425" y="130"/>
                  </a:lnTo>
                  <a:lnTo>
                    <a:pt x="425" y="128"/>
                  </a:lnTo>
                  <a:lnTo>
                    <a:pt x="425" y="126"/>
                  </a:lnTo>
                  <a:lnTo>
                    <a:pt x="423" y="124"/>
                  </a:lnTo>
                  <a:lnTo>
                    <a:pt x="421" y="124"/>
                  </a:lnTo>
                  <a:lnTo>
                    <a:pt x="421" y="122"/>
                  </a:lnTo>
                  <a:lnTo>
                    <a:pt x="419" y="122"/>
                  </a:lnTo>
                  <a:lnTo>
                    <a:pt x="417" y="122"/>
                  </a:lnTo>
                  <a:lnTo>
                    <a:pt x="417" y="121"/>
                  </a:lnTo>
                  <a:lnTo>
                    <a:pt x="417" y="119"/>
                  </a:lnTo>
                  <a:lnTo>
                    <a:pt x="417" y="117"/>
                  </a:lnTo>
                  <a:lnTo>
                    <a:pt x="417" y="113"/>
                  </a:lnTo>
                  <a:lnTo>
                    <a:pt x="417" y="111"/>
                  </a:lnTo>
                  <a:lnTo>
                    <a:pt x="416" y="111"/>
                  </a:lnTo>
                  <a:lnTo>
                    <a:pt x="416" y="110"/>
                  </a:lnTo>
                  <a:lnTo>
                    <a:pt x="414" y="110"/>
                  </a:lnTo>
                  <a:lnTo>
                    <a:pt x="412" y="108"/>
                  </a:lnTo>
                  <a:lnTo>
                    <a:pt x="410" y="108"/>
                  </a:lnTo>
                  <a:lnTo>
                    <a:pt x="408" y="106"/>
                  </a:lnTo>
                  <a:lnTo>
                    <a:pt x="406" y="104"/>
                  </a:lnTo>
                  <a:lnTo>
                    <a:pt x="406" y="102"/>
                  </a:lnTo>
                  <a:lnTo>
                    <a:pt x="404" y="102"/>
                  </a:lnTo>
                  <a:lnTo>
                    <a:pt x="404" y="100"/>
                  </a:lnTo>
                  <a:lnTo>
                    <a:pt x="404" y="98"/>
                  </a:lnTo>
                  <a:lnTo>
                    <a:pt x="404" y="97"/>
                  </a:lnTo>
                  <a:lnTo>
                    <a:pt x="403" y="97"/>
                  </a:lnTo>
                  <a:lnTo>
                    <a:pt x="403" y="95"/>
                  </a:lnTo>
                  <a:lnTo>
                    <a:pt x="403" y="93"/>
                  </a:lnTo>
                  <a:lnTo>
                    <a:pt x="401" y="93"/>
                  </a:lnTo>
                  <a:lnTo>
                    <a:pt x="401" y="91"/>
                  </a:lnTo>
                  <a:lnTo>
                    <a:pt x="401" y="89"/>
                  </a:lnTo>
                  <a:lnTo>
                    <a:pt x="403" y="85"/>
                  </a:lnTo>
                  <a:lnTo>
                    <a:pt x="403" y="82"/>
                  </a:lnTo>
                  <a:lnTo>
                    <a:pt x="403" y="80"/>
                  </a:lnTo>
                  <a:lnTo>
                    <a:pt x="404" y="80"/>
                  </a:lnTo>
                  <a:lnTo>
                    <a:pt x="404" y="78"/>
                  </a:lnTo>
                  <a:lnTo>
                    <a:pt x="406" y="78"/>
                  </a:lnTo>
                  <a:lnTo>
                    <a:pt x="406" y="76"/>
                  </a:lnTo>
                  <a:lnTo>
                    <a:pt x="408" y="76"/>
                  </a:lnTo>
                  <a:lnTo>
                    <a:pt x="412" y="73"/>
                  </a:lnTo>
                  <a:lnTo>
                    <a:pt x="419" y="56"/>
                  </a:lnTo>
                  <a:lnTo>
                    <a:pt x="421" y="56"/>
                  </a:lnTo>
                  <a:lnTo>
                    <a:pt x="423" y="56"/>
                  </a:lnTo>
                  <a:lnTo>
                    <a:pt x="425" y="56"/>
                  </a:lnTo>
                  <a:lnTo>
                    <a:pt x="427" y="56"/>
                  </a:lnTo>
                  <a:lnTo>
                    <a:pt x="427" y="54"/>
                  </a:lnTo>
                  <a:lnTo>
                    <a:pt x="429" y="54"/>
                  </a:lnTo>
                  <a:lnTo>
                    <a:pt x="430" y="54"/>
                  </a:lnTo>
                  <a:lnTo>
                    <a:pt x="430" y="52"/>
                  </a:lnTo>
                  <a:lnTo>
                    <a:pt x="432" y="52"/>
                  </a:lnTo>
                  <a:lnTo>
                    <a:pt x="432" y="50"/>
                  </a:lnTo>
                  <a:lnTo>
                    <a:pt x="432" y="48"/>
                  </a:lnTo>
                  <a:lnTo>
                    <a:pt x="432" y="47"/>
                  </a:lnTo>
                  <a:lnTo>
                    <a:pt x="432" y="45"/>
                  </a:lnTo>
                  <a:lnTo>
                    <a:pt x="434" y="45"/>
                  </a:lnTo>
                  <a:lnTo>
                    <a:pt x="434" y="43"/>
                  </a:lnTo>
                  <a:lnTo>
                    <a:pt x="436" y="43"/>
                  </a:lnTo>
                  <a:lnTo>
                    <a:pt x="436" y="45"/>
                  </a:lnTo>
                  <a:lnTo>
                    <a:pt x="438" y="45"/>
                  </a:lnTo>
                  <a:lnTo>
                    <a:pt x="440" y="47"/>
                  </a:lnTo>
                  <a:lnTo>
                    <a:pt x="441" y="47"/>
                  </a:lnTo>
                  <a:lnTo>
                    <a:pt x="443" y="47"/>
                  </a:lnTo>
                  <a:lnTo>
                    <a:pt x="443" y="45"/>
                  </a:lnTo>
                  <a:lnTo>
                    <a:pt x="445" y="45"/>
                  </a:lnTo>
                  <a:lnTo>
                    <a:pt x="445" y="43"/>
                  </a:lnTo>
                  <a:lnTo>
                    <a:pt x="447" y="41"/>
                  </a:lnTo>
                  <a:lnTo>
                    <a:pt x="451" y="41"/>
                  </a:lnTo>
                  <a:lnTo>
                    <a:pt x="458" y="37"/>
                  </a:lnTo>
                  <a:lnTo>
                    <a:pt x="484" y="24"/>
                  </a:lnTo>
                  <a:lnTo>
                    <a:pt x="534" y="8"/>
                  </a:lnTo>
                  <a:lnTo>
                    <a:pt x="556" y="0"/>
                  </a:lnTo>
                  <a:lnTo>
                    <a:pt x="578" y="4"/>
                  </a:lnTo>
                  <a:lnTo>
                    <a:pt x="580" y="6"/>
                  </a:lnTo>
                  <a:lnTo>
                    <a:pt x="580" y="8"/>
                  </a:lnTo>
                  <a:lnTo>
                    <a:pt x="582" y="10"/>
                  </a:lnTo>
                  <a:lnTo>
                    <a:pt x="584" y="11"/>
                  </a:lnTo>
                  <a:lnTo>
                    <a:pt x="584" y="13"/>
                  </a:lnTo>
                  <a:lnTo>
                    <a:pt x="586" y="13"/>
                  </a:lnTo>
                  <a:lnTo>
                    <a:pt x="587" y="15"/>
                  </a:lnTo>
                  <a:lnTo>
                    <a:pt x="589" y="17"/>
                  </a:lnTo>
                  <a:lnTo>
                    <a:pt x="591" y="17"/>
                  </a:lnTo>
                  <a:lnTo>
                    <a:pt x="591" y="19"/>
                  </a:lnTo>
                  <a:lnTo>
                    <a:pt x="593" y="19"/>
                  </a:lnTo>
                  <a:lnTo>
                    <a:pt x="595" y="21"/>
                  </a:lnTo>
                  <a:lnTo>
                    <a:pt x="597" y="21"/>
                  </a:lnTo>
                  <a:lnTo>
                    <a:pt x="597" y="23"/>
                  </a:lnTo>
                  <a:lnTo>
                    <a:pt x="599" y="23"/>
                  </a:lnTo>
                  <a:lnTo>
                    <a:pt x="600" y="23"/>
                  </a:lnTo>
                  <a:lnTo>
                    <a:pt x="602" y="24"/>
                  </a:lnTo>
                  <a:lnTo>
                    <a:pt x="604" y="24"/>
                  </a:lnTo>
                  <a:lnTo>
                    <a:pt x="606" y="24"/>
                  </a:lnTo>
                  <a:lnTo>
                    <a:pt x="606" y="26"/>
                  </a:lnTo>
                  <a:lnTo>
                    <a:pt x="608" y="26"/>
                  </a:lnTo>
                  <a:lnTo>
                    <a:pt x="610" y="26"/>
                  </a:lnTo>
                  <a:lnTo>
                    <a:pt x="612" y="26"/>
                  </a:lnTo>
                  <a:lnTo>
                    <a:pt x="613" y="28"/>
                  </a:lnTo>
                  <a:lnTo>
                    <a:pt x="615" y="28"/>
                  </a:lnTo>
                  <a:lnTo>
                    <a:pt x="617" y="28"/>
                  </a:lnTo>
                  <a:lnTo>
                    <a:pt x="619" y="28"/>
                  </a:lnTo>
                  <a:lnTo>
                    <a:pt x="621" y="28"/>
                  </a:lnTo>
                  <a:lnTo>
                    <a:pt x="634" y="28"/>
                  </a:lnTo>
                  <a:lnTo>
                    <a:pt x="650" y="24"/>
                  </a:lnTo>
                  <a:lnTo>
                    <a:pt x="717" y="13"/>
                  </a:lnTo>
                  <a:lnTo>
                    <a:pt x="732" y="11"/>
                  </a:lnTo>
                  <a:lnTo>
                    <a:pt x="756" y="6"/>
                  </a:lnTo>
                  <a:lnTo>
                    <a:pt x="758" y="6"/>
                  </a:lnTo>
                  <a:lnTo>
                    <a:pt x="763" y="6"/>
                  </a:lnTo>
                  <a:lnTo>
                    <a:pt x="782" y="10"/>
                  </a:lnTo>
                  <a:lnTo>
                    <a:pt x="783" y="10"/>
                  </a:lnTo>
                  <a:lnTo>
                    <a:pt x="796" y="6"/>
                  </a:lnTo>
                  <a:lnTo>
                    <a:pt x="798" y="6"/>
                  </a:lnTo>
                  <a:lnTo>
                    <a:pt x="800" y="6"/>
                  </a:lnTo>
                  <a:lnTo>
                    <a:pt x="802" y="6"/>
                  </a:lnTo>
                  <a:lnTo>
                    <a:pt x="804" y="8"/>
                  </a:lnTo>
                  <a:lnTo>
                    <a:pt x="806" y="10"/>
                  </a:lnTo>
                  <a:lnTo>
                    <a:pt x="806" y="11"/>
                  </a:lnTo>
                  <a:lnTo>
                    <a:pt x="807" y="15"/>
                  </a:lnTo>
                  <a:lnTo>
                    <a:pt x="802" y="19"/>
                  </a:lnTo>
                  <a:lnTo>
                    <a:pt x="802" y="17"/>
                  </a:lnTo>
                  <a:lnTo>
                    <a:pt x="800" y="19"/>
                  </a:lnTo>
                  <a:lnTo>
                    <a:pt x="802" y="19"/>
                  </a:lnTo>
                  <a:lnTo>
                    <a:pt x="796" y="43"/>
                  </a:lnTo>
                  <a:lnTo>
                    <a:pt x="796" y="45"/>
                  </a:lnTo>
                  <a:lnTo>
                    <a:pt x="785" y="43"/>
                  </a:lnTo>
                  <a:lnTo>
                    <a:pt x="785" y="45"/>
                  </a:lnTo>
                  <a:lnTo>
                    <a:pt x="785" y="47"/>
                  </a:lnTo>
                  <a:lnTo>
                    <a:pt x="787" y="50"/>
                  </a:lnTo>
                  <a:lnTo>
                    <a:pt x="787" y="52"/>
                  </a:lnTo>
                  <a:lnTo>
                    <a:pt x="789" y="65"/>
                  </a:lnTo>
                  <a:lnTo>
                    <a:pt x="791" y="67"/>
                  </a:lnTo>
                  <a:lnTo>
                    <a:pt x="791" y="73"/>
                  </a:lnTo>
                  <a:lnTo>
                    <a:pt x="793" y="74"/>
                  </a:lnTo>
                  <a:lnTo>
                    <a:pt x="793" y="76"/>
                  </a:lnTo>
                  <a:lnTo>
                    <a:pt x="791" y="76"/>
                  </a:lnTo>
                  <a:lnTo>
                    <a:pt x="791" y="78"/>
                  </a:lnTo>
                  <a:lnTo>
                    <a:pt x="793" y="84"/>
                  </a:lnTo>
                  <a:lnTo>
                    <a:pt x="804" y="85"/>
                  </a:lnTo>
                  <a:lnTo>
                    <a:pt x="804" y="84"/>
                  </a:lnTo>
                  <a:lnTo>
                    <a:pt x="806" y="82"/>
                  </a:lnTo>
                  <a:lnTo>
                    <a:pt x="807" y="82"/>
                  </a:lnTo>
                  <a:lnTo>
                    <a:pt x="809" y="78"/>
                  </a:lnTo>
                  <a:lnTo>
                    <a:pt x="813" y="78"/>
                  </a:lnTo>
                  <a:lnTo>
                    <a:pt x="813" y="76"/>
                  </a:lnTo>
                  <a:lnTo>
                    <a:pt x="815" y="76"/>
                  </a:lnTo>
                  <a:lnTo>
                    <a:pt x="817" y="76"/>
                  </a:lnTo>
                  <a:lnTo>
                    <a:pt x="819" y="76"/>
                  </a:lnTo>
                  <a:lnTo>
                    <a:pt x="820" y="76"/>
                  </a:lnTo>
                  <a:lnTo>
                    <a:pt x="822" y="76"/>
                  </a:lnTo>
                  <a:lnTo>
                    <a:pt x="824" y="76"/>
                  </a:lnTo>
                  <a:lnTo>
                    <a:pt x="826" y="78"/>
                  </a:lnTo>
                  <a:lnTo>
                    <a:pt x="828" y="78"/>
                  </a:lnTo>
                  <a:lnTo>
                    <a:pt x="830" y="80"/>
                  </a:lnTo>
                  <a:lnTo>
                    <a:pt x="833" y="80"/>
                  </a:lnTo>
                  <a:lnTo>
                    <a:pt x="833" y="82"/>
                  </a:lnTo>
                  <a:lnTo>
                    <a:pt x="835" y="82"/>
                  </a:lnTo>
                  <a:lnTo>
                    <a:pt x="837" y="84"/>
                  </a:lnTo>
                  <a:lnTo>
                    <a:pt x="839" y="84"/>
                  </a:lnTo>
                  <a:lnTo>
                    <a:pt x="841" y="85"/>
                  </a:lnTo>
                  <a:lnTo>
                    <a:pt x="843" y="85"/>
                  </a:lnTo>
                  <a:lnTo>
                    <a:pt x="841" y="87"/>
                  </a:lnTo>
                  <a:lnTo>
                    <a:pt x="841" y="89"/>
                  </a:lnTo>
                  <a:lnTo>
                    <a:pt x="848" y="93"/>
                  </a:lnTo>
                  <a:lnTo>
                    <a:pt x="852" y="95"/>
                  </a:lnTo>
                  <a:lnTo>
                    <a:pt x="850" y="98"/>
                  </a:lnTo>
                  <a:lnTo>
                    <a:pt x="848" y="100"/>
                  </a:lnTo>
                  <a:lnTo>
                    <a:pt x="846" y="102"/>
                  </a:lnTo>
                  <a:lnTo>
                    <a:pt x="843" y="108"/>
                  </a:lnTo>
                  <a:lnTo>
                    <a:pt x="839" y="111"/>
                  </a:lnTo>
                  <a:lnTo>
                    <a:pt x="837" y="115"/>
                  </a:lnTo>
                  <a:lnTo>
                    <a:pt x="835" y="119"/>
                  </a:lnTo>
                  <a:lnTo>
                    <a:pt x="832" y="124"/>
                  </a:lnTo>
                  <a:lnTo>
                    <a:pt x="813" y="156"/>
                  </a:lnTo>
                  <a:lnTo>
                    <a:pt x="811" y="158"/>
                  </a:lnTo>
                  <a:lnTo>
                    <a:pt x="811" y="159"/>
                  </a:lnTo>
                  <a:lnTo>
                    <a:pt x="811" y="161"/>
                  </a:lnTo>
                  <a:lnTo>
                    <a:pt x="811" y="163"/>
                  </a:lnTo>
                  <a:lnTo>
                    <a:pt x="809" y="163"/>
                  </a:lnTo>
                  <a:lnTo>
                    <a:pt x="809" y="165"/>
                  </a:lnTo>
                  <a:lnTo>
                    <a:pt x="807" y="167"/>
                  </a:lnTo>
                  <a:lnTo>
                    <a:pt x="806" y="167"/>
                  </a:lnTo>
                  <a:lnTo>
                    <a:pt x="804" y="169"/>
                  </a:lnTo>
                  <a:lnTo>
                    <a:pt x="802" y="171"/>
                  </a:lnTo>
                  <a:lnTo>
                    <a:pt x="804" y="172"/>
                  </a:lnTo>
                  <a:lnTo>
                    <a:pt x="804" y="176"/>
                  </a:lnTo>
                  <a:lnTo>
                    <a:pt x="804" y="178"/>
                  </a:lnTo>
                  <a:lnTo>
                    <a:pt x="804" y="180"/>
                  </a:lnTo>
                  <a:lnTo>
                    <a:pt x="804" y="182"/>
                  </a:lnTo>
                  <a:lnTo>
                    <a:pt x="804" y="183"/>
                  </a:lnTo>
                  <a:lnTo>
                    <a:pt x="804" y="185"/>
                  </a:lnTo>
                  <a:lnTo>
                    <a:pt x="804" y="187"/>
                  </a:lnTo>
                  <a:lnTo>
                    <a:pt x="802" y="187"/>
                  </a:lnTo>
                  <a:lnTo>
                    <a:pt x="802" y="189"/>
                  </a:lnTo>
                  <a:lnTo>
                    <a:pt x="802" y="191"/>
                  </a:lnTo>
                  <a:lnTo>
                    <a:pt x="802" y="193"/>
                  </a:lnTo>
                  <a:lnTo>
                    <a:pt x="802" y="195"/>
                  </a:lnTo>
                  <a:lnTo>
                    <a:pt x="800" y="195"/>
                  </a:lnTo>
                  <a:lnTo>
                    <a:pt x="800" y="196"/>
                  </a:lnTo>
                  <a:lnTo>
                    <a:pt x="800" y="198"/>
                  </a:lnTo>
                  <a:lnTo>
                    <a:pt x="800" y="200"/>
                  </a:lnTo>
                  <a:lnTo>
                    <a:pt x="800" y="202"/>
                  </a:lnTo>
                  <a:lnTo>
                    <a:pt x="802" y="206"/>
                  </a:lnTo>
                  <a:lnTo>
                    <a:pt x="804" y="206"/>
                  </a:lnTo>
                  <a:lnTo>
                    <a:pt x="804" y="208"/>
                  </a:lnTo>
                  <a:lnTo>
                    <a:pt x="806" y="208"/>
                  </a:lnTo>
                  <a:lnTo>
                    <a:pt x="807" y="208"/>
                  </a:lnTo>
                  <a:lnTo>
                    <a:pt x="809" y="209"/>
                  </a:lnTo>
                  <a:lnTo>
                    <a:pt x="809" y="211"/>
                  </a:lnTo>
                  <a:lnTo>
                    <a:pt x="811" y="215"/>
                  </a:lnTo>
                  <a:lnTo>
                    <a:pt x="811" y="217"/>
                  </a:lnTo>
                  <a:lnTo>
                    <a:pt x="809" y="219"/>
                  </a:lnTo>
                  <a:lnTo>
                    <a:pt x="807" y="220"/>
                  </a:lnTo>
                  <a:lnTo>
                    <a:pt x="807" y="222"/>
                  </a:lnTo>
                  <a:lnTo>
                    <a:pt x="807" y="224"/>
                  </a:lnTo>
                  <a:lnTo>
                    <a:pt x="807" y="226"/>
                  </a:lnTo>
                  <a:lnTo>
                    <a:pt x="806" y="228"/>
                  </a:lnTo>
                  <a:lnTo>
                    <a:pt x="806" y="230"/>
                  </a:lnTo>
                  <a:lnTo>
                    <a:pt x="807" y="232"/>
                  </a:lnTo>
                  <a:lnTo>
                    <a:pt x="807" y="233"/>
                  </a:lnTo>
                  <a:lnTo>
                    <a:pt x="807" y="235"/>
                  </a:lnTo>
                  <a:lnTo>
                    <a:pt x="807" y="237"/>
                  </a:lnTo>
                  <a:lnTo>
                    <a:pt x="806" y="237"/>
                  </a:lnTo>
                  <a:lnTo>
                    <a:pt x="806" y="239"/>
                  </a:lnTo>
                  <a:lnTo>
                    <a:pt x="804" y="239"/>
                  </a:lnTo>
                  <a:lnTo>
                    <a:pt x="804" y="241"/>
                  </a:lnTo>
                  <a:lnTo>
                    <a:pt x="802" y="241"/>
                  </a:lnTo>
                  <a:lnTo>
                    <a:pt x="800" y="241"/>
                  </a:lnTo>
                  <a:lnTo>
                    <a:pt x="798" y="241"/>
                  </a:lnTo>
                  <a:lnTo>
                    <a:pt x="798" y="243"/>
                  </a:lnTo>
                  <a:lnTo>
                    <a:pt x="796" y="243"/>
                  </a:lnTo>
                  <a:lnTo>
                    <a:pt x="796" y="245"/>
                  </a:lnTo>
                  <a:lnTo>
                    <a:pt x="795" y="245"/>
                  </a:lnTo>
                  <a:lnTo>
                    <a:pt x="793" y="245"/>
                  </a:lnTo>
                  <a:lnTo>
                    <a:pt x="793" y="246"/>
                  </a:lnTo>
                  <a:lnTo>
                    <a:pt x="791" y="246"/>
                  </a:lnTo>
                  <a:lnTo>
                    <a:pt x="791" y="248"/>
                  </a:lnTo>
                  <a:lnTo>
                    <a:pt x="791" y="250"/>
                  </a:lnTo>
                  <a:lnTo>
                    <a:pt x="789" y="250"/>
                  </a:lnTo>
                  <a:lnTo>
                    <a:pt x="789" y="252"/>
                  </a:lnTo>
                  <a:lnTo>
                    <a:pt x="789" y="254"/>
                  </a:lnTo>
                  <a:lnTo>
                    <a:pt x="787" y="256"/>
                  </a:lnTo>
                  <a:lnTo>
                    <a:pt x="787" y="257"/>
                  </a:lnTo>
                  <a:lnTo>
                    <a:pt x="785" y="257"/>
                  </a:lnTo>
                  <a:lnTo>
                    <a:pt x="785" y="259"/>
                  </a:lnTo>
                  <a:lnTo>
                    <a:pt x="785" y="261"/>
                  </a:lnTo>
                  <a:lnTo>
                    <a:pt x="785" y="263"/>
                  </a:lnTo>
                  <a:lnTo>
                    <a:pt x="785" y="265"/>
                  </a:lnTo>
                  <a:lnTo>
                    <a:pt x="787" y="265"/>
                  </a:lnTo>
                  <a:lnTo>
                    <a:pt x="789" y="265"/>
                  </a:lnTo>
                  <a:lnTo>
                    <a:pt x="789" y="267"/>
                  </a:lnTo>
                  <a:lnTo>
                    <a:pt x="791" y="267"/>
                  </a:lnTo>
                  <a:lnTo>
                    <a:pt x="793" y="267"/>
                  </a:lnTo>
                  <a:lnTo>
                    <a:pt x="795" y="267"/>
                  </a:lnTo>
                  <a:lnTo>
                    <a:pt x="796" y="269"/>
                  </a:lnTo>
                  <a:lnTo>
                    <a:pt x="798" y="269"/>
                  </a:lnTo>
                  <a:lnTo>
                    <a:pt x="800" y="270"/>
                  </a:lnTo>
                  <a:lnTo>
                    <a:pt x="802" y="270"/>
                  </a:lnTo>
                  <a:lnTo>
                    <a:pt x="804" y="270"/>
                  </a:lnTo>
                  <a:lnTo>
                    <a:pt x="806" y="272"/>
                  </a:lnTo>
                  <a:lnTo>
                    <a:pt x="807" y="272"/>
                  </a:lnTo>
                  <a:lnTo>
                    <a:pt x="809" y="272"/>
                  </a:lnTo>
                  <a:lnTo>
                    <a:pt x="811" y="272"/>
                  </a:lnTo>
                  <a:lnTo>
                    <a:pt x="813" y="272"/>
                  </a:lnTo>
                  <a:lnTo>
                    <a:pt x="813" y="274"/>
                  </a:lnTo>
                  <a:lnTo>
                    <a:pt x="815" y="272"/>
                  </a:lnTo>
                  <a:lnTo>
                    <a:pt x="815" y="274"/>
                  </a:lnTo>
                  <a:lnTo>
                    <a:pt x="815" y="276"/>
                  </a:lnTo>
                  <a:lnTo>
                    <a:pt x="813" y="276"/>
                  </a:lnTo>
                  <a:lnTo>
                    <a:pt x="811" y="276"/>
                  </a:lnTo>
                  <a:lnTo>
                    <a:pt x="811" y="278"/>
                  </a:lnTo>
                  <a:lnTo>
                    <a:pt x="809" y="278"/>
                  </a:lnTo>
                  <a:lnTo>
                    <a:pt x="807" y="280"/>
                  </a:lnTo>
                  <a:lnTo>
                    <a:pt x="807" y="282"/>
                  </a:lnTo>
                  <a:lnTo>
                    <a:pt x="806" y="283"/>
                  </a:lnTo>
                  <a:lnTo>
                    <a:pt x="804" y="283"/>
                  </a:lnTo>
                  <a:lnTo>
                    <a:pt x="802" y="283"/>
                  </a:lnTo>
                  <a:lnTo>
                    <a:pt x="804" y="283"/>
                  </a:lnTo>
                  <a:lnTo>
                    <a:pt x="802" y="285"/>
                  </a:lnTo>
                  <a:lnTo>
                    <a:pt x="804" y="285"/>
                  </a:lnTo>
                  <a:lnTo>
                    <a:pt x="804" y="287"/>
                  </a:lnTo>
                  <a:lnTo>
                    <a:pt x="802" y="287"/>
                  </a:lnTo>
                  <a:lnTo>
                    <a:pt x="802" y="289"/>
                  </a:lnTo>
                  <a:lnTo>
                    <a:pt x="800" y="291"/>
                  </a:lnTo>
                  <a:lnTo>
                    <a:pt x="796" y="294"/>
                  </a:lnTo>
                  <a:lnTo>
                    <a:pt x="795" y="294"/>
                  </a:lnTo>
                  <a:lnTo>
                    <a:pt x="796" y="294"/>
                  </a:lnTo>
                  <a:lnTo>
                    <a:pt x="796" y="296"/>
                  </a:lnTo>
                  <a:lnTo>
                    <a:pt x="796" y="298"/>
                  </a:lnTo>
                  <a:lnTo>
                    <a:pt x="796" y="300"/>
                  </a:lnTo>
                  <a:lnTo>
                    <a:pt x="796" y="302"/>
                  </a:lnTo>
                  <a:lnTo>
                    <a:pt x="796" y="304"/>
                  </a:lnTo>
                  <a:lnTo>
                    <a:pt x="796" y="306"/>
                  </a:lnTo>
                  <a:lnTo>
                    <a:pt x="795" y="306"/>
                  </a:lnTo>
                  <a:lnTo>
                    <a:pt x="793" y="306"/>
                  </a:lnTo>
                  <a:lnTo>
                    <a:pt x="793" y="307"/>
                  </a:lnTo>
                  <a:lnTo>
                    <a:pt x="793" y="309"/>
                  </a:lnTo>
                  <a:lnTo>
                    <a:pt x="793" y="311"/>
                  </a:lnTo>
                  <a:lnTo>
                    <a:pt x="791" y="311"/>
                  </a:lnTo>
                  <a:lnTo>
                    <a:pt x="791" y="313"/>
                  </a:lnTo>
                  <a:lnTo>
                    <a:pt x="789" y="315"/>
                  </a:lnTo>
                  <a:lnTo>
                    <a:pt x="789" y="317"/>
                  </a:lnTo>
                  <a:lnTo>
                    <a:pt x="787" y="317"/>
                  </a:lnTo>
                  <a:lnTo>
                    <a:pt x="787" y="319"/>
                  </a:lnTo>
                  <a:lnTo>
                    <a:pt x="785" y="319"/>
                  </a:lnTo>
                  <a:lnTo>
                    <a:pt x="785" y="320"/>
                  </a:lnTo>
                  <a:lnTo>
                    <a:pt x="785" y="322"/>
                  </a:lnTo>
                  <a:lnTo>
                    <a:pt x="783" y="322"/>
                  </a:lnTo>
                  <a:lnTo>
                    <a:pt x="783" y="324"/>
                  </a:lnTo>
                  <a:lnTo>
                    <a:pt x="783" y="326"/>
                  </a:lnTo>
                  <a:lnTo>
                    <a:pt x="782" y="326"/>
                  </a:lnTo>
                  <a:lnTo>
                    <a:pt x="782" y="328"/>
                  </a:lnTo>
                  <a:lnTo>
                    <a:pt x="782" y="330"/>
                  </a:lnTo>
                  <a:lnTo>
                    <a:pt x="780" y="331"/>
                  </a:lnTo>
                  <a:lnTo>
                    <a:pt x="782" y="331"/>
                  </a:lnTo>
                  <a:lnTo>
                    <a:pt x="780" y="331"/>
                  </a:lnTo>
                  <a:lnTo>
                    <a:pt x="780" y="333"/>
                  </a:lnTo>
                  <a:lnTo>
                    <a:pt x="780" y="335"/>
                  </a:lnTo>
                  <a:lnTo>
                    <a:pt x="780" y="337"/>
                  </a:lnTo>
                  <a:lnTo>
                    <a:pt x="780" y="339"/>
                  </a:lnTo>
                  <a:lnTo>
                    <a:pt x="780" y="341"/>
                  </a:lnTo>
                  <a:lnTo>
                    <a:pt x="780" y="343"/>
                  </a:lnTo>
                  <a:lnTo>
                    <a:pt x="780" y="344"/>
                  </a:lnTo>
                  <a:lnTo>
                    <a:pt x="780" y="346"/>
                  </a:lnTo>
                  <a:lnTo>
                    <a:pt x="778" y="346"/>
                  </a:lnTo>
                  <a:lnTo>
                    <a:pt x="778" y="348"/>
                  </a:lnTo>
                  <a:lnTo>
                    <a:pt x="778" y="350"/>
                  </a:lnTo>
                  <a:lnTo>
                    <a:pt x="776" y="350"/>
                  </a:lnTo>
                  <a:lnTo>
                    <a:pt x="774" y="350"/>
                  </a:lnTo>
                  <a:lnTo>
                    <a:pt x="772" y="352"/>
                  </a:lnTo>
                  <a:lnTo>
                    <a:pt x="770" y="352"/>
                  </a:lnTo>
                  <a:lnTo>
                    <a:pt x="769" y="354"/>
                  </a:lnTo>
                  <a:lnTo>
                    <a:pt x="767" y="354"/>
                  </a:lnTo>
                  <a:lnTo>
                    <a:pt x="767" y="356"/>
                  </a:lnTo>
                  <a:lnTo>
                    <a:pt x="765" y="357"/>
                  </a:lnTo>
                  <a:lnTo>
                    <a:pt x="765" y="359"/>
                  </a:lnTo>
                  <a:lnTo>
                    <a:pt x="763" y="359"/>
                  </a:lnTo>
                  <a:lnTo>
                    <a:pt x="763" y="361"/>
                  </a:lnTo>
                  <a:lnTo>
                    <a:pt x="761" y="363"/>
                  </a:lnTo>
                  <a:lnTo>
                    <a:pt x="759" y="363"/>
                  </a:lnTo>
                  <a:lnTo>
                    <a:pt x="758" y="363"/>
                  </a:lnTo>
                  <a:lnTo>
                    <a:pt x="756" y="365"/>
                  </a:lnTo>
                  <a:lnTo>
                    <a:pt x="754" y="365"/>
                  </a:lnTo>
                  <a:lnTo>
                    <a:pt x="752" y="365"/>
                  </a:lnTo>
                  <a:lnTo>
                    <a:pt x="752" y="367"/>
                  </a:lnTo>
                  <a:lnTo>
                    <a:pt x="750" y="367"/>
                  </a:lnTo>
                  <a:lnTo>
                    <a:pt x="748" y="368"/>
                  </a:lnTo>
                  <a:lnTo>
                    <a:pt x="746" y="368"/>
                  </a:lnTo>
                  <a:lnTo>
                    <a:pt x="746" y="370"/>
                  </a:lnTo>
                  <a:lnTo>
                    <a:pt x="745" y="370"/>
                  </a:lnTo>
                  <a:lnTo>
                    <a:pt x="745" y="372"/>
                  </a:lnTo>
                  <a:lnTo>
                    <a:pt x="743" y="372"/>
                  </a:lnTo>
                  <a:lnTo>
                    <a:pt x="741" y="372"/>
                  </a:lnTo>
                  <a:lnTo>
                    <a:pt x="737" y="374"/>
                  </a:lnTo>
                  <a:lnTo>
                    <a:pt x="737" y="372"/>
                  </a:lnTo>
                  <a:lnTo>
                    <a:pt x="735" y="372"/>
                  </a:lnTo>
                  <a:lnTo>
                    <a:pt x="734" y="372"/>
                  </a:lnTo>
                  <a:lnTo>
                    <a:pt x="732" y="368"/>
                  </a:lnTo>
                  <a:lnTo>
                    <a:pt x="732" y="370"/>
                  </a:lnTo>
                  <a:lnTo>
                    <a:pt x="730" y="370"/>
                  </a:lnTo>
                  <a:lnTo>
                    <a:pt x="728" y="370"/>
                  </a:lnTo>
                  <a:lnTo>
                    <a:pt x="726" y="370"/>
                  </a:lnTo>
                  <a:lnTo>
                    <a:pt x="724" y="370"/>
                  </a:lnTo>
                  <a:lnTo>
                    <a:pt x="722" y="370"/>
                  </a:lnTo>
                  <a:lnTo>
                    <a:pt x="722" y="372"/>
                  </a:lnTo>
                  <a:lnTo>
                    <a:pt x="721" y="372"/>
                  </a:lnTo>
                  <a:lnTo>
                    <a:pt x="719" y="372"/>
                  </a:lnTo>
                  <a:lnTo>
                    <a:pt x="717" y="372"/>
                  </a:lnTo>
                  <a:lnTo>
                    <a:pt x="715" y="374"/>
                  </a:lnTo>
                  <a:lnTo>
                    <a:pt x="713" y="374"/>
                  </a:lnTo>
                  <a:lnTo>
                    <a:pt x="713" y="376"/>
                  </a:lnTo>
                  <a:lnTo>
                    <a:pt x="713" y="380"/>
                  </a:lnTo>
                  <a:lnTo>
                    <a:pt x="713" y="381"/>
                  </a:lnTo>
                  <a:lnTo>
                    <a:pt x="713" y="383"/>
                  </a:lnTo>
                  <a:lnTo>
                    <a:pt x="713" y="385"/>
                  </a:lnTo>
                  <a:lnTo>
                    <a:pt x="713" y="387"/>
                  </a:lnTo>
                  <a:lnTo>
                    <a:pt x="715" y="387"/>
                  </a:lnTo>
                  <a:lnTo>
                    <a:pt x="715" y="389"/>
                  </a:lnTo>
                  <a:lnTo>
                    <a:pt x="717" y="391"/>
                  </a:lnTo>
                  <a:lnTo>
                    <a:pt x="717" y="393"/>
                  </a:lnTo>
                  <a:lnTo>
                    <a:pt x="717" y="394"/>
                  </a:lnTo>
                  <a:lnTo>
                    <a:pt x="717" y="396"/>
                  </a:lnTo>
                  <a:lnTo>
                    <a:pt x="715" y="396"/>
                  </a:lnTo>
                  <a:lnTo>
                    <a:pt x="713" y="398"/>
                  </a:lnTo>
                  <a:lnTo>
                    <a:pt x="709" y="398"/>
                  </a:lnTo>
                  <a:lnTo>
                    <a:pt x="706" y="400"/>
                  </a:lnTo>
                  <a:lnTo>
                    <a:pt x="706" y="402"/>
                  </a:lnTo>
                  <a:lnTo>
                    <a:pt x="702" y="404"/>
                  </a:lnTo>
                  <a:lnTo>
                    <a:pt x="702" y="405"/>
                  </a:lnTo>
                  <a:lnTo>
                    <a:pt x="704" y="405"/>
                  </a:lnTo>
                  <a:lnTo>
                    <a:pt x="704" y="407"/>
                  </a:lnTo>
                  <a:lnTo>
                    <a:pt x="706" y="407"/>
                  </a:lnTo>
                  <a:lnTo>
                    <a:pt x="706" y="409"/>
                  </a:lnTo>
                  <a:lnTo>
                    <a:pt x="708" y="409"/>
                  </a:lnTo>
                  <a:lnTo>
                    <a:pt x="708" y="407"/>
                  </a:lnTo>
                  <a:lnTo>
                    <a:pt x="708" y="409"/>
                  </a:lnTo>
                  <a:lnTo>
                    <a:pt x="709" y="409"/>
                  </a:lnTo>
                  <a:lnTo>
                    <a:pt x="711" y="409"/>
                  </a:lnTo>
                  <a:lnTo>
                    <a:pt x="713" y="407"/>
                  </a:lnTo>
                  <a:lnTo>
                    <a:pt x="713" y="409"/>
                  </a:lnTo>
                  <a:lnTo>
                    <a:pt x="715" y="409"/>
                  </a:lnTo>
                  <a:lnTo>
                    <a:pt x="715" y="411"/>
                  </a:lnTo>
                  <a:lnTo>
                    <a:pt x="717" y="411"/>
                  </a:lnTo>
                  <a:lnTo>
                    <a:pt x="719" y="413"/>
                  </a:lnTo>
                  <a:lnTo>
                    <a:pt x="721" y="413"/>
                  </a:lnTo>
                  <a:lnTo>
                    <a:pt x="722" y="415"/>
                  </a:lnTo>
                  <a:lnTo>
                    <a:pt x="724" y="415"/>
                  </a:lnTo>
                  <a:lnTo>
                    <a:pt x="726" y="415"/>
                  </a:lnTo>
                  <a:lnTo>
                    <a:pt x="726" y="417"/>
                  </a:lnTo>
                  <a:lnTo>
                    <a:pt x="728" y="417"/>
                  </a:lnTo>
                  <a:lnTo>
                    <a:pt x="728" y="418"/>
                  </a:lnTo>
                  <a:lnTo>
                    <a:pt x="728" y="420"/>
                  </a:lnTo>
                  <a:lnTo>
                    <a:pt x="728" y="422"/>
                  </a:lnTo>
                  <a:lnTo>
                    <a:pt x="730" y="431"/>
                  </a:lnTo>
                  <a:lnTo>
                    <a:pt x="728" y="431"/>
                  </a:lnTo>
                  <a:lnTo>
                    <a:pt x="730" y="433"/>
                  </a:lnTo>
                  <a:lnTo>
                    <a:pt x="732" y="433"/>
                  </a:lnTo>
                  <a:lnTo>
                    <a:pt x="732" y="435"/>
                  </a:lnTo>
                  <a:lnTo>
                    <a:pt x="734" y="435"/>
                  </a:lnTo>
                  <a:lnTo>
                    <a:pt x="735" y="435"/>
                  </a:lnTo>
                  <a:lnTo>
                    <a:pt x="735" y="437"/>
                  </a:lnTo>
                  <a:lnTo>
                    <a:pt x="735" y="439"/>
                  </a:lnTo>
                  <a:lnTo>
                    <a:pt x="737" y="439"/>
                  </a:lnTo>
                  <a:lnTo>
                    <a:pt x="737" y="441"/>
                  </a:lnTo>
                  <a:lnTo>
                    <a:pt x="737" y="442"/>
                  </a:lnTo>
                  <a:lnTo>
                    <a:pt x="737" y="444"/>
                  </a:lnTo>
                  <a:lnTo>
                    <a:pt x="739" y="446"/>
                  </a:lnTo>
                  <a:lnTo>
                    <a:pt x="739" y="448"/>
                  </a:lnTo>
                  <a:lnTo>
                    <a:pt x="741" y="448"/>
                  </a:lnTo>
                  <a:lnTo>
                    <a:pt x="741" y="450"/>
                  </a:lnTo>
                  <a:lnTo>
                    <a:pt x="743" y="450"/>
                  </a:lnTo>
                  <a:lnTo>
                    <a:pt x="743" y="448"/>
                  </a:lnTo>
                  <a:lnTo>
                    <a:pt x="745" y="448"/>
                  </a:lnTo>
                  <a:lnTo>
                    <a:pt x="745" y="450"/>
                  </a:lnTo>
                  <a:lnTo>
                    <a:pt x="746" y="450"/>
                  </a:lnTo>
                  <a:lnTo>
                    <a:pt x="748" y="452"/>
                  </a:lnTo>
                  <a:lnTo>
                    <a:pt x="750" y="454"/>
                  </a:lnTo>
                  <a:lnTo>
                    <a:pt x="752" y="454"/>
                  </a:lnTo>
                  <a:lnTo>
                    <a:pt x="752" y="455"/>
                  </a:lnTo>
                  <a:lnTo>
                    <a:pt x="754" y="457"/>
                  </a:lnTo>
                  <a:lnTo>
                    <a:pt x="756" y="459"/>
                  </a:lnTo>
                  <a:lnTo>
                    <a:pt x="756" y="461"/>
                  </a:lnTo>
                  <a:lnTo>
                    <a:pt x="756" y="463"/>
                  </a:lnTo>
                  <a:lnTo>
                    <a:pt x="758" y="463"/>
                  </a:lnTo>
                  <a:lnTo>
                    <a:pt x="758" y="465"/>
                  </a:lnTo>
                  <a:lnTo>
                    <a:pt x="758" y="466"/>
                  </a:lnTo>
                  <a:lnTo>
                    <a:pt x="759" y="468"/>
                  </a:lnTo>
                  <a:lnTo>
                    <a:pt x="758" y="468"/>
                  </a:lnTo>
                  <a:lnTo>
                    <a:pt x="759" y="470"/>
                  </a:lnTo>
                  <a:lnTo>
                    <a:pt x="761" y="470"/>
                  </a:lnTo>
                  <a:lnTo>
                    <a:pt x="761" y="472"/>
                  </a:lnTo>
                  <a:lnTo>
                    <a:pt x="763" y="474"/>
                  </a:lnTo>
                  <a:lnTo>
                    <a:pt x="763" y="472"/>
                  </a:lnTo>
                  <a:lnTo>
                    <a:pt x="765" y="472"/>
                  </a:lnTo>
                  <a:lnTo>
                    <a:pt x="765" y="474"/>
                  </a:lnTo>
                  <a:lnTo>
                    <a:pt x="765" y="478"/>
                  </a:lnTo>
                  <a:lnTo>
                    <a:pt x="767" y="478"/>
                  </a:lnTo>
                  <a:lnTo>
                    <a:pt x="767" y="476"/>
                  </a:lnTo>
                  <a:lnTo>
                    <a:pt x="769" y="476"/>
                  </a:lnTo>
                  <a:lnTo>
                    <a:pt x="770" y="476"/>
                  </a:lnTo>
                  <a:lnTo>
                    <a:pt x="770" y="474"/>
                  </a:lnTo>
                  <a:lnTo>
                    <a:pt x="772" y="476"/>
                  </a:lnTo>
                  <a:lnTo>
                    <a:pt x="772" y="478"/>
                  </a:lnTo>
                  <a:lnTo>
                    <a:pt x="770" y="479"/>
                  </a:lnTo>
                  <a:lnTo>
                    <a:pt x="772" y="479"/>
                  </a:lnTo>
                  <a:lnTo>
                    <a:pt x="770" y="481"/>
                  </a:lnTo>
                  <a:lnTo>
                    <a:pt x="769" y="483"/>
                  </a:lnTo>
                  <a:lnTo>
                    <a:pt x="767" y="483"/>
                  </a:lnTo>
                  <a:lnTo>
                    <a:pt x="765" y="483"/>
                  </a:lnTo>
                  <a:lnTo>
                    <a:pt x="765" y="485"/>
                  </a:lnTo>
                  <a:lnTo>
                    <a:pt x="763" y="485"/>
                  </a:lnTo>
                  <a:lnTo>
                    <a:pt x="761" y="485"/>
                  </a:lnTo>
                  <a:lnTo>
                    <a:pt x="759" y="487"/>
                  </a:lnTo>
                  <a:lnTo>
                    <a:pt x="763" y="492"/>
                  </a:lnTo>
                  <a:lnTo>
                    <a:pt x="778" y="516"/>
                  </a:lnTo>
                  <a:lnTo>
                    <a:pt x="780" y="516"/>
                  </a:lnTo>
                  <a:lnTo>
                    <a:pt x="780" y="515"/>
                  </a:lnTo>
                  <a:lnTo>
                    <a:pt x="782" y="515"/>
                  </a:lnTo>
                  <a:lnTo>
                    <a:pt x="782" y="513"/>
                  </a:lnTo>
                  <a:lnTo>
                    <a:pt x="783" y="513"/>
                  </a:lnTo>
                  <a:lnTo>
                    <a:pt x="783" y="515"/>
                  </a:lnTo>
                  <a:lnTo>
                    <a:pt x="782" y="515"/>
                  </a:lnTo>
                  <a:lnTo>
                    <a:pt x="783" y="515"/>
                  </a:lnTo>
                  <a:lnTo>
                    <a:pt x="783" y="516"/>
                  </a:lnTo>
                  <a:lnTo>
                    <a:pt x="785" y="516"/>
                  </a:lnTo>
                  <a:lnTo>
                    <a:pt x="787" y="518"/>
                  </a:lnTo>
                  <a:lnTo>
                    <a:pt x="789" y="520"/>
                  </a:lnTo>
                  <a:lnTo>
                    <a:pt x="789" y="522"/>
                  </a:lnTo>
                  <a:lnTo>
                    <a:pt x="793" y="524"/>
                  </a:lnTo>
                  <a:lnTo>
                    <a:pt x="793" y="526"/>
                  </a:lnTo>
                  <a:lnTo>
                    <a:pt x="795" y="526"/>
                  </a:lnTo>
                  <a:lnTo>
                    <a:pt x="796" y="526"/>
                  </a:lnTo>
                  <a:lnTo>
                    <a:pt x="796" y="528"/>
                  </a:lnTo>
                  <a:lnTo>
                    <a:pt x="798" y="528"/>
                  </a:lnTo>
                  <a:lnTo>
                    <a:pt x="800" y="528"/>
                  </a:lnTo>
                  <a:lnTo>
                    <a:pt x="802" y="529"/>
                  </a:lnTo>
                  <a:lnTo>
                    <a:pt x="804" y="529"/>
                  </a:lnTo>
                  <a:lnTo>
                    <a:pt x="806" y="529"/>
                  </a:lnTo>
                  <a:lnTo>
                    <a:pt x="807" y="529"/>
                  </a:lnTo>
                  <a:lnTo>
                    <a:pt x="807" y="531"/>
                  </a:lnTo>
                  <a:lnTo>
                    <a:pt x="809" y="531"/>
                  </a:lnTo>
                  <a:lnTo>
                    <a:pt x="811" y="531"/>
                  </a:lnTo>
                  <a:lnTo>
                    <a:pt x="813" y="531"/>
                  </a:lnTo>
                  <a:lnTo>
                    <a:pt x="815" y="531"/>
                  </a:lnTo>
                  <a:lnTo>
                    <a:pt x="815" y="533"/>
                  </a:lnTo>
                  <a:lnTo>
                    <a:pt x="813" y="533"/>
                  </a:lnTo>
                  <a:lnTo>
                    <a:pt x="813" y="535"/>
                  </a:lnTo>
                  <a:lnTo>
                    <a:pt x="813" y="533"/>
                  </a:lnTo>
                  <a:lnTo>
                    <a:pt x="813" y="535"/>
                  </a:lnTo>
                  <a:lnTo>
                    <a:pt x="811" y="535"/>
                  </a:lnTo>
                  <a:lnTo>
                    <a:pt x="809" y="537"/>
                  </a:lnTo>
                  <a:lnTo>
                    <a:pt x="809" y="535"/>
                  </a:lnTo>
                  <a:lnTo>
                    <a:pt x="807" y="537"/>
                  </a:lnTo>
                  <a:lnTo>
                    <a:pt x="807" y="539"/>
                  </a:lnTo>
                  <a:lnTo>
                    <a:pt x="806" y="539"/>
                  </a:lnTo>
                  <a:lnTo>
                    <a:pt x="804" y="540"/>
                  </a:lnTo>
                  <a:lnTo>
                    <a:pt x="802" y="542"/>
                  </a:lnTo>
                  <a:lnTo>
                    <a:pt x="804" y="542"/>
                  </a:lnTo>
                  <a:lnTo>
                    <a:pt x="802" y="544"/>
                  </a:lnTo>
                  <a:lnTo>
                    <a:pt x="802" y="546"/>
                  </a:lnTo>
                  <a:lnTo>
                    <a:pt x="802" y="548"/>
                  </a:lnTo>
                  <a:lnTo>
                    <a:pt x="802" y="550"/>
                  </a:lnTo>
                  <a:lnTo>
                    <a:pt x="802" y="552"/>
                  </a:lnTo>
                  <a:lnTo>
                    <a:pt x="802" y="553"/>
                  </a:lnTo>
                  <a:lnTo>
                    <a:pt x="800" y="553"/>
                  </a:lnTo>
                  <a:lnTo>
                    <a:pt x="800" y="555"/>
                  </a:lnTo>
                  <a:lnTo>
                    <a:pt x="800" y="557"/>
                  </a:lnTo>
                  <a:lnTo>
                    <a:pt x="798" y="557"/>
                  </a:lnTo>
                  <a:lnTo>
                    <a:pt x="798" y="559"/>
                  </a:lnTo>
                  <a:lnTo>
                    <a:pt x="798" y="561"/>
                  </a:lnTo>
                  <a:lnTo>
                    <a:pt x="796" y="563"/>
                  </a:lnTo>
                  <a:lnTo>
                    <a:pt x="795" y="566"/>
                  </a:lnTo>
                  <a:lnTo>
                    <a:pt x="796" y="566"/>
                  </a:lnTo>
                  <a:lnTo>
                    <a:pt x="795" y="570"/>
                  </a:lnTo>
                  <a:lnTo>
                    <a:pt x="795" y="572"/>
                  </a:lnTo>
                  <a:lnTo>
                    <a:pt x="793" y="574"/>
                  </a:lnTo>
                  <a:lnTo>
                    <a:pt x="793" y="576"/>
                  </a:lnTo>
                  <a:lnTo>
                    <a:pt x="795" y="577"/>
                  </a:lnTo>
                  <a:lnTo>
                    <a:pt x="795" y="579"/>
                  </a:lnTo>
                  <a:lnTo>
                    <a:pt x="796" y="579"/>
                  </a:lnTo>
                  <a:lnTo>
                    <a:pt x="796" y="581"/>
                  </a:lnTo>
                  <a:lnTo>
                    <a:pt x="796" y="583"/>
                  </a:lnTo>
                  <a:lnTo>
                    <a:pt x="795" y="583"/>
                  </a:lnTo>
                  <a:lnTo>
                    <a:pt x="795" y="585"/>
                  </a:lnTo>
                  <a:lnTo>
                    <a:pt x="796" y="585"/>
                  </a:lnTo>
                  <a:lnTo>
                    <a:pt x="798" y="587"/>
                  </a:lnTo>
                  <a:lnTo>
                    <a:pt x="798" y="589"/>
                  </a:lnTo>
                  <a:lnTo>
                    <a:pt x="800" y="590"/>
                  </a:lnTo>
                  <a:lnTo>
                    <a:pt x="800" y="589"/>
                  </a:lnTo>
                  <a:lnTo>
                    <a:pt x="802" y="589"/>
                  </a:lnTo>
                  <a:lnTo>
                    <a:pt x="804" y="590"/>
                  </a:lnTo>
                  <a:lnTo>
                    <a:pt x="806" y="594"/>
                  </a:lnTo>
                  <a:lnTo>
                    <a:pt x="806" y="596"/>
                  </a:lnTo>
                  <a:lnTo>
                    <a:pt x="806" y="598"/>
                  </a:lnTo>
                  <a:lnTo>
                    <a:pt x="804" y="598"/>
                  </a:lnTo>
                  <a:lnTo>
                    <a:pt x="804" y="600"/>
                  </a:lnTo>
                  <a:lnTo>
                    <a:pt x="802" y="600"/>
                  </a:lnTo>
                  <a:lnTo>
                    <a:pt x="800" y="600"/>
                  </a:lnTo>
                  <a:lnTo>
                    <a:pt x="798" y="600"/>
                  </a:lnTo>
                  <a:lnTo>
                    <a:pt x="796" y="600"/>
                  </a:lnTo>
                  <a:lnTo>
                    <a:pt x="796" y="602"/>
                  </a:lnTo>
                  <a:lnTo>
                    <a:pt x="795" y="600"/>
                  </a:lnTo>
                  <a:lnTo>
                    <a:pt x="793" y="600"/>
                  </a:lnTo>
                  <a:lnTo>
                    <a:pt x="791" y="602"/>
                  </a:lnTo>
                  <a:lnTo>
                    <a:pt x="789" y="602"/>
                  </a:lnTo>
                  <a:lnTo>
                    <a:pt x="787" y="603"/>
                  </a:lnTo>
                  <a:lnTo>
                    <a:pt x="787" y="602"/>
                  </a:lnTo>
                  <a:lnTo>
                    <a:pt x="785" y="602"/>
                  </a:lnTo>
                  <a:lnTo>
                    <a:pt x="783" y="602"/>
                  </a:lnTo>
                  <a:lnTo>
                    <a:pt x="783" y="603"/>
                  </a:lnTo>
                  <a:lnTo>
                    <a:pt x="783" y="605"/>
                  </a:lnTo>
                  <a:lnTo>
                    <a:pt x="782" y="605"/>
                  </a:lnTo>
                  <a:lnTo>
                    <a:pt x="780" y="605"/>
                  </a:lnTo>
                  <a:lnTo>
                    <a:pt x="778" y="607"/>
                  </a:lnTo>
                  <a:lnTo>
                    <a:pt x="776" y="607"/>
                  </a:lnTo>
                  <a:lnTo>
                    <a:pt x="776" y="609"/>
                  </a:lnTo>
                  <a:lnTo>
                    <a:pt x="774" y="609"/>
                  </a:lnTo>
                  <a:lnTo>
                    <a:pt x="772" y="609"/>
                  </a:lnTo>
                  <a:lnTo>
                    <a:pt x="770" y="609"/>
                  </a:lnTo>
                  <a:lnTo>
                    <a:pt x="770" y="611"/>
                  </a:lnTo>
                  <a:lnTo>
                    <a:pt x="769" y="611"/>
                  </a:lnTo>
                  <a:lnTo>
                    <a:pt x="769" y="613"/>
                  </a:lnTo>
                  <a:lnTo>
                    <a:pt x="767" y="613"/>
                  </a:lnTo>
                  <a:lnTo>
                    <a:pt x="765" y="613"/>
                  </a:lnTo>
                  <a:lnTo>
                    <a:pt x="765" y="614"/>
                  </a:lnTo>
                  <a:lnTo>
                    <a:pt x="763" y="614"/>
                  </a:lnTo>
                  <a:lnTo>
                    <a:pt x="761" y="616"/>
                  </a:lnTo>
                  <a:lnTo>
                    <a:pt x="759" y="616"/>
                  </a:lnTo>
                  <a:lnTo>
                    <a:pt x="758" y="618"/>
                  </a:lnTo>
                  <a:lnTo>
                    <a:pt x="756" y="618"/>
                  </a:lnTo>
                  <a:lnTo>
                    <a:pt x="756" y="620"/>
                  </a:lnTo>
                  <a:lnTo>
                    <a:pt x="754" y="620"/>
                  </a:lnTo>
                  <a:lnTo>
                    <a:pt x="754" y="622"/>
                  </a:lnTo>
                  <a:lnTo>
                    <a:pt x="752" y="622"/>
                  </a:lnTo>
                  <a:lnTo>
                    <a:pt x="750" y="622"/>
                  </a:lnTo>
                  <a:lnTo>
                    <a:pt x="750" y="624"/>
                  </a:lnTo>
                  <a:lnTo>
                    <a:pt x="750" y="622"/>
                  </a:lnTo>
                  <a:lnTo>
                    <a:pt x="748" y="622"/>
                  </a:lnTo>
                  <a:lnTo>
                    <a:pt x="748" y="624"/>
                  </a:lnTo>
                  <a:lnTo>
                    <a:pt x="746" y="624"/>
                  </a:lnTo>
                  <a:lnTo>
                    <a:pt x="746" y="626"/>
                  </a:lnTo>
                  <a:lnTo>
                    <a:pt x="746" y="627"/>
                  </a:lnTo>
                  <a:lnTo>
                    <a:pt x="745" y="626"/>
                  </a:lnTo>
                  <a:lnTo>
                    <a:pt x="743" y="626"/>
                  </a:lnTo>
                  <a:lnTo>
                    <a:pt x="743" y="627"/>
                  </a:lnTo>
                  <a:lnTo>
                    <a:pt x="741" y="627"/>
                  </a:lnTo>
                  <a:lnTo>
                    <a:pt x="741" y="629"/>
                  </a:lnTo>
                  <a:lnTo>
                    <a:pt x="739" y="629"/>
                  </a:lnTo>
                  <a:lnTo>
                    <a:pt x="739" y="631"/>
                  </a:lnTo>
                  <a:lnTo>
                    <a:pt x="737" y="631"/>
                  </a:lnTo>
                  <a:lnTo>
                    <a:pt x="735" y="631"/>
                  </a:lnTo>
                  <a:lnTo>
                    <a:pt x="734" y="631"/>
                  </a:lnTo>
                  <a:lnTo>
                    <a:pt x="734" y="633"/>
                  </a:lnTo>
                  <a:lnTo>
                    <a:pt x="732" y="633"/>
                  </a:lnTo>
                  <a:lnTo>
                    <a:pt x="732" y="635"/>
                  </a:lnTo>
                  <a:lnTo>
                    <a:pt x="732" y="637"/>
                  </a:lnTo>
                  <a:lnTo>
                    <a:pt x="730" y="637"/>
                  </a:lnTo>
                  <a:lnTo>
                    <a:pt x="728" y="637"/>
                  </a:lnTo>
                  <a:lnTo>
                    <a:pt x="726" y="637"/>
                  </a:lnTo>
                  <a:lnTo>
                    <a:pt x="728" y="639"/>
                  </a:lnTo>
                  <a:lnTo>
                    <a:pt x="724" y="639"/>
                  </a:lnTo>
                  <a:lnTo>
                    <a:pt x="724" y="637"/>
                  </a:lnTo>
                  <a:lnTo>
                    <a:pt x="722" y="639"/>
                  </a:lnTo>
                  <a:lnTo>
                    <a:pt x="721" y="639"/>
                  </a:lnTo>
                  <a:lnTo>
                    <a:pt x="719" y="639"/>
                  </a:lnTo>
                  <a:lnTo>
                    <a:pt x="719" y="640"/>
                  </a:lnTo>
                  <a:lnTo>
                    <a:pt x="715" y="642"/>
                  </a:lnTo>
                  <a:lnTo>
                    <a:pt x="715" y="644"/>
                  </a:lnTo>
                  <a:lnTo>
                    <a:pt x="715" y="646"/>
                  </a:lnTo>
                  <a:lnTo>
                    <a:pt x="713" y="646"/>
                  </a:lnTo>
                  <a:lnTo>
                    <a:pt x="711" y="646"/>
                  </a:lnTo>
                  <a:lnTo>
                    <a:pt x="711" y="648"/>
                  </a:lnTo>
                  <a:lnTo>
                    <a:pt x="709" y="650"/>
                  </a:lnTo>
                  <a:lnTo>
                    <a:pt x="708" y="650"/>
                  </a:lnTo>
                  <a:lnTo>
                    <a:pt x="706" y="650"/>
                  </a:lnTo>
                  <a:lnTo>
                    <a:pt x="704" y="650"/>
                  </a:lnTo>
                  <a:lnTo>
                    <a:pt x="702" y="650"/>
                  </a:lnTo>
                  <a:lnTo>
                    <a:pt x="700" y="650"/>
                  </a:lnTo>
                  <a:lnTo>
                    <a:pt x="698" y="650"/>
                  </a:lnTo>
                  <a:lnTo>
                    <a:pt x="695" y="653"/>
                  </a:lnTo>
                  <a:lnTo>
                    <a:pt x="693" y="657"/>
                  </a:lnTo>
                  <a:lnTo>
                    <a:pt x="691" y="659"/>
                  </a:lnTo>
                  <a:lnTo>
                    <a:pt x="682" y="666"/>
                  </a:lnTo>
                  <a:lnTo>
                    <a:pt x="678" y="666"/>
                  </a:lnTo>
                  <a:lnTo>
                    <a:pt x="676" y="668"/>
                  </a:lnTo>
                  <a:lnTo>
                    <a:pt x="673" y="668"/>
                  </a:lnTo>
                  <a:lnTo>
                    <a:pt x="671" y="666"/>
                  </a:lnTo>
                  <a:lnTo>
                    <a:pt x="669" y="666"/>
                  </a:lnTo>
                  <a:lnTo>
                    <a:pt x="667" y="666"/>
                  </a:lnTo>
                  <a:lnTo>
                    <a:pt x="665" y="666"/>
                  </a:lnTo>
                  <a:lnTo>
                    <a:pt x="663" y="666"/>
                  </a:lnTo>
                  <a:lnTo>
                    <a:pt x="663" y="668"/>
                  </a:lnTo>
                  <a:lnTo>
                    <a:pt x="665" y="668"/>
                  </a:lnTo>
                  <a:lnTo>
                    <a:pt x="663" y="668"/>
                  </a:lnTo>
                  <a:lnTo>
                    <a:pt x="663" y="670"/>
                  </a:lnTo>
                  <a:lnTo>
                    <a:pt x="663" y="672"/>
                  </a:lnTo>
                  <a:lnTo>
                    <a:pt x="663" y="674"/>
                  </a:lnTo>
                  <a:lnTo>
                    <a:pt x="661" y="674"/>
                  </a:lnTo>
                  <a:lnTo>
                    <a:pt x="661" y="676"/>
                  </a:lnTo>
                  <a:lnTo>
                    <a:pt x="661" y="677"/>
                  </a:lnTo>
                  <a:lnTo>
                    <a:pt x="660" y="677"/>
                  </a:lnTo>
                  <a:lnTo>
                    <a:pt x="658" y="679"/>
                  </a:lnTo>
                  <a:lnTo>
                    <a:pt x="656" y="679"/>
                  </a:lnTo>
                  <a:lnTo>
                    <a:pt x="656" y="681"/>
                  </a:lnTo>
                  <a:lnTo>
                    <a:pt x="654" y="681"/>
                  </a:lnTo>
                  <a:lnTo>
                    <a:pt x="654" y="683"/>
                  </a:lnTo>
                  <a:lnTo>
                    <a:pt x="654" y="685"/>
                  </a:lnTo>
                  <a:lnTo>
                    <a:pt x="652" y="685"/>
                  </a:lnTo>
                  <a:lnTo>
                    <a:pt x="652" y="687"/>
                  </a:lnTo>
                  <a:lnTo>
                    <a:pt x="647" y="679"/>
                  </a:lnTo>
                  <a:lnTo>
                    <a:pt x="645" y="674"/>
                  </a:lnTo>
                  <a:lnTo>
                    <a:pt x="645" y="670"/>
                  </a:lnTo>
                  <a:lnTo>
                    <a:pt x="645" y="666"/>
                  </a:lnTo>
                  <a:lnTo>
                    <a:pt x="647" y="659"/>
                  </a:lnTo>
                  <a:lnTo>
                    <a:pt x="647" y="655"/>
                  </a:lnTo>
                  <a:lnTo>
                    <a:pt x="645" y="651"/>
                  </a:lnTo>
                  <a:lnTo>
                    <a:pt x="645" y="650"/>
                  </a:lnTo>
                  <a:lnTo>
                    <a:pt x="645" y="648"/>
                  </a:lnTo>
                  <a:lnTo>
                    <a:pt x="645" y="646"/>
                  </a:lnTo>
                  <a:lnTo>
                    <a:pt x="645" y="644"/>
                  </a:lnTo>
                  <a:lnTo>
                    <a:pt x="645" y="642"/>
                  </a:lnTo>
                  <a:lnTo>
                    <a:pt x="645" y="640"/>
                  </a:lnTo>
                  <a:lnTo>
                    <a:pt x="647" y="639"/>
                  </a:lnTo>
                  <a:lnTo>
                    <a:pt x="647" y="637"/>
                  </a:lnTo>
                  <a:lnTo>
                    <a:pt x="647" y="635"/>
                  </a:lnTo>
                  <a:lnTo>
                    <a:pt x="647" y="633"/>
                  </a:lnTo>
                  <a:lnTo>
                    <a:pt x="645" y="633"/>
                  </a:lnTo>
                  <a:lnTo>
                    <a:pt x="645" y="631"/>
                  </a:lnTo>
                  <a:lnTo>
                    <a:pt x="645" y="629"/>
                  </a:lnTo>
                  <a:lnTo>
                    <a:pt x="643" y="627"/>
                  </a:lnTo>
                  <a:lnTo>
                    <a:pt x="643" y="629"/>
                  </a:lnTo>
                  <a:lnTo>
                    <a:pt x="643" y="631"/>
                  </a:lnTo>
                  <a:lnTo>
                    <a:pt x="641" y="631"/>
                  </a:lnTo>
                  <a:lnTo>
                    <a:pt x="639" y="633"/>
                  </a:lnTo>
                  <a:lnTo>
                    <a:pt x="637" y="633"/>
                  </a:lnTo>
                  <a:lnTo>
                    <a:pt x="637" y="635"/>
                  </a:lnTo>
                  <a:lnTo>
                    <a:pt x="637" y="637"/>
                  </a:lnTo>
                  <a:lnTo>
                    <a:pt x="636" y="637"/>
                  </a:lnTo>
                  <a:lnTo>
                    <a:pt x="637" y="637"/>
                  </a:lnTo>
                  <a:lnTo>
                    <a:pt x="632" y="639"/>
                  </a:lnTo>
                  <a:lnTo>
                    <a:pt x="628" y="640"/>
                  </a:lnTo>
                  <a:lnTo>
                    <a:pt x="626" y="637"/>
                  </a:lnTo>
                  <a:lnTo>
                    <a:pt x="624" y="633"/>
                  </a:lnTo>
                  <a:lnTo>
                    <a:pt x="621" y="626"/>
                  </a:lnTo>
                  <a:lnTo>
                    <a:pt x="619" y="622"/>
                  </a:lnTo>
                  <a:lnTo>
                    <a:pt x="617" y="620"/>
                  </a:lnTo>
                  <a:lnTo>
                    <a:pt x="615" y="616"/>
                  </a:lnTo>
                  <a:lnTo>
                    <a:pt x="615" y="611"/>
                  </a:lnTo>
                  <a:lnTo>
                    <a:pt x="617" y="611"/>
                  </a:lnTo>
                  <a:lnTo>
                    <a:pt x="619" y="607"/>
                  </a:lnTo>
                  <a:lnTo>
                    <a:pt x="617" y="605"/>
                  </a:lnTo>
                  <a:lnTo>
                    <a:pt x="617" y="603"/>
                  </a:lnTo>
                  <a:lnTo>
                    <a:pt x="617" y="602"/>
                  </a:lnTo>
                  <a:lnTo>
                    <a:pt x="617" y="600"/>
                  </a:lnTo>
                  <a:lnTo>
                    <a:pt x="619" y="598"/>
                  </a:lnTo>
                  <a:lnTo>
                    <a:pt x="617" y="596"/>
                  </a:lnTo>
                  <a:lnTo>
                    <a:pt x="619" y="594"/>
                  </a:lnTo>
                  <a:lnTo>
                    <a:pt x="617" y="592"/>
                  </a:lnTo>
                  <a:lnTo>
                    <a:pt x="617" y="590"/>
                  </a:lnTo>
                  <a:lnTo>
                    <a:pt x="615" y="589"/>
                  </a:lnTo>
                  <a:lnTo>
                    <a:pt x="613" y="589"/>
                  </a:lnTo>
                  <a:lnTo>
                    <a:pt x="615" y="587"/>
                  </a:lnTo>
                  <a:lnTo>
                    <a:pt x="613" y="583"/>
                  </a:lnTo>
                  <a:lnTo>
                    <a:pt x="610" y="583"/>
                  </a:lnTo>
                  <a:lnTo>
                    <a:pt x="606" y="583"/>
                  </a:lnTo>
                  <a:lnTo>
                    <a:pt x="604" y="581"/>
                  </a:lnTo>
                  <a:lnTo>
                    <a:pt x="597" y="577"/>
                  </a:lnTo>
                  <a:lnTo>
                    <a:pt x="591" y="572"/>
                  </a:lnTo>
                  <a:lnTo>
                    <a:pt x="589" y="574"/>
                  </a:lnTo>
                  <a:lnTo>
                    <a:pt x="587" y="576"/>
                  </a:lnTo>
                  <a:lnTo>
                    <a:pt x="586" y="576"/>
                  </a:lnTo>
                  <a:lnTo>
                    <a:pt x="584" y="577"/>
                  </a:lnTo>
                  <a:lnTo>
                    <a:pt x="582" y="579"/>
                  </a:lnTo>
                  <a:lnTo>
                    <a:pt x="580" y="579"/>
                  </a:lnTo>
                  <a:lnTo>
                    <a:pt x="578" y="581"/>
                  </a:lnTo>
                  <a:lnTo>
                    <a:pt x="576" y="581"/>
                  </a:lnTo>
                  <a:lnTo>
                    <a:pt x="575" y="581"/>
                  </a:lnTo>
                  <a:lnTo>
                    <a:pt x="573" y="583"/>
                  </a:lnTo>
                  <a:lnTo>
                    <a:pt x="571" y="585"/>
                  </a:lnTo>
                  <a:lnTo>
                    <a:pt x="571" y="587"/>
                  </a:lnTo>
                  <a:lnTo>
                    <a:pt x="569" y="590"/>
                  </a:lnTo>
                  <a:lnTo>
                    <a:pt x="567" y="590"/>
                  </a:lnTo>
                  <a:lnTo>
                    <a:pt x="565" y="592"/>
                  </a:lnTo>
                  <a:lnTo>
                    <a:pt x="565" y="594"/>
                  </a:lnTo>
                  <a:lnTo>
                    <a:pt x="560" y="596"/>
                  </a:lnTo>
                  <a:lnTo>
                    <a:pt x="558" y="596"/>
                  </a:lnTo>
                  <a:lnTo>
                    <a:pt x="558" y="594"/>
                  </a:lnTo>
                  <a:lnTo>
                    <a:pt x="556" y="594"/>
                  </a:lnTo>
                  <a:lnTo>
                    <a:pt x="552" y="592"/>
                  </a:lnTo>
                  <a:lnTo>
                    <a:pt x="552" y="594"/>
                  </a:lnTo>
                  <a:lnTo>
                    <a:pt x="552" y="592"/>
                  </a:lnTo>
                  <a:lnTo>
                    <a:pt x="551" y="592"/>
                  </a:lnTo>
                  <a:lnTo>
                    <a:pt x="547" y="592"/>
                  </a:lnTo>
                  <a:lnTo>
                    <a:pt x="547" y="590"/>
                  </a:lnTo>
                  <a:lnTo>
                    <a:pt x="545" y="590"/>
                  </a:lnTo>
                  <a:lnTo>
                    <a:pt x="545" y="589"/>
                  </a:lnTo>
                  <a:lnTo>
                    <a:pt x="539" y="579"/>
                  </a:lnTo>
                  <a:lnTo>
                    <a:pt x="541" y="577"/>
                  </a:lnTo>
                  <a:lnTo>
                    <a:pt x="536" y="574"/>
                  </a:lnTo>
                  <a:lnTo>
                    <a:pt x="532" y="576"/>
                  </a:lnTo>
                  <a:lnTo>
                    <a:pt x="530" y="576"/>
                  </a:lnTo>
                  <a:lnTo>
                    <a:pt x="528" y="577"/>
                  </a:lnTo>
                  <a:lnTo>
                    <a:pt x="528" y="579"/>
                  </a:lnTo>
                  <a:lnTo>
                    <a:pt x="525" y="579"/>
                  </a:lnTo>
                  <a:lnTo>
                    <a:pt x="523" y="579"/>
                  </a:lnTo>
                  <a:lnTo>
                    <a:pt x="523" y="581"/>
                  </a:lnTo>
                  <a:lnTo>
                    <a:pt x="521" y="581"/>
                  </a:lnTo>
                  <a:lnTo>
                    <a:pt x="521" y="583"/>
                  </a:lnTo>
                  <a:lnTo>
                    <a:pt x="521" y="581"/>
                  </a:lnTo>
                  <a:lnTo>
                    <a:pt x="519" y="583"/>
                  </a:lnTo>
                  <a:lnTo>
                    <a:pt x="519" y="581"/>
                  </a:lnTo>
                  <a:lnTo>
                    <a:pt x="519" y="583"/>
                  </a:lnTo>
                  <a:lnTo>
                    <a:pt x="517" y="583"/>
                  </a:lnTo>
                  <a:lnTo>
                    <a:pt x="515" y="585"/>
                  </a:lnTo>
                  <a:lnTo>
                    <a:pt x="515" y="583"/>
                  </a:lnTo>
                  <a:lnTo>
                    <a:pt x="512" y="585"/>
                  </a:lnTo>
                  <a:lnTo>
                    <a:pt x="510" y="587"/>
                  </a:lnTo>
                  <a:lnTo>
                    <a:pt x="508" y="589"/>
                  </a:lnTo>
                  <a:lnTo>
                    <a:pt x="506" y="589"/>
                  </a:lnTo>
                  <a:lnTo>
                    <a:pt x="506" y="590"/>
                  </a:lnTo>
                  <a:lnTo>
                    <a:pt x="502" y="589"/>
                  </a:lnTo>
                  <a:lnTo>
                    <a:pt x="501" y="587"/>
                  </a:lnTo>
                  <a:lnTo>
                    <a:pt x="499" y="589"/>
                  </a:lnTo>
                  <a:lnTo>
                    <a:pt x="499" y="590"/>
                  </a:lnTo>
                  <a:lnTo>
                    <a:pt x="499" y="592"/>
                  </a:lnTo>
                  <a:lnTo>
                    <a:pt x="497" y="592"/>
                  </a:lnTo>
                  <a:lnTo>
                    <a:pt x="495" y="594"/>
                  </a:lnTo>
                  <a:lnTo>
                    <a:pt x="495" y="592"/>
                  </a:lnTo>
                  <a:lnTo>
                    <a:pt x="493" y="592"/>
                  </a:lnTo>
                  <a:lnTo>
                    <a:pt x="493" y="594"/>
                  </a:lnTo>
                  <a:lnTo>
                    <a:pt x="491" y="594"/>
                  </a:lnTo>
                  <a:lnTo>
                    <a:pt x="491" y="592"/>
                  </a:lnTo>
                  <a:lnTo>
                    <a:pt x="490" y="592"/>
                  </a:lnTo>
                  <a:lnTo>
                    <a:pt x="488" y="594"/>
                  </a:lnTo>
                  <a:lnTo>
                    <a:pt x="488" y="596"/>
                  </a:lnTo>
                  <a:lnTo>
                    <a:pt x="488" y="598"/>
                  </a:lnTo>
                  <a:lnTo>
                    <a:pt x="486" y="598"/>
                  </a:lnTo>
                  <a:lnTo>
                    <a:pt x="484" y="598"/>
                  </a:lnTo>
                  <a:lnTo>
                    <a:pt x="482" y="598"/>
                  </a:lnTo>
                  <a:lnTo>
                    <a:pt x="482" y="600"/>
                  </a:lnTo>
                  <a:lnTo>
                    <a:pt x="480" y="600"/>
                  </a:lnTo>
                  <a:lnTo>
                    <a:pt x="480" y="602"/>
                  </a:lnTo>
                  <a:lnTo>
                    <a:pt x="478" y="602"/>
                  </a:lnTo>
                  <a:lnTo>
                    <a:pt x="477" y="602"/>
                  </a:lnTo>
                  <a:lnTo>
                    <a:pt x="477" y="603"/>
                  </a:lnTo>
                  <a:lnTo>
                    <a:pt x="477" y="605"/>
                  </a:lnTo>
                  <a:lnTo>
                    <a:pt x="475" y="605"/>
                  </a:lnTo>
                  <a:lnTo>
                    <a:pt x="475" y="607"/>
                  </a:lnTo>
                  <a:lnTo>
                    <a:pt x="473" y="605"/>
                  </a:lnTo>
                  <a:lnTo>
                    <a:pt x="473" y="607"/>
                  </a:lnTo>
                  <a:lnTo>
                    <a:pt x="471" y="607"/>
                  </a:lnTo>
                  <a:lnTo>
                    <a:pt x="471" y="609"/>
                  </a:lnTo>
                  <a:lnTo>
                    <a:pt x="471" y="611"/>
                  </a:lnTo>
                  <a:lnTo>
                    <a:pt x="469" y="611"/>
                  </a:lnTo>
                  <a:lnTo>
                    <a:pt x="469" y="613"/>
                  </a:lnTo>
                  <a:lnTo>
                    <a:pt x="467" y="614"/>
                  </a:lnTo>
                  <a:lnTo>
                    <a:pt x="465" y="614"/>
                  </a:lnTo>
                  <a:lnTo>
                    <a:pt x="465" y="616"/>
                  </a:lnTo>
                  <a:lnTo>
                    <a:pt x="465" y="618"/>
                  </a:lnTo>
                  <a:lnTo>
                    <a:pt x="464" y="620"/>
                  </a:lnTo>
                  <a:lnTo>
                    <a:pt x="462" y="620"/>
                  </a:lnTo>
                  <a:lnTo>
                    <a:pt x="462" y="622"/>
                  </a:lnTo>
                  <a:lnTo>
                    <a:pt x="460" y="622"/>
                  </a:lnTo>
                  <a:lnTo>
                    <a:pt x="458" y="622"/>
                  </a:lnTo>
                  <a:lnTo>
                    <a:pt x="456" y="622"/>
                  </a:lnTo>
                  <a:lnTo>
                    <a:pt x="454" y="622"/>
                  </a:lnTo>
                  <a:lnTo>
                    <a:pt x="453" y="622"/>
                  </a:lnTo>
                  <a:lnTo>
                    <a:pt x="453" y="624"/>
                  </a:lnTo>
                  <a:lnTo>
                    <a:pt x="451" y="624"/>
                  </a:lnTo>
                  <a:lnTo>
                    <a:pt x="449" y="624"/>
                  </a:lnTo>
                  <a:lnTo>
                    <a:pt x="447" y="624"/>
                  </a:lnTo>
                  <a:lnTo>
                    <a:pt x="447" y="622"/>
                  </a:lnTo>
                  <a:lnTo>
                    <a:pt x="445" y="620"/>
                  </a:lnTo>
                  <a:lnTo>
                    <a:pt x="445" y="618"/>
                  </a:lnTo>
                  <a:lnTo>
                    <a:pt x="443" y="618"/>
                  </a:lnTo>
                  <a:lnTo>
                    <a:pt x="443" y="616"/>
                  </a:lnTo>
                  <a:lnTo>
                    <a:pt x="441" y="616"/>
                  </a:lnTo>
                  <a:lnTo>
                    <a:pt x="441" y="614"/>
                  </a:lnTo>
                  <a:lnTo>
                    <a:pt x="440" y="614"/>
                  </a:lnTo>
                  <a:lnTo>
                    <a:pt x="438" y="614"/>
                  </a:lnTo>
                  <a:lnTo>
                    <a:pt x="438" y="613"/>
                  </a:lnTo>
                  <a:lnTo>
                    <a:pt x="436" y="613"/>
                  </a:lnTo>
                  <a:lnTo>
                    <a:pt x="436" y="611"/>
                  </a:lnTo>
                  <a:lnTo>
                    <a:pt x="436" y="609"/>
                  </a:lnTo>
                  <a:lnTo>
                    <a:pt x="434" y="607"/>
                  </a:lnTo>
                  <a:lnTo>
                    <a:pt x="434" y="605"/>
                  </a:lnTo>
                  <a:lnTo>
                    <a:pt x="434" y="603"/>
                  </a:lnTo>
                  <a:lnTo>
                    <a:pt x="432" y="602"/>
                  </a:lnTo>
                  <a:lnTo>
                    <a:pt x="438" y="592"/>
                  </a:lnTo>
                  <a:lnTo>
                    <a:pt x="436" y="592"/>
                  </a:lnTo>
                  <a:lnTo>
                    <a:pt x="436" y="589"/>
                  </a:lnTo>
                  <a:lnTo>
                    <a:pt x="434" y="583"/>
                  </a:lnTo>
                  <a:lnTo>
                    <a:pt x="434" y="581"/>
                  </a:lnTo>
                  <a:lnTo>
                    <a:pt x="432" y="579"/>
                  </a:lnTo>
                  <a:lnTo>
                    <a:pt x="432" y="577"/>
                  </a:lnTo>
                  <a:lnTo>
                    <a:pt x="432" y="576"/>
                  </a:lnTo>
                  <a:lnTo>
                    <a:pt x="432" y="574"/>
                  </a:lnTo>
                  <a:lnTo>
                    <a:pt x="432" y="572"/>
                  </a:lnTo>
                  <a:lnTo>
                    <a:pt x="430" y="572"/>
                  </a:lnTo>
                  <a:lnTo>
                    <a:pt x="429" y="570"/>
                  </a:lnTo>
                  <a:lnTo>
                    <a:pt x="429" y="568"/>
                  </a:lnTo>
                  <a:lnTo>
                    <a:pt x="427" y="566"/>
                  </a:lnTo>
                  <a:lnTo>
                    <a:pt x="427" y="565"/>
                  </a:lnTo>
                  <a:lnTo>
                    <a:pt x="425" y="565"/>
                  </a:lnTo>
                  <a:lnTo>
                    <a:pt x="423" y="565"/>
                  </a:lnTo>
                  <a:lnTo>
                    <a:pt x="421" y="565"/>
                  </a:lnTo>
                  <a:lnTo>
                    <a:pt x="419" y="565"/>
                  </a:lnTo>
                  <a:lnTo>
                    <a:pt x="419" y="566"/>
                  </a:lnTo>
                  <a:lnTo>
                    <a:pt x="417" y="566"/>
                  </a:lnTo>
                  <a:lnTo>
                    <a:pt x="416" y="566"/>
                  </a:lnTo>
                  <a:lnTo>
                    <a:pt x="416" y="568"/>
                  </a:lnTo>
                  <a:lnTo>
                    <a:pt x="414" y="568"/>
                  </a:lnTo>
                  <a:lnTo>
                    <a:pt x="414" y="566"/>
                  </a:lnTo>
                  <a:lnTo>
                    <a:pt x="412" y="566"/>
                  </a:lnTo>
                  <a:lnTo>
                    <a:pt x="410" y="566"/>
                  </a:lnTo>
                  <a:lnTo>
                    <a:pt x="408" y="566"/>
                  </a:lnTo>
                  <a:lnTo>
                    <a:pt x="406" y="566"/>
                  </a:lnTo>
                  <a:lnTo>
                    <a:pt x="404" y="566"/>
                  </a:lnTo>
                  <a:lnTo>
                    <a:pt x="404" y="568"/>
                  </a:lnTo>
                  <a:lnTo>
                    <a:pt x="403" y="568"/>
                  </a:lnTo>
                  <a:lnTo>
                    <a:pt x="401" y="568"/>
                  </a:lnTo>
                  <a:lnTo>
                    <a:pt x="399" y="568"/>
                  </a:lnTo>
                  <a:lnTo>
                    <a:pt x="399" y="570"/>
                  </a:lnTo>
                  <a:lnTo>
                    <a:pt x="397" y="570"/>
                  </a:lnTo>
                  <a:lnTo>
                    <a:pt x="395" y="570"/>
                  </a:lnTo>
                  <a:lnTo>
                    <a:pt x="393" y="570"/>
                  </a:lnTo>
                  <a:lnTo>
                    <a:pt x="392" y="570"/>
                  </a:lnTo>
                  <a:lnTo>
                    <a:pt x="390" y="570"/>
                  </a:lnTo>
                  <a:lnTo>
                    <a:pt x="390" y="568"/>
                  </a:lnTo>
                  <a:lnTo>
                    <a:pt x="388" y="568"/>
                  </a:lnTo>
                  <a:lnTo>
                    <a:pt x="386" y="568"/>
                  </a:lnTo>
                  <a:lnTo>
                    <a:pt x="384" y="568"/>
                  </a:lnTo>
                  <a:lnTo>
                    <a:pt x="384" y="566"/>
                  </a:lnTo>
                  <a:lnTo>
                    <a:pt x="382" y="566"/>
                  </a:lnTo>
                  <a:lnTo>
                    <a:pt x="380" y="566"/>
                  </a:lnTo>
                  <a:lnTo>
                    <a:pt x="379" y="566"/>
                  </a:lnTo>
                  <a:lnTo>
                    <a:pt x="377" y="566"/>
                  </a:lnTo>
                  <a:lnTo>
                    <a:pt x="375" y="566"/>
                  </a:lnTo>
                  <a:lnTo>
                    <a:pt x="373" y="566"/>
                  </a:lnTo>
                  <a:lnTo>
                    <a:pt x="373" y="565"/>
                  </a:lnTo>
                  <a:lnTo>
                    <a:pt x="373" y="566"/>
                  </a:lnTo>
                  <a:lnTo>
                    <a:pt x="371" y="565"/>
                  </a:lnTo>
                  <a:lnTo>
                    <a:pt x="369" y="565"/>
                  </a:lnTo>
                  <a:lnTo>
                    <a:pt x="368" y="565"/>
                  </a:lnTo>
                  <a:lnTo>
                    <a:pt x="368" y="563"/>
                  </a:lnTo>
                  <a:lnTo>
                    <a:pt x="366" y="563"/>
                  </a:lnTo>
                  <a:lnTo>
                    <a:pt x="364" y="563"/>
                  </a:lnTo>
                  <a:lnTo>
                    <a:pt x="362" y="563"/>
                  </a:lnTo>
                  <a:lnTo>
                    <a:pt x="362" y="561"/>
                  </a:lnTo>
                  <a:lnTo>
                    <a:pt x="360" y="561"/>
                  </a:lnTo>
                  <a:lnTo>
                    <a:pt x="358" y="561"/>
                  </a:lnTo>
                  <a:lnTo>
                    <a:pt x="356" y="561"/>
                  </a:lnTo>
                  <a:lnTo>
                    <a:pt x="355" y="561"/>
                  </a:lnTo>
                  <a:lnTo>
                    <a:pt x="355" y="559"/>
                  </a:lnTo>
                  <a:lnTo>
                    <a:pt x="353" y="561"/>
                  </a:lnTo>
                  <a:lnTo>
                    <a:pt x="351" y="561"/>
                  </a:lnTo>
                  <a:lnTo>
                    <a:pt x="349" y="561"/>
                  </a:lnTo>
                  <a:lnTo>
                    <a:pt x="349" y="559"/>
                  </a:lnTo>
                  <a:lnTo>
                    <a:pt x="347" y="559"/>
                  </a:lnTo>
                  <a:lnTo>
                    <a:pt x="347" y="561"/>
                  </a:lnTo>
                  <a:lnTo>
                    <a:pt x="345" y="559"/>
                  </a:lnTo>
                  <a:lnTo>
                    <a:pt x="343" y="559"/>
                  </a:lnTo>
                  <a:lnTo>
                    <a:pt x="342" y="559"/>
                  </a:lnTo>
                  <a:lnTo>
                    <a:pt x="340" y="559"/>
                  </a:lnTo>
                  <a:lnTo>
                    <a:pt x="338" y="559"/>
                  </a:lnTo>
                  <a:lnTo>
                    <a:pt x="336" y="559"/>
                  </a:lnTo>
                  <a:lnTo>
                    <a:pt x="334" y="559"/>
                  </a:lnTo>
                  <a:lnTo>
                    <a:pt x="336" y="559"/>
                  </a:lnTo>
                  <a:lnTo>
                    <a:pt x="334" y="557"/>
                  </a:lnTo>
                  <a:lnTo>
                    <a:pt x="331" y="553"/>
                  </a:lnTo>
                  <a:lnTo>
                    <a:pt x="329" y="553"/>
                  </a:lnTo>
                  <a:lnTo>
                    <a:pt x="327" y="553"/>
                  </a:lnTo>
                  <a:lnTo>
                    <a:pt x="327" y="555"/>
                  </a:lnTo>
                  <a:lnTo>
                    <a:pt x="325" y="555"/>
                  </a:lnTo>
                  <a:lnTo>
                    <a:pt x="303" y="555"/>
                  </a:lnTo>
                  <a:lnTo>
                    <a:pt x="301" y="522"/>
                  </a:lnTo>
                  <a:lnTo>
                    <a:pt x="297" y="509"/>
                  </a:lnTo>
                  <a:lnTo>
                    <a:pt x="301" y="494"/>
                  </a:lnTo>
                  <a:lnTo>
                    <a:pt x="301" y="485"/>
                  </a:lnTo>
                  <a:lnTo>
                    <a:pt x="292" y="478"/>
                  </a:lnTo>
                  <a:lnTo>
                    <a:pt x="271" y="472"/>
                  </a:lnTo>
                  <a:lnTo>
                    <a:pt x="255" y="479"/>
                  </a:lnTo>
                  <a:lnTo>
                    <a:pt x="242" y="487"/>
                  </a:lnTo>
                  <a:lnTo>
                    <a:pt x="216" y="502"/>
                  </a:lnTo>
                  <a:lnTo>
                    <a:pt x="183" y="502"/>
                  </a:lnTo>
                  <a:lnTo>
                    <a:pt x="151" y="509"/>
                  </a:lnTo>
                  <a:lnTo>
                    <a:pt x="109" y="492"/>
                  </a:lnTo>
                  <a:lnTo>
                    <a:pt x="112" y="468"/>
                  </a:lnTo>
                  <a:lnTo>
                    <a:pt x="120" y="470"/>
                  </a:lnTo>
                  <a:lnTo>
                    <a:pt x="122" y="468"/>
                  </a:lnTo>
                  <a:lnTo>
                    <a:pt x="124" y="468"/>
                  </a:lnTo>
                  <a:lnTo>
                    <a:pt x="125" y="468"/>
                  </a:lnTo>
                  <a:lnTo>
                    <a:pt x="127" y="468"/>
                  </a:lnTo>
                  <a:lnTo>
                    <a:pt x="129" y="468"/>
                  </a:lnTo>
                  <a:lnTo>
                    <a:pt x="129" y="466"/>
                  </a:lnTo>
                  <a:lnTo>
                    <a:pt x="131" y="466"/>
                  </a:lnTo>
                  <a:lnTo>
                    <a:pt x="133" y="466"/>
                  </a:lnTo>
                  <a:lnTo>
                    <a:pt x="136" y="465"/>
                  </a:lnTo>
                  <a:lnTo>
                    <a:pt x="138" y="465"/>
                  </a:lnTo>
                  <a:lnTo>
                    <a:pt x="140" y="463"/>
                  </a:lnTo>
                  <a:lnTo>
                    <a:pt x="144" y="461"/>
                  </a:lnTo>
                  <a:lnTo>
                    <a:pt x="146" y="461"/>
                  </a:lnTo>
                  <a:lnTo>
                    <a:pt x="148" y="459"/>
                  </a:lnTo>
                  <a:lnTo>
                    <a:pt x="149" y="459"/>
                  </a:lnTo>
                  <a:lnTo>
                    <a:pt x="151" y="459"/>
                  </a:lnTo>
                  <a:lnTo>
                    <a:pt x="153" y="459"/>
                  </a:lnTo>
                  <a:lnTo>
                    <a:pt x="155" y="459"/>
                  </a:lnTo>
                  <a:lnTo>
                    <a:pt x="155" y="457"/>
                  </a:lnTo>
                  <a:lnTo>
                    <a:pt x="155" y="459"/>
                  </a:lnTo>
                  <a:lnTo>
                    <a:pt x="157" y="459"/>
                  </a:lnTo>
                  <a:lnTo>
                    <a:pt x="159" y="457"/>
                  </a:lnTo>
                  <a:lnTo>
                    <a:pt x="159" y="455"/>
                  </a:lnTo>
                  <a:lnTo>
                    <a:pt x="160" y="455"/>
                  </a:lnTo>
                  <a:lnTo>
                    <a:pt x="160" y="454"/>
                  </a:lnTo>
                  <a:lnTo>
                    <a:pt x="162" y="454"/>
                  </a:lnTo>
                  <a:lnTo>
                    <a:pt x="162" y="452"/>
                  </a:lnTo>
                  <a:lnTo>
                    <a:pt x="164" y="452"/>
                  </a:lnTo>
                  <a:lnTo>
                    <a:pt x="166" y="452"/>
                  </a:lnTo>
                  <a:lnTo>
                    <a:pt x="168" y="452"/>
                  </a:lnTo>
                  <a:lnTo>
                    <a:pt x="168" y="450"/>
                  </a:lnTo>
                  <a:lnTo>
                    <a:pt x="168" y="448"/>
                  </a:lnTo>
                  <a:lnTo>
                    <a:pt x="170" y="448"/>
                  </a:lnTo>
                  <a:lnTo>
                    <a:pt x="172" y="448"/>
                  </a:lnTo>
                  <a:lnTo>
                    <a:pt x="172" y="446"/>
                  </a:lnTo>
                  <a:lnTo>
                    <a:pt x="170" y="446"/>
                  </a:lnTo>
                  <a:lnTo>
                    <a:pt x="170" y="444"/>
                  </a:lnTo>
                  <a:lnTo>
                    <a:pt x="172" y="444"/>
                  </a:lnTo>
                  <a:lnTo>
                    <a:pt x="172" y="442"/>
                  </a:lnTo>
                  <a:lnTo>
                    <a:pt x="172" y="441"/>
                  </a:lnTo>
                  <a:lnTo>
                    <a:pt x="173" y="439"/>
                  </a:lnTo>
                  <a:lnTo>
                    <a:pt x="173" y="437"/>
                  </a:lnTo>
                  <a:lnTo>
                    <a:pt x="173" y="435"/>
                  </a:lnTo>
                  <a:lnTo>
                    <a:pt x="175" y="435"/>
                  </a:lnTo>
                  <a:lnTo>
                    <a:pt x="175" y="433"/>
                  </a:lnTo>
                  <a:lnTo>
                    <a:pt x="175" y="431"/>
                  </a:lnTo>
                  <a:lnTo>
                    <a:pt x="173" y="430"/>
                  </a:lnTo>
                  <a:lnTo>
                    <a:pt x="173" y="428"/>
                  </a:lnTo>
                  <a:lnTo>
                    <a:pt x="175" y="426"/>
                  </a:lnTo>
                  <a:lnTo>
                    <a:pt x="175" y="424"/>
                  </a:lnTo>
                  <a:lnTo>
                    <a:pt x="175" y="422"/>
                  </a:lnTo>
                  <a:lnTo>
                    <a:pt x="175" y="420"/>
                  </a:lnTo>
                  <a:lnTo>
                    <a:pt x="175" y="418"/>
                  </a:lnTo>
                  <a:lnTo>
                    <a:pt x="175" y="417"/>
                  </a:lnTo>
                  <a:lnTo>
                    <a:pt x="173" y="417"/>
                  </a:lnTo>
                  <a:lnTo>
                    <a:pt x="173" y="415"/>
                  </a:lnTo>
                  <a:lnTo>
                    <a:pt x="172" y="413"/>
                  </a:lnTo>
                  <a:lnTo>
                    <a:pt x="170" y="413"/>
                  </a:lnTo>
                  <a:lnTo>
                    <a:pt x="170" y="411"/>
                  </a:lnTo>
                  <a:lnTo>
                    <a:pt x="168" y="411"/>
                  </a:lnTo>
                  <a:lnTo>
                    <a:pt x="166" y="411"/>
                  </a:lnTo>
                  <a:lnTo>
                    <a:pt x="164" y="411"/>
                  </a:lnTo>
                  <a:lnTo>
                    <a:pt x="162" y="411"/>
                  </a:lnTo>
                  <a:lnTo>
                    <a:pt x="160" y="411"/>
                  </a:lnTo>
                  <a:lnTo>
                    <a:pt x="159" y="411"/>
                  </a:lnTo>
                  <a:lnTo>
                    <a:pt x="157" y="411"/>
                  </a:lnTo>
                  <a:lnTo>
                    <a:pt x="157" y="409"/>
                  </a:lnTo>
                  <a:lnTo>
                    <a:pt x="155" y="409"/>
                  </a:lnTo>
                  <a:lnTo>
                    <a:pt x="155" y="407"/>
                  </a:lnTo>
                  <a:lnTo>
                    <a:pt x="153" y="405"/>
                  </a:lnTo>
                  <a:lnTo>
                    <a:pt x="153" y="404"/>
                  </a:lnTo>
                  <a:lnTo>
                    <a:pt x="151" y="404"/>
                  </a:lnTo>
                  <a:lnTo>
                    <a:pt x="151" y="402"/>
                  </a:lnTo>
                  <a:lnTo>
                    <a:pt x="148" y="402"/>
                  </a:lnTo>
                  <a:lnTo>
                    <a:pt x="148" y="400"/>
                  </a:lnTo>
                  <a:lnTo>
                    <a:pt x="146" y="398"/>
                  </a:lnTo>
                  <a:lnTo>
                    <a:pt x="144" y="396"/>
                  </a:lnTo>
                  <a:lnTo>
                    <a:pt x="142" y="396"/>
                  </a:lnTo>
                  <a:lnTo>
                    <a:pt x="142" y="394"/>
                  </a:lnTo>
                  <a:lnTo>
                    <a:pt x="140" y="393"/>
                  </a:lnTo>
                  <a:lnTo>
                    <a:pt x="140" y="391"/>
                  </a:lnTo>
                  <a:lnTo>
                    <a:pt x="138" y="391"/>
                  </a:lnTo>
                  <a:lnTo>
                    <a:pt x="136" y="389"/>
                  </a:lnTo>
                  <a:lnTo>
                    <a:pt x="135" y="387"/>
                  </a:lnTo>
                  <a:lnTo>
                    <a:pt x="133" y="385"/>
                  </a:lnTo>
                  <a:lnTo>
                    <a:pt x="133" y="383"/>
                  </a:lnTo>
                  <a:lnTo>
                    <a:pt x="131" y="381"/>
                  </a:lnTo>
                  <a:lnTo>
                    <a:pt x="129" y="381"/>
                  </a:lnTo>
                  <a:lnTo>
                    <a:pt x="127" y="380"/>
                  </a:lnTo>
                  <a:lnTo>
                    <a:pt x="125" y="380"/>
                  </a:lnTo>
                  <a:lnTo>
                    <a:pt x="125" y="378"/>
                  </a:lnTo>
                  <a:lnTo>
                    <a:pt x="124" y="378"/>
                  </a:lnTo>
                  <a:lnTo>
                    <a:pt x="120" y="372"/>
                  </a:lnTo>
                  <a:lnTo>
                    <a:pt x="118" y="370"/>
                  </a:lnTo>
                  <a:lnTo>
                    <a:pt x="118" y="368"/>
                  </a:lnTo>
                  <a:lnTo>
                    <a:pt x="116" y="368"/>
                  </a:lnTo>
                  <a:lnTo>
                    <a:pt x="112" y="365"/>
                  </a:lnTo>
                  <a:lnTo>
                    <a:pt x="112" y="363"/>
                  </a:lnTo>
                  <a:lnTo>
                    <a:pt x="111" y="363"/>
                  </a:lnTo>
                  <a:lnTo>
                    <a:pt x="109" y="363"/>
                  </a:lnTo>
                  <a:lnTo>
                    <a:pt x="107" y="363"/>
                  </a:lnTo>
                  <a:lnTo>
                    <a:pt x="105" y="363"/>
                  </a:lnTo>
                  <a:lnTo>
                    <a:pt x="101" y="359"/>
                  </a:lnTo>
                  <a:lnTo>
                    <a:pt x="101" y="357"/>
                  </a:lnTo>
                  <a:lnTo>
                    <a:pt x="99" y="356"/>
                  </a:lnTo>
                  <a:lnTo>
                    <a:pt x="98" y="356"/>
                  </a:lnTo>
                  <a:lnTo>
                    <a:pt x="98" y="354"/>
                  </a:lnTo>
                  <a:lnTo>
                    <a:pt x="96" y="354"/>
                  </a:lnTo>
                  <a:lnTo>
                    <a:pt x="92" y="350"/>
                  </a:lnTo>
                  <a:lnTo>
                    <a:pt x="90" y="350"/>
                  </a:lnTo>
                  <a:lnTo>
                    <a:pt x="90" y="348"/>
                  </a:lnTo>
                  <a:lnTo>
                    <a:pt x="88" y="348"/>
                  </a:lnTo>
                  <a:lnTo>
                    <a:pt x="88" y="346"/>
                  </a:lnTo>
                  <a:lnTo>
                    <a:pt x="87" y="346"/>
                  </a:lnTo>
                  <a:lnTo>
                    <a:pt x="85" y="344"/>
                  </a:lnTo>
                  <a:lnTo>
                    <a:pt x="83" y="344"/>
                  </a:lnTo>
                  <a:lnTo>
                    <a:pt x="81" y="344"/>
                  </a:lnTo>
                  <a:lnTo>
                    <a:pt x="81" y="343"/>
                  </a:lnTo>
                  <a:lnTo>
                    <a:pt x="79" y="343"/>
                  </a:lnTo>
                  <a:lnTo>
                    <a:pt x="77" y="341"/>
                  </a:lnTo>
                  <a:lnTo>
                    <a:pt x="77" y="339"/>
                  </a:lnTo>
                  <a:lnTo>
                    <a:pt x="79" y="339"/>
                  </a:lnTo>
                  <a:lnTo>
                    <a:pt x="77" y="337"/>
                  </a:lnTo>
                  <a:lnTo>
                    <a:pt x="75" y="335"/>
                  </a:lnTo>
                  <a:lnTo>
                    <a:pt x="74" y="333"/>
                  </a:lnTo>
                  <a:lnTo>
                    <a:pt x="72" y="333"/>
                  </a:lnTo>
                  <a:lnTo>
                    <a:pt x="72" y="331"/>
                  </a:lnTo>
                  <a:lnTo>
                    <a:pt x="70" y="331"/>
                  </a:lnTo>
                  <a:lnTo>
                    <a:pt x="68" y="331"/>
                  </a:lnTo>
                  <a:lnTo>
                    <a:pt x="66" y="331"/>
                  </a:lnTo>
                  <a:lnTo>
                    <a:pt x="64" y="331"/>
                  </a:lnTo>
                  <a:lnTo>
                    <a:pt x="63" y="331"/>
                  </a:lnTo>
                  <a:lnTo>
                    <a:pt x="63" y="330"/>
                  </a:lnTo>
                  <a:lnTo>
                    <a:pt x="61" y="330"/>
                  </a:lnTo>
                  <a:lnTo>
                    <a:pt x="61" y="328"/>
                  </a:lnTo>
                  <a:lnTo>
                    <a:pt x="59" y="328"/>
                  </a:lnTo>
                  <a:lnTo>
                    <a:pt x="57" y="328"/>
                  </a:lnTo>
                  <a:lnTo>
                    <a:pt x="16" y="341"/>
                  </a:lnTo>
                  <a:lnTo>
                    <a:pt x="14" y="341"/>
                  </a:lnTo>
                  <a:lnTo>
                    <a:pt x="13" y="339"/>
                  </a:lnTo>
                  <a:lnTo>
                    <a:pt x="11" y="339"/>
                  </a:lnTo>
                  <a:lnTo>
                    <a:pt x="5" y="339"/>
                  </a:lnTo>
                  <a:lnTo>
                    <a:pt x="3" y="337"/>
                  </a:lnTo>
                  <a:lnTo>
                    <a:pt x="2" y="337"/>
                  </a:lnTo>
                  <a:lnTo>
                    <a:pt x="2" y="335"/>
                  </a:lnTo>
                  <a:lnTo>
                    <a:pt x="2" y="333"/>
                  </a:lnTo>
                  <a:lnTo>
                    <a:pt x="2" y="331"/>
                  </a:lnTo>
                  <a:lnTo>
                    <a:pt x="2" y="330"/>
                  </a:lnTo>
                  <a:lnTo>
                    <a:pt x="2" y="328"/>
                  </a:lnTo>
                  <a:lnTo>
                    <a:pt x="2" y="326"/>
                  </a:lnTo>
                  <a:lnTo>
                    <a:pt x="0" y="324"/>
                  </a:lnTo>
                  <a:lnTo>
                    <a:pt x="0" y="322"/>
                  </a:lnTo>
                  <a:lnTo>
                    <a:pt x="0" y="320"/>
                  </a:lnTo>
                  <a:lnTo>
                    <a:pt x="0" y="319"/>
                  </a:lnTo>
                  <a:lnTo>
                    <a:pt x="2" y="317"/>
                  </a:lnTo>
                  <a:lnTo>
                    <a:pt x="3" y="317"/>
                  </a:lnTo>
                  <a:lnTo>
                    <a:pt x="3" y="315"/>
                  </a:lnTo>
                  <a:lnTo>
                    <a:pt x="5" y="315"/>
                  </a:lnTo>
                  <a:lnTo>
                    <a:pt x="7" y="315"/>
                  </a:lnTo>
                  <a:lnTo>
                    <a:pt x="7" y="313"/>
                  </a:lnTo>
                  <a:lnTo>
                    <a:pt x="9" y="313"/>
                  </a:lnTo>
                  <a:lnTo>
                    <a:pt x="9" y="311"/>
                  </a:lnTo>
                  <a:lnTo>
                    <a:pt x="11" y="311"/>
                  </a:lnTo>
                  <a:lnTo>
                    <a:pt x="11" y="309"/>
                  </a:lnTo>
                  <a:lnTo>
                    <a:pt x="13" y="309"/>
                  </a:lnTo>
                  <a:lnTo>
                    <a:pt x="14" y="309"/>
                  </a:lnTo>
                  <a:lnTo>
                    <a:pt x="14" y="307"/>
                  </a:lnTo>
                  <a:lnTo>
                    <a:pt x="16" y="307"/>
                  </a:lnTo>
                  <a:lnTo>
                    <a:pt x="18" y="306"/>
                  </a:lnTo>
                  <a:lnTo>
                    <a:pt x="18" y="304"/>
                  </a:lnTo>
                  <a:lnTo>
                    <a:pt x="20" y="304"/>
                  </a:lnTo>
                  <a:lnTo>
                    <a:pt x="22" y="302"/>
                  </a:lnTo>
                  <a:lnTo>
                    <a:pt x="24" y="302"/>
                  </a:lnTo>
                  <a:lnTo>
                    <a:pt x="24" y="300"/>
                  </a:lnTo>
                  <a:lnTo>
                    <a:pt x="26" y="298"/>
                  </a:lnTo>
                  <a:lnTo>
                    <a:pt x="24" y="298"/>
                  </a:lnTo>
                  <a:lnTo>
                    <a:pt x="24" y="296"/>
                  </a:lnTo>
                  <a:lnTo>
                    <a:pt x="26" y="296"/>
                  </a:lnTo>
                  <a:lnTo>
                    <a:pt x="27" y="294"/>
                  </a:lnTo>
                  <a:lnTo>
                    <a:pt x="26" y="294"/>
                  </a:lnTo>
                  <a:lnTo>
                    <a:pt x="27" y="294"/>
                  </a:lnTo>
                  <a:lnTo>
                    <a:pt x="27" y="293"/>
                  </a:lnTo>
                  <a:lnTo>
                    <a:pt x="27" y="291"/>
                  </a:lnTo>
                  <a:lnTo>
                    <a:pt x="27" y="289"/>
                  </a:lnTo>
                  <a:lnTo>
                    <a:pt x="29" y="287"/>
                  </a:lnTo>
                  <a:lnTo>
                    <a:pt x="29" y="285"/>
                  </a:lnTo>
                  <a:lnTo>
                    <a:pt x="27" y="282"/>
                  </a:lnTo>
                  <a:lnTo>
                    <a:pt x="27" y="280"/>
                  </a:lnTo>
                  <a:lnTo>
                    <a:pt x="29" y="276"/>
                  </a:lnTo>
                  <a:lnTo>
                    <a:pt x="27" y="276"/>
                  </a:lnTo>
                  <a:lnTo>
                    <a:pt x="27" y="274"/>
                  </a:lnTo>
                  <a:lnTo>
                    <a:pt x="27" y="272"/>
                  </a:lnTo>
                  <a:lnTo>
                    <a:pt x="27" y="270"/>
                  </a:lnTo>
                  <a:lnTo>
                    <a:pt x="31" y="269"/>
                  </a:lnTo>
                  <a:lnTo>
                    <a:pt x="33" y="267"/>
                  </a:lnTo>
                  <a:lnTo>
                    <a:pt x="35" y="267"/>
                  </a:lnTo>
                  <a:lnTo>
                    <a:pt x="35" y="265"/>
                  </a:lnTo>
                  <a:lnTo>
                    <a:pt x="35" y="263"/>
                  </a:lnTo>
                  <a:lnTo>
                    <a:pt x="37" y="263"/>
                  </a:lnTo>
                  <a:lnTo>
                    <a:pt x="37" y="261"/>
                  </a:lnTo>
                  <a:lnTo>
                    <a:pt x="38" y="259"/>
                  </a:lnTo>
                  <a:lnTo>
                    <a:pt x="40" y="257"/>
                  </a:lnTo>
                  <a:lnTo>
                    <a:pt x="42" y="254"/>
                  </a:lnTo>
                  <a:lnTo>
                    <a:pt x="44" y="254"/>
                  </a:lnTo>
                  <a:lnTo>
                    <a:pt x="44" y="252"/>
                  </a:lnTo>
                  <a:lnTo>
                    <a:pt x="46" y="252"/>
                  </a:lnTo>
                  <a:lnTo>
                    <a:pt x="46" y="250"/>
                  </a:lnTo>
                  <a:lnTo>
                    <a:pt x="48" y="250"/>
                  </a:lnTo>
                  <a:lnTo>
                    <a:pt x="50" y="250"/>
                  </a:lnTo>
                  <a:lnTo>
                    <a:pt x="50" y="248"/>
                  </a:lnTo>
                  <a:lnTo>
                    <a:pt x="51" y="248"/>
                  </a:lnTo>
                  <a:lnTo>
                    <a:pt x="53" y="248"/>
                  </a:lnTo>
                  <a:lnTo>
                    <a:pt x="55" y="246"/>
                  </a:lnTo>
                  <a:lnTo>
                    <a:pt x="55" y="248"/>
                  </a:lnTo>
                  <a:lnTo>
                    <a:pt x="55" y="246"/>
                  </a:lnTo>
                  <a:lnTo>
                    <a:pt x="57" y="246"/>
                  </a:lnTo>
                  <a:lnTo>
                    <a:pt x="59" y="246"/>
                  </a:lnTo>
                  <a:lnTo>
                    <a:pt x="59" y="245"/>
                  </a:lnTo>
                  <a:lnTo>
                    <a:pt x="61" y="245"/>
                  </a:lnTo>
                  <a:lnTo>
                    <a:pt x="61" y="246"/>
                  </a:lnTo>
                  <a:lnTo>
                    <a:pt x="61" y="245"/>
                  </a:lnTo>
                  <a:lnTo>
                    <a:pt x="61" y="246"/>
                  </a:lnTo>
                  <a:lnTo>
                    <a:pt x="63" y="245"/>
                  </a:lnTo>
                  <a:lnTo>
                    <a:pt x="64" y="245"/>
                  </a:lnTo>
                  <a:lnTo>
                    <a:pt x="66" y="245"/>
                  </a:lnTo>
                  <a:lnTo>
                    <a:pt x="66" y="243"/>
                  </a:lnTo>
                  <a:lnTo>
                    <a:pt x="64" y="243"/>
                  </a:lnTo>
                  <a:lnTo>
                    <a:pt x="66" y="241"/>
                  </a:lnTo>
                  <a:lnTo>
                    <a:pt x="66" y="239"/>
                  </a:lnTo>
                  <a:lnTo>
                    <a:pt x="66" y="237"/>
                  </a:lnTo>
                  <a:lnTo>
                    <a:pt x="68" y="239"/>
                  </a:lnTo>
                  <a:lnTo>
                    <a:pt x="68" y="237"/>
                  </a:lnTo>
                  <a:lnTo>
                    <a:pt x="70" y="237"/>
                  </a:lnTo>
                  <a:lnTo>
                    <a:pt x="70" y="235"/>
                  </a:lnTo>
                  <a:lnTo>
                    <a:pt x="72" y="235"/>
                  </a:lnTo>
                  <a:lnTo>
                    <a:pt x="72" y="233"/>
                  </a:lnTo>
                  <a:lnTo>
                    <a:pt x="74" y="233"/>
                  </a:lnTo>
                  <a:lnTo>
                    <a:pt x="75" y="233"/>
                  </a:lnTo>
                  <a:lnTo>
                    <a:pt x="77" y="233"/>
                  </a:lnTo>
                  <a:lnTo>
                    <a:pt x="79" y="235"/>
                  </a:lnTo>
                  <a:lnTo>
                    <a:pt x="81" y="235"/>
                  </a:lnTo>
                  <a:lnTo>
                    <a:pt x="81" y="233"/>
                  </a:lnTo>
                  <a:lnTo>
                    <a:pt x="83" y="230"/>
                  </a:lnTo>
                  <a:lnTo>
                    <a:pt x="83" y="228"/>
                  </a:lnTo>
                  <a:lnTo>
                    <a:pt x="88" y="228"/>
                  </a:lnTo>
                  <a:lnTo>
                    <a:pt x="90" y="230"/>
                  </a:lnTo>
                  <a:lnTo>
                    <a:pt x="92" y="232"/>
                  </a:lnTo>
                  <a:lnTo>
                    <a:pt x="94" y="232"/>
                  </a:lnTo>
                  <a:lnTo>
                    <a:pt x="96" y="230"/>
                  </a:lnTo>
                  <a:lnTo>
                    <a:pt x="98" y="232"/>
                  </a:lnTo>
                  <a:lnTo>
                    <a:pt x="98" y="233"/>
                  </a:lnTo>
                  <a:lnTo>
                    <a:pt x="99" y="232"/>
                  </a:lnTo>
                  <a:lnTo>
                    <a:pt x="99" y="233"/>
                  </a:lnTo>
                  <a:lnTo>
                    <a:pt x="101" y="233"/>
                  </a:lnTo>
                  <a:lnTo>
                    <a:pt x="103" y="233"/>
                  </a:lnTo>
                  <a:lnTo>
                    <a:pt x="103" y="235"/>
                  </a:lnTo>
                  <a:lnTo>
                    <a:pt x="105" y="233"/>
                  </a:lnTo>
                  <a:lnTo>
                    <a:pt x="107" y="233"/>
                  </a:lnTo>
                  <a:lnTo>
                    <a:pt x="109" y="232"/>
                  </a:lnTo>
                  <a:lnTo>
                    <a:pt x="111" y="232"/>
                  </a:lnTo>
                  <a:lnTo>
                    <a:pt x="112" y="232"/>
                  </a:lnTo>
                  <a:lnTo>
                    <a:pt x="112" y="233"/>
                  </a:lnTo>
                  <a:lnTo>
                    <a:pt x="114" y="233"/>
                  </a:lnTo>
                  <a:lnTo>
                    <a:pt x="114" y="232"/>
                  </a:lnTo>
                  <a:lnTo>
                    <a:pt x="116" y="232"/>
                  </a:lnTo>
                  <a:lnTo>
                    <a:pt x="118" y="233"/>
                  </a:lnTo>
                  <a:lnTo>
                    <a:pt x="118" y="235"/>
                  </a:lnTo>
                  <a:lnTo>
                    <a:pt x="118" y="237"/>
                  </a:lnTo>
                  <a:lnTo>
                    <a:pt x="118" y="239"/>
                  </a:lnTo>
                  <a:lnTo>
                    <a:pt x="118" y="241"/>
                  </a:lnTo>
                  <a:lnTo>
                    <a:pt x="120" y="241"/>
                  </a:lnTo>
                  <a:lnTo>
                    <a:pt x="120" y="243"/>
                  </a:lnTo>
                  <a:lnTo>
                    <a:pt x="120" y="245"/>
                  </a:lnTo>
                  <a:lnTo>
                    <a:pt x="144" y="256"/>
                  </a:lnTo>
                  <a:lnTo>
                    <a:pt x="164" y="267"/>
                  </a:lnTo>
                  <a:lnTo>
                    <a:pt x="185" y="276"/>
                  </a:lnTo>
                  <a:lnTo>
                    <a:pt x="186" y="276"/>
                  </a:lnTo>
                  <a:lnTo>
                    <a:pt x="188" y="276"/>
                  </a:lnTo>
                  <a:lnTo>
                    <a:pt x="188" y="274"/>
                  </a:lnTo>
                  <a:lnTo>
                    <a:pt x="188" y="272"/>
                  </a:lnTo>
                  <a:lnTo>
                    <a:pt x="190" y="272"/>
                  </a:lnTo>
                  <a:lnTo>
                    <a:pt x="192" y="272"/>
                  </a:lnTo>
                  <a:lnTo>
                    <a:pt x="194" y="272"/>
                  </a:lnTo>
                  <a:lnTo>
                    <a:pt x="196" y="272"/>
                  </a:lnTo>
                  <a:lnTo>
                    <a:pt x="197" y="272"/>
                  </a:lnTo>
                  <a:lnTo>
                    <a:pt x="199" y="272"/>
                  </a:lnTo>
                  <a:lnTo>
                    <a:pt x="201" y="272"/>
                  </a:lnTo>
                  <a:lnTo>
                    <a:pt x="203" y="272"/>
                  </a:lnTo>
                  <a:lnTo>
                    <a:pt x="205" y="272"/>
                  </a:lnTo>
                  <a:lnTo>
                    <a:pt x="207" y="272"/>
                  </a:lnTo>
                  <a:lnTo>
                    <a:pt x="209" y="272"/>
                  </a:lnTo>
                  <a:lnTo>
                    <a:pt x="210" y="272"/>
                  </a:lnTo>
                  <a:lnTo>
                    <a:pt x="210" y="270"/>
                  </a:lnTo>
                  <a:lnTo>
                    <a:pt x="212" y="269"/>
                  </a:lnTo>
                  <a:lnTo>
                    <a:pt x="214" y="269"/>
                  </a:lnTo>
                  <a:lnTo>
                    <a:pt x="214" y="267"/>
                  </a:lnTo>
                  <a:lnTo>
                    <a:pt x="216" y="267"/>
                  </a:lnTo>
                  <a:lnTo>
                    <a:pt x="218" y="267"/>
                  </a:lnTo>
                  <a:lnTo>
                    <a:pt x="218" y="269"/>
                  </a:lnTo>
                  <a:lnTo>
                    <a:pt x="220" y="269"/>
                  </a:lnTo>
                  <a:lnTo>
                    <a:pt x="221" y="269"/>
                  </a:lnTo>
                  <a:lnTo>
                    <a:pt x="223" y="269"/>
                  </a:lnTo>
                  <a:lnTo>
                    <a:pt x="225" y="269"/>
                  </a:lnTo>
                  <a:lnTo>
                    <a:pt x="225" y="267"/>
                  </a:lnTo>
                  <a:lnTo>
                    <a:pt x="227" y="267"/>
                  </a:lnTo>
                  <a:lnTo>
                    <a:pt x="229" y="269"/>
                  </a:lnTo>
                  <a:lnTo>
                    <a:pt x="231" y="269"/>
                  </a:lnTo>
                  <a:lnTo>
                    <a:pt x="233" y="269"/>
                  </a:lnTo>
                  <a:lnTo>
                    <a:pt x="234" y="267"/>
                  </a:lnTo>
                  <a:lnTo>
                    <a:pt x="236" y="267"/>
                  </a:lnTo>
                  <a:lnTo>
                    <a:pt x="238" y="269"/>
                  </a:lnTo>
                  <a:lnTo>
                    <a:pt x="240" y="269"/>
                  </a:lnTo>
                  <a:lnTo>
                    <a:pt x="242" y="270"/>
                  </a:lnTo>
                  <a:lnTo>
                    <a:pt x="242" y="272"/>
                  </a:lnTo>
                  <a:lnTo>
                    <a:pt x="242" y="274"/>
                  </a:lnTo>
                  <a:lnTo>
                    <a:pt x="242" y="276"/>
                  </a:lnTo>
                  <a:lnTo>
                    <a:pt x="242" y="278"/>
                  </a:lnTo>
                  <a:lnTo>
                    <a:pt x="242" y="280"/>
                  </a:lnTo>
                  <a:lnTo>
                    <a:pt x="244" y="280"/>
                  </a:lnTo>
                  <a:lnTo>
                    <a:pt x="244" y="282"/>
                  </a:lnTo>
                  <a:lnTo>
                    <a:pt x="244" y="283"/>
                  </a:lnTo>
                  <a:lnTo>
                    <a:pt x="242" y="283"/>
                  </a:lnTo>
                  <a:lnTo>
                    <a:pt x="242" y="285"/>
                  </a:lnTo>
                  <a:lnTo>
                    <a:pt x="242" y="287"/>
                  </a:lnTo>
                  <a:lnTo>
                    <a:pt x="242" y="289"/>
                  </a:lnTo>
                  <a:lnTo>
                    <a:pt x="240" y="291"/>
                  </a:lnTo>
                  <a:lnTo>
                    <a:pt x="242" y="291"/>
                  </a:lnTo>
                  <a:lnTo>
                    <a:pt x="242" y="293"/>
                  </a:lnTo>
                  <a:lnTo>
                    <a:pt x="244" y="293"/>
                  </a:lnTo>
                  <a:lnTo>
                    <a:pt x="246" y="294"/>
                  </a:lnTo>
                  <a:lnTo>
                    <a:pt x="247" y="294"/>
                  </a:lnTo>
                  <a:lnTo>
                    <a:pt x="247" y="293"/>
                  </a:lnTo>
                  <a:lnTo>
                    <a:pt x="247" y="294"/>
                  </a:lnTo>
                  <a:lnTo>
                    <a:pt x="247" y="293"/>
                  </a:lnTo>
                  <a:lnTo>
                    <a:pt x="249" y="293"/>
                  </a:lnTo>
                  <a:lnTo>
                    <a:pt x="251" y="293"/>
                  </a:lnTo>
                  <a:lnTo>
                    <a:pt x="253" y="293"/>
                  </a:lnTo>
                  <a:lnTo>
                    <a:pt x="253" y="291"/>
                  </a:lnTo>
                  <a:lnTo>
                    <a:pt x="255" y="291"/>
                  </a:lnTo>
                  <a:lnTo>
                    <a:pt x="257" y="291"/>
                  </a:lnTo>
                  <a:lnTo>
                    <a:pt x="258" y="289"/>
                  </a:lnTo>
                  <a:lnTo>
                    <a:pt x="262" y="287"/>
                  </a:lnTo>
                  <a:lnTo>
                    <a:pt x="264" y="287"/>
                  </a:lnTo>
                  <a:lnTo>
                    <a:pt x="266" y="287"/>
                  </a:lnTo>
                  <a:lnTo>
                    <a:pt x="268" y="287"/>
                  </a:lnTo>
                  <a:lnTo>
                    <a:pt x="270" y="287"/>
                  </a:lnTo>
                  <a:lnTo>
                    <a:pt x="270" y="285"/>
                  </a:lnTo>
                  <a:lnTo>
                    <a:pt x="271" y="285"/>
                  </a:lnTo>
                  <a:lnTo>
                    <a:pt x="271" y="283"/>
                  </a:lnTo>
                  <a:lnTo>
                    <a:pt x="273" y="283"/>
                  </a:lnTo>
                  <a:lnTo>
                    <a:pt x="275" y="283"/>
                  </a:lnTo>
                  <a:close/>
                </a:path>
              </a:pathLst>
            </a:custGeom>
            <a:solidFill>
              <a:srgbClr val="FFFF99">
                <a:alpha val="5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33" name="Freeform 186"/>
            <p:cNvSpPr>
              <a:spLocks/>
            </p:cNvSpPr>
            <p:nvPr/>
          </p:nvSpPr>
          <p:spPr bwMode="auto">
            <a:xfrm>
              <a:off x="2985512" y="4319319"/>
              <a:ext cx="2505054" cy="1696098"/>
            </a:xfrm>
            <a:custGeom>
              <a:avLst/>
              <a:gdLst>
                <a:gd name="T0" fmla="*/ 1509 w 2403"/>
                <a:gd name="T1" fmla="*/ 366 h 1627"/>
                <a:gd name="T2" fmla="*/ 1631 w 2403"/>
                <a:gd name="T3" fmla="*/ 323 h 1627"/>
                <a:gd name="T4" fmla="*/ 1693 w 2403"/>
                <a:gd name="T5" fmla="*/ 223 h 1627"/>
                <a:gd name="T6" fmla="*/ 1815 w 2403"/>
                <a:gd name="T7" fmla="*/ 210 h 1627"/>
                <a:gd name="T8" fmla="*/ 1939 w 2403"/>
                <a:gd name="T9" fmla="*/ 249 h 1627"/>
                <a:gd name="T10" fmla="*/ 2063 w 2403"/>
                <a:gd name="T11" fmla="*/ 260 h 1627"/>
                <a:gd name="T12" fmla="*/ 2187 w 2403"/>
                <a:gd name="T13" fmla="*/ 192 h 1627"/>
                <a:gd name="T14" fmla="*/ 2248 w 2403"/>
                <a:gd name="T15" fmla="*/ 59 h 1627"/>
                <a:gd name="T16" fmla="*/ 2320 w 2403"/>
                <a:gd name="T17" fmla="*/ 68 h 1627"/>
                <a:gd name="T18" fmla="*/ 2352 w 2403"/>
                <a:gd name="T19" fmla="*/ 231 h 1627"/>
                <a:gd name="T20" fmla="*/ 2357 w 2403"/>
                <a:gd name="T21" fmla="*/ 318 h 1627"/>
                <a:gd name="T22" fmla="*/ 2279 w 2403"/>
                <a:gd name="T23" fmla="*/ 379 h 1627"/>
                <a:gd name="T24" fmla="*/ 2193 w 2403"/>
                <a:gd name="T25" fmla="*/ 462 h 1627"/>
                <a:gd name="T26" fmla="*/ 2180 w 2403"/>
                <a:gd name="T27" fmla="*/ 532 h 1627"/>
                <a:gd name="T28" fmla="*/ 2109 w 2403"/>
                <a:gd name="T29" fmla="*/ 590 h 1627"/>
                <a:gd name="T30" fmla="*/ 2050 w 2403"/>
                <a:gd name="T31" fmla="*/ 658 h 1627"/>
                <a:gd name="T32" fmla="*/ 1963 w 2403"/>
                <a:gd name="T33" fmla="*/ 732 h 1627"/>
                <a:gd name="T34" fmla="*/ 1873 w 2403"/>
                <a:gd name="T35" fmla="*/ 780 h 1627"/>
                <a:gd name="T36" fmla="*/ 1908 w 2403"/>
                <a:gd name="T37" fmla="*/ 860 h 1627"/>
                <a:gd name="T38" fmla="*/ 1949 w 2403"/>
                <a:gd name="T39" fmla="*/ 1015 h 1627"/>
                <a:gd name="T40" fmla="*/ 1899 w 2403"/>
                <a:gd name="T41" fmla="*/ 1085 h 1627"/>
                <a:gd name="T42" fmla="*/ 1801 w 2403"/>
                <a:gd name="T43" fmla="*/ 1133 h 1627"/>
                <a:gd name="T44" fmla="*/ 1780 w 2403"/>
                <a:gd name="T45" fmla="*/ 1224 h 1627"/>
                <a:gd name="T46" fmla="*/ 1758 w 2403"/>
                <a:gd name="T47" fmla="*/ 1307 h 1627"/>
                <a:gd name="T48" fmla="*/ 1668 w 2403"/>
                <a:gd name="T49" fmla="*/ 1342 h 1627"/>
                <a:gd name="T50" fmla="*/ 1568 w 2403"/>
                <a:gd name="T51" fmla="*/ 1392 h 1627"/>
                <a:gd name="T52" fmla="*/ 1507 w 2403"/>
                <a:gd name="T53" fmla="*/ 1496 h 1627"/>
                <a:gd name="T54" fmla="*/ 1366 w 2403"/>
                <a:gd name="T55" fmla="*/ 1485 h 1627"/>
                <a:gd name="T56" fmla="*/ 1278 w 2403"/>
                <a:gd name="T57" fmla="*/ 1409 h 1627"/>
                <a:gd name="T58" fmla="*/ 1172 w 2403"/>
                <a:gd name="T59" fmla="*/ 1400 h 1627"/>
                <a:gd name="T60" fmla="*/ 1095 w 2403"/>
                <a:gd name="T61" fmla="*/ 1415 h 1627"/>
                <a:gd name="T62" fmla="*/ 989 w 2403"/>
                <a:gd name="T63" fmla="*/ 1452 h 1627"/>
                <a:gd name="T64" fmla="*/ 921 w 2403"/>
                <a:gd name="T65" fmla="*/ 1514 h 1627"/>
                <a:gd name="T66" fmla="*/ 826 w 2403"/>
                <a:gd name="T67" fmla="*/ 1529 h 1627"/>
                <a:gd name="T68" fmla="*/ 723 w 2403"/>
                <a:gd name="T69" fmla="*/ 1514 h 1627"/>
                <a:gd name="T70" fmla="*/ 643 w 2403"/>
                <a:gd name="T71" fmla="*/ 1559 h 1627"/>
                <a:gd name="T72" fmla="*/ 575 w 2403"/>
                <a:gd name="T73" fmla="*/ 1620 h 1627"/>
                <a:gd name="T74" fmla="*/ 477 w 2403"/>
                <a:gd name="T75" fmla="*/ 1625 h 1627"/>
                <a:gd name="T76" fmla="*/ 411 w 2403"/>
                <a:gd name="T77" fmla="*/ 1535 h 1627"/>
                <a:gd name="T78" fmla="*/ 372 w 2403"/>
                <a:gd name="T79" fmla="*/ 1439 h 1627"/>
                <a:gd name="T80" fmla="*/ 338 w 2403"/>
                <a:gd name="T81" fmla="*/ 1365 h 1627"/>
                <a:gd name="T82" fmla="*/ 261 w 2403"/>
                <a:gd name="T83" fmla="*/ 1261 h 1627"/>
                <a:gd name="T84" fmla="*/ 168 w 2403"/>
                <a:gd name="T85" fmla="*/ 1241 h 1627"/>
                <a:gd name="T86" fmla="*/ 167 w 2403"/>
                <a:gd name="T87" fmla="*/ 1169 h 1627"/>
                <a:gd name="T88" fmla="*/ 152 w 2403"/>
                <a:gd name="T89" fmla="*/ 1085 h 1627"/>
                <a:gd name="T90" fmla="*/ 54 w 2403"/>
                <a:gd name="T91" fmla="*/ 1065 h 1627"/>
                <a:gd name="T92" fmla="*/ 46 w 2403"/>
                <a:gd name="T93" fmla="*/ 978 h 1627"/>
                <a:gd name="T94" fmla="*/ 89 w 2403"/>
                <a:gd name="T95" fmla="*/ 849 h 1627"/>
                <a:gd name="T96" fmla="*/ 89 w 2403"/>
                <a:gd name="T97" fmla="*/ 726 h 1627"/>
                <a:gd name="T98" fmla="*/ 19 w 2403"/>
                <a:gd name="T99" fmla="*/ 649 h 1627"/>
                <a:gd name="T100" fmla="*/ 45 w 2403"/>
                <a:gd name="T101" fmla="*/ 551 h 1627"/>
                <a:gd name="T102" fmla="*/ 183 w 2403"/>
                <a:gd name="T103" fmla="*/ 647 h 1627"/>
                <a:gd name="T104" fmla="*/ 305 w 2403"/>
                <a:gd name="T105" fmla="*/ 823 h 1627"/>
                <a:gd name="T106" fmla="*/ 375 w 2403"/>
                <a:gd name="T107" fmla="*/ 956 h 1627"/>
                <a:gd name="T108" fmla="*/ 486 w 2403"/>
                <a:gd name="T109" fmla="*/ 895 h 1627"/>
                <a:gd name="T110" fmla="*/ 566 w 2403"/>
                <a:gd name="T111" fmla="*/ 806 h 1627"/>
                <a:gd name="T112" fmla="*/ 692 w 2403"/>
                <a:gd name="T113" fmla="*/ 640 h 1627"/>
                <a:gd name="T114" fmla="*/ 788 w 2403"/>
                <a:gd name="T115" fmla="*/ 636 h 1627"/>
                <a:gd name="T116" fmla="*/ 904 w 2403"/>
                <a:gd name="T117" fmla="*/ 569 h 1627"/>
                <a:gd name="T118" fmla="*/ 1008 w 2403"/>
                <a:gd name="T119" fmla="*/ 578 h 1627"/>
                <a:gd name="T120" fmla="*/ 1087 w 2403"/>
                <a:gd name="T121" fmla="*/ 536 h 1627"/>
                <a:gd name="T122" fmla="*/ 1156 w 2403"/>
                <a:gd name="T123" fmla="*/ 499 h 1627"/>
                <a:gd name="T124" fmla="*/ 1303 w 2403"/>
                <a:gd name="T125" fmla="*/ 477 h 16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403" h="1627">
                  <a:moveTo>
                    <a:pt x="1372" y="466"/>
                  </a:moveTo>
                  <a:lnTo>
                    <a:pt x="1374" y="466"/>
                  </a:lnTo>
                  <a:lnTo>
                    <a:pt x="1376" y="464"/>
                  </a:lnTo>
                  <a:lnTo>
                    <a:pt x="1377" y="462"/>
                  </a:lnTo>
                  <a:lnTo>
                    <a:pt x="1379" y="462"/>
                  </a:lnTo>
                  <a:lnTo>
                    <a:pt x="1381" y="460"/>
                  </a:lnTo>
                  <a:lnTo>
                    <a:pt x="1383" y="460"/>
                  </a:lnTo>
                  <a:lnTo>
                    <a:pt x="1383" y="458"/>
                  </a:lnTo>
                  <a:lnTo>
                    <a:pt x="1385" y="458"/>
                  </a:lnTo>
                  <a:lnTo>
                    <a:pt x="1387" y="458"/>
                  </a:lnTo>
                  <a:lnTo>
                    <a:pt x="1387" y="456"/>
                  </a:lnTo>
                  <a:lnTo>
                    <a:pt x="1388" y="456"/>
                  </a:lnTo>
                  <a:lnTo>
                    <a:pt x="1388" y="455"/>
                  </a:lnTo>
                  <a:lnTo>
                    <a:pt x="1388" y="453"/>
                  </a:lnTo>
                  <a:lnTo>
                    <a:pt x="1390" y="453"/>
                  </a:lnTo>
                  <a:lnTo>
                    <a:pt x="1392" y="453"/>
                  </a:lnTo>
                  <a:lnTo>
                    <a:pt x="1394" y="451"/>
                  </a:lnTo>
                  <a:lnTo>
                    <a:pt x="1396" y="451"/>
                  </a:lnTo>
                  <a:lnTo>
                    <a:pt x="1396" y="449"/>
                  </a:lnTo>
                  <a:lnTo>
                    <a:pt x="1398" y="449"/>
                  </a:lnTo>
                  <a:lnTo>
                    <a:pt x="1400" y="447"/>
                  </a:lnTo>
                  <a:lnTo>
                    <a:pt x="1401" y="447"/>
                  </a:lnTo>
                  <a:lnTo>
                    <a:pt x="1401" y="445"/>
                  </a:lnTo>
                  <a:lnTo>
                    <a:pt x="1401" y="443"/>
                  </a:lnTo>
                  <a:lnTo>
                    <a:pt x="1403" y="442"/>
                  </a:lnTo>
                  <a:lnTo>
                    <a:pt x="1403" y="443"/>
                  </a:lnTo>
                  <a:lnTo>
                    <a:pt x="1405" y="443"/>
                  </a:lnTo>
                  <a:lnTo>
                    <a:pt x="1407" y="443"/>
                  </a:lnTo>
                  <a:lnTo>
                    <a:pt x="1409" y="442"/>
                  </a:lnTo>
                  <a:lnTo>
                    <a:pt x="1409" y="440"/>
                  </a:lnTo>
                  <a:lnTo>
                    <a:pt x="1411" y="438"/>
                  </a:lnTo>
                  <a:lnTo>
                    <a:pt x="1412" y="438"/>
                  </a:lnTo>
                  <a:lnTo>
                    <a:pt x="1414" y="436"/>
                  </a:lnTo>
                  <a:lnTo>
                    <a:pt x="1416" y="436"/>
                  </a:lnTo>
                  <a:lnTo>
                    <a:pt x="1418" y="436"/>
                  </a:lnTo>
                  <a:lnTo>
                    <a:pt x="1420" y="436"/>
                  </a:lnTo>
                  <a:lnTo>
                    <a:pt x="1422" y="434"/>
                  </a:lnTo>
                  <a:lnTo>
                    <a:pt x="1420" y="432"/>
                  </a:lnTo>
                  <a:lnTo>
                    <a:pt x="1422" y="431"/>
                  </a:lnTo>
                  <a:lnTo>
                    <a:pt x="1422" y="429"/>
                  </a:lnTo>
                  <a:lnTo>
                    <a:pt x="1424" y="429"/>
                  </a:lnTo>
                  <a:lnTo>
                    <a:pt x="1425" y="427"/>
                  </a:lnTo>
                  <a:lnTo>
                    <a:pt x="1425" y="425"/>
                  </a:lnTo>
                  <a:lnTo>
                    <a:pt x="1427" y="425"/>
                  </a:lnTo>
                  <a:lnTo>
                    <a:pt x="1429" y="423"/>
                  </a:lnTo>
                  <a:lnTo>
                    <a:pt x="1431" y="421"/>
                  </a:lnTo>
                  <a:lnTo>
                    <a:pt x="1431" y="419"/>
                  </a:lnTo>
                  <a:lnTo>
                    <a:pt x="1433" y="418"/>
                  </a:lnTo>
                  <a:lnTo>
                    <a:pt x="1435" y="416"/>
                  </a:lnTo>
                  <a:lnTo>
                    <a:pt x="1437" y="416"/>
                  </a:lnTo>
                  <a:lnTo>
                    <a:pt x="1438" y="414"/>
                  </a:lnTo>
                  <a:lnTo>
                    <a:pt x="1440" y="414"/>
                  </a:lnTo>
                  <a:lnTo>
                    <a:pt x="1442" y="412"/>
                  </a:lnTo>
                  <a:lnTo>
                    <a:pt x="1442" y="410"/>
                  </a:lnTo>
                  <a:lnTo>
                    <a:pt x="1444" y="410"/>
                  </a:lnTo>
                  <a:lnTo>
                    <a:pt x="1446" y="408"/>
                  </a:lnTo>
                  <a:lnTo>
                    <a:pt x="1446" y="406"/>
                  </a:lnTo>
                  <a:lnTo>
                    <a:pt x="1448" y="405"/>
                  </a:lnTo>
                  <a:lnTo>
                    <a:pt x="1449" y="403"/>
                  </a:lnTo>
                  <a:lnTo>
                    <a:pt x="1486" y="386"/>
                  </a:lnTo>
                  <a:lnTo>
                    <a:pt x="1488" y="386"/>
                  </a:lnTo>
                  <a:lnTo>
                    <a:pt x="1488" y="384"/>
                  </a:lnTo>
                  <a:lnTo>
                    <a:pt x="1486" y="384"/>
                  </a:lnTo>
                  <a:lnTo>
                    <a:pt x="1488" y="382"/>
                  </a:lnTo>
                  <a:lnTo>
                    <a:pt x="1490" y="381"/>
                  </a:lnTo>
                  <a:lnTo>
                    <a:pt x="1490" y="379"/>
                  </a:lnTo>
                  <a:lnTo>
                    <a:pt x="1492" y="379"/>
                  </a:lnTo>
                  <a:lnTo>
                    <a:pt x="1492" y="377"/>
                  </a:lnTo>
                  <a:lnTo>
                    <a:pt x="1494" y="377"/>
                  </a:lnTo>
                  <a:lnTo>
                    <a:pt x="1494" y="375"/>
                  </a:lnTo>
                  <a:lnTo>
                    <a:pt x="1496" y="375"/>
                  </a:lnTo>
                  <a:lnTo>
                    <a:pt x="1498" y="375"/>
                  </a:lnTo>
                  <a:lnTo>
                    <a:pt x="1499" y="375"/>
                  </a:lnTo>
                  <a:lnTo>
                    <a:pt x="1499" y="373"/>
                  </a:lnTo>
                  <a:lnTo>
                    <a:pt x="1501" y="373"/>
                  </a:lnTo>
                  <a:lnTo>
                    <a:pt x="1501" y="371"/>
                  </a:lnTo>
                  <a:lnTo>
                    <a:pt x="1503" y="371"/>
                  </a:lnTo>
                  <a:lnTo>
                    <a:pt x="1505" y="371"/>
                  </a:lnTo>
                  <a:lnTo>
                    <a:pt x="1505" y="369"/>
                  </a:lnTo>
                  <a:lnTo>
                    <a:pt x="1507" y="369"/>
                  </a:lnTo>
                  <a:lnTo>
                    <a:pt x="1507" y="368"/>
                  </a:lnTo>
                  <a:lnTo>
                    <a:pt x="1509" y="366"/>
                  </a:lnTo>
                  <a:lnTo>
                    <a:pt x="1510" y="366"/>
                  </a:lnTo>
                  <a:lnTo>
                    <a:pt x="1509" y="366"/>
                  </a:lnTo>
                  <a:lnTo>
                    <a:pt x="1510" y="366"/>
                  </a:lnTo>
                  <a:lnTo>
                    <a:pt x="1512" y="364"/>
                  </a:lnTo>
                  <a:lnTo>
                    <a:pt x="1514" y="364"/>
                  </a:lnTo>
                  <a:lnTo>
                    <a:pt x="1514" y="362"/>
                  </a:lnTo>
                  <a:lnTo>
                    <a:pt x="1516" y="362"/>
                  </a:lnTo>
                  <a:lnTo>
                    <a:pt x="1518" y="362"/>
                  </a:lnTo>
                  <a:lnTo>
                    <a:pt x="1520" y="362"/>
                  </a:lnTo>
                  <a:lnTo>
                    <a:pt x="1520" y="364"/>
                  </a:lnTo>
                  <a:lnTo>
                    <a:pt x="1522" y="366"/>
                  </a:lnTo>
                  <a:lnTo>
                    <a:pt x="1523" y="366"/>
                  </a:lnTo>
                  <a:lnTo>
                    <a:pt x="1525" y="366"/>
                  </a:lnTo>
                  <a:lnTo>
                    <a:pt x="1531" y="364"/>
                  </a:lnTo>
                  <a:lnTo>
                    <a:pt x="1534" y="364"/>
                  </a:lnTo>
                  <a:lnTo>
                    <a:pt x="1536" y="364"/>
                  </a:lnTo>
                  <a:lnTo>
                    <a:pt x="1538" y="364"/>
                  </a:lnTo>
                  <a:lnTo>
                    <a:pt x="1540" y="364"/>
                  </a:lnTo>
                  <a:lnTo>
                    <a:pt x="1542" y="364"/>
                  </a:lnTo>
                  <a:lnTo>
                    <a:pt x="1544" y="364"/>
                  </a:lnTo>
                  <a:lnTo>
                    <a:pt x="1546" y="364"/>
                  </a:lnTo>
                  <a:lnTo>
                    <a:pt x="1547" y="364"/>
                  </a:lnTo>
                  <a:lnTo>
                    <a:pt x="1549" y="364"/>
                  </a:lnTo>
                  <a:lnTo>
                    <a:pt x="1551" y="364"/>
                  </a:lnTo>
                  <a:lnTo>
                    <a:pt x="1553" y="364"/>
                  </a:lnTo>
                  <a:lnTo>
                    <a:pt x="1555" y="364"/>
                  </a:lnTo>
                  <a:lnTo>
                    <a:pt x="1557" y="364"/>
                  </a:lnTo>
                  <a:lnTo>
                    <a:pt x="1559" y="364"/>
                  </a:lnTo>
                  <a:lnTo>
                    <a:pt x="1559" y="362"/>
                  </a:lnTo>
                  <a:lnTo>
                    <a:pt x="1560" y="362"/>
                  </a:lnTo>
                  <a:lnTo>
                    <a:pt x="1562" y="362"/>
                  </a:lnTo>
                  <a:lnTo>
                    <a:pt x="1564" y="362"/>
                  </a:lnTo>
                  <a:lnTo>
                    <a:pt x="1564" y="360"/>
                  </a:lnTo>
                  <a:lnTo>
                    <a:pt x="1566" y="360"/>
                  </a:lnTo>
                  <a:lnTo>
                    <a:pt x="1568" y="360"/>
                  </a:lnTo>
                  <a:lnTo>
                    <a:pt x="1568" y="358"/>
                  </a:lnTo>
                  <a:lnTo>
                    <a:pt x="1571" y="358"/>
                  </a:lnTo>
                  <a:lnTo>
                    <a:pt x="1573" y="358"/>
                  </a:lnTo>
                  <a:lnTo>
                    <a:pt x="1573" y="357"/>
                  </a:lnTo>
                  <a:lnTo>
                    <a:pt x="1575" y="355"/>
                  </a:lnTo>
                  <a:lnTo>
                    <a:pt x="1577" y="355"/>
                  </a:lnTo>
                  <a:lnTo>
                    <a:pt x="1577" y="353"/>
                  </a:lnTo>
                  <a:lnTo>
                    <a:pt x="1579" y="353"/>
                  </a:lnTo>
                  <a:lnTo>
                    <a:pt x="1581" y="355"/>
                  </a:lnTo>
                  <a:lnTo>
                    <a:pt x="1583" y="355"/>
                  </a:lnTo>
                  <a:lnTo>
                    <a:pt x="1584" y="355"/>
                  </a:lnTo>
                  <a:lnTo>
                    <a:pt x="1586" y="355"/>
                  </a:lnTo>
                  <a:lnTo>
                    <a:pt x="1588" y="355"/>
                  </a:lnTo>
                  <a:lnTo>
                    <a:pt x="1590" y="353"/>
                  </a:lnTo>
                  <a:lnTo>
                    <a:pt x="1592" y="351"/>
                  </a:lnTo>
                  <a:lnTo>
                    <a:pt x="1594" y="351"/>
                  </a:lnTo>
                  <a:lnTo>
                    <a:pt x="1594" y="349"/>
                  </a:lnTo>
                  <a:lnTo>
                    <a:pt x="1595" y="347"/>
                  </a:lnTo>
                  <a:lnTo>
                    <a:pt x="1597" y="347"/>
                  </a:lnTo>
                  <a:lnTo>
                    <a:pt x="1599" y="347"/>
                  </a:lnTo>
                  <a:lnTo>
                    <a:pt x="1599" y="345"/>
                  </a:lnTo>
                  <a:lnTo>
                    <a:pt x="1601" y="345"/>
                  </a:lnTo>
                  <a:lnTo>
                    <a:pt x="1603" y="345"/>
                  </a:lnTo>
                  <a:lnTo>
                    <a:pt x="1605" y="345"/>
                  </a:lnTo>
                  <a:lnTo>
                    <a:pt x="1607" y="345"/>
                  </a:lnTo>
                  <a:lnTo>
                    <a:pt x="1608" y="345"/>
                  </a:lnTo>
                  <a:lnTo>
                    <a:pt x="1608" y="344"/>
                  </a:lnTo>
                  <a:lnTo>
                    <a:pt x="1610" y="342"/>
                  </a:lnTo>
                  <a:lnTo>
                    <a:pt x="1612" y="340"/>
                  </a:lnTo>
                  <a:lnTo>
                    <a:pt x="1612" y="338"/>
                  </a:lnTo>
                  <a:lnTo>
                    <a:pt x="1614" y="336"/>
                  </a:lnTo>
                  <a:lnTo>
                    <a:pt x="1616" y="336"/>
                  </a:lnTo>
                  <a:lnTo>
                    <a:pt x="1618" y="336"/>
                  </a:lnTo>
                  <a:lnTo>
                    <a:pt x="1620" y="336"/>
                  </a:lnTo>
                  <a:lnTo>
                    <a:pt x="1621" y="336"/>
                  </a:lnTo>
                  <a:lnTo>
                    <a:pt x="1623" y="336"/>
                  </a:lnTo>
                  <a:lnTo>
                    <a:pt x="1625" y="336"/>
                  </a:lnTo>
                  <a:lnTo>
                    <a:pt x="1627" y="332"/>
                  </a:lnTo>
                  <a:lnTo>
                    <a:pt x="1627" y="331"/>
                  </a:lnTo>
                  <a:lnTo>
                    <a:pt x="1623" y="329"/>
                  </a:lnTo>
                  <a:lnTo>
                    <a:pt x="1625" y="329"/>
                  </a:lnTo>
                  <a:lnTo>
                    <a:pt x="1625" y="327"/>
                  </a:lnTo>
                  <a:lnTo>
                    <a:pt x="1627" y="327"/>
                  </a:lnTo>
                  <a:lnTo>
                    <a:pt x="1627" y="325"/>
                  </a:lnTo>
                  <a:lnTo>
                    <a:pt x="1629" y="325"/>
                  </a:lnTo>
                  <a:lnTo>
                    <a:pt x="1631" y="325"/>
                  </a:lnTo>
                  <a:lnTo>
                    <a:pt x="1631" y="323"/>
                  </a:lnTo>
                  <a:lnTo>
                    <a:pt x="1632" y="323"/>
                  </a:lnTo>
                  <a:lnTo>
                    <a:pt x="1634" y="323"/>
                  </a:lnTo>
                  <a:lnTo>
                    <a:pt x="1636" y="323"/>
                  </a:lnTo>
                  <a:lnTo>
                    <a:pt x="1636" y="321"/>
                  </a:lnTo>
                  <a:lnTo>
                    <a:pt x="1636" y="320"/>
                  </a:lnTo>
                  <a:lnTo>
                    <a:pt x="1638" y="318"/>
                  </a:lnTo>
                  <a:lnTo>
                    <a:pt x="1638" y="316"/>
                  </a:lnTo>
                  <a:lnTo>
                    <a:pt x="1638" y="314"/>
                  </a:lnTo>
                  <a:lnTo>
                    <a:pt x="1640" y="314"/>
                  </a:lnTo>
                  <a:lnTo>
                    <a:pt x="1640" y="312"/>
                  </a:lnTo>
                  <a:lnTo>
                    <a:pt x="1642" y="310"/>
                  </a:lnTo>
                  <a:lnTo>
                    <a:pt x="1644" y="308"/>
                  </a:lnTo>
                  <a:lnTo>
                    <a:pt x="1645" y="308"/>
                  </a:lnTo>
                  <a:lnTo>
                    <a:pt x="1645" y="307"/>
                  </a:lnTo>
                  <a:lnTo>
                    <a:pt x="1647" y="307"/>
                  </a:lnTo>
                  <a:lnTo>
                    <a:pt x="1649" y="305"/>
                  </a:lnTo>
                  <a:lnTo>
                    <a:pt x="1649" y="303"/>
                  </a:lnTo>
                  <a:lnTo>
                    <a:pt x="1651" y="303"/>
                  </a:lnTo>
                  <a:lnTo>
                    <a:pt x="1653" y="303"/>
                  </a:lnTo>
                  <a:lnTo>
                    <a:pt x="1655" y="303"/>
                  </a:lnTo>
                  <a:lnTo>
                    <a:pt x="1656" y="303"/>
                  </a:lnTo>
                  <a:lnTo>
                    <a:pt x="1658" y="303"/>
                  </a:lnTo>
                  <a:lnTo>
                    <a:pt x="1660" y="303"/>
                  </a:lnTo>
                  <a:lnTo>
                    <a:pt x="1660" y="301"/>
                  </a:lnTo>
                  <a:lnTo>
                    <a:pt x="1662" y="301"/>
                  </a:lnTo>
                  <a:lnTo>
                    <a:pt x="1664" y="301"/>
                  </a:lnTo>
                  <a:lnTo>
                    <a:pt x="1666" y="303"/>
                  </a:lnTo>
                  <a:lnTo>
                    <a:pt x="1673" y="299"/>
                  </a:lnTo>
                  <a:lnTo>
                    <a:pt x="1673" y="297"/>
                  </a:lnTo>
                  <a:lnTo>
                    <a:pt x="1675" y="297"/>
                  </a:lnTo>
                  <a:lnTo>
                    <a:pt x="1677" y="295"/>
                  </a:lnTo>
                  <a:lnTo>
                    <a:pt x="1679" y="294"/>
                  </a:lnTo>
                  <a:lnTo>
                    <a:pt x="1681" y="294"/>
                  </a:lnTo>
                  <a:lnTo>
                    <a:pt x="1681" y="292"/>
                  </a:lnTo>
                  <a:lnTo>
                    <a:pt x="1682" y="292"/>
                  </a:lnTo>
                  <a:lnTo>
                    <a:pt x="1684" y="292"/>
                  </a:lnTo>
                  <a:lnTo>
                    <a:pt x="1686" y="292"/>
                  </a:lnTo>
                  <a:lnTo>
                    <a:pt x="1686" y="290"/>
                  </a:lnTo>
                  <a:lnTo>
                    <a:pt x="1688" y="290"/>
                  </a:lnTo>
                  <a:lnTo>
                    <a:pt x="1688" y="288"/>
                  </a:lnTo>
                  <a:lnTo>
                    <a:pt x="1688" y="286"/>
                  </a:lnTo>
                  <a:lnTo>
                    <a:pt x="1690" y="286"/>
                  </a:lnTo>
                  <a:lnTo>
                    <a:pt x="1690" y="284"/>
                  </a:lnTo>
                  <a:lnTo>
                    <a:pt x="1690" y="283"/>
                  </a:lnTo>
                  <a:lnTo>
                    <a:pt x="1690" y="281"/>
                  </a:lnTo>
                  <a:lnTo>
                    <a:pt x="1692" y="281"/>
                  </a:lnTo>
                  <a:lnTo>
                    <a:pt x="1690" y="277"/>
                  </a:lnTo>
                  <a:lnTo>
                    <a:pt x="1690" y="275"/>
                  </a:lnTo>
                  <a:lnTo>
                    <a:pt x="1692" y="273"/>
                  </a:lnTo>
                  <a:lnTo>
                    <a:pt x="1692" y="271"/>
                  </a:lnTo>
                  <a:lnTo>
                    <a:pt x="1693" y="271"/>
                  </a:lnTo>
                  <a:lnTo>
                    <a:pt x="1693" y="270"/>
                  </a:lnTo>
                  <a:lnTo>
                    <a:pt x="1692" y="266"/>
                  </a:lnTo>
                  <a:lnTo>
                    <a:pt x="1690" y="264"/>
                  </a:lnTo>
                  <a:lnTo>
                    <a:pt x="1688" y="264"/>
                  </a:lnTo>
                  <a:lnTo>
                    <a:pt x="1688" y="262"/>
                  </a:lnTo>
                  <a:lnTo>
                    <a:pt x="1688" y="260"/>
                  </a:lnTo>
                  <a:lnTo>
                    <a:pt x="1686" y="258"/>
                  </a:lnTo>
                  <a:lnTo>
                    <a:pt x="1684" y="257"/>
                  </a:lnTo>
                  <a:lnTo>
                    <a:pt x="1684" y="255"/>
                  </a:lnTo>
                  <a:lnTo>
                    <a:pt x="1686" y="253"/>
                  </a:lnTo>
                  <a:lnTo>
                    <a:pt x="1684" y="253"/>
                  </a:lnTo>
                  <a:lnTo>
                    <a:pt x="1684" y="251"/>
                  </a:lnTo>
                  <a:lnTo>
                    <a:pt x="1682" y="251"/>
                  </a:lnTo>
                  <a:lnTo>
                    <a:pt x="1682" y="249"/>
                  </a:lnTo>
                  <a:lnTo>
                    <a:pt x="1681" y="247"/>
                  </a:lnTo>
                  <a:lnTo>
                    <a:pt x="1679" y="246"/>
                  </a:lnTo>
                  <a:lnTo>
                    <a:pt x="1679" y="244"/>
                  </a:lnTo>
                  <a:lnTo>
                    <a:pt x="1679" y="242"/>
                  </a:lnTo>
                  <a:lnTo>
                    <a:pt x="1679" y="240"/>
                  </a:lnTo>
                  <a:lnTo>
                    <a:pt x="1679" y="238"/>
                  </a:lnTo>
                  <a:lnTo>
                    <a:pt x="1681" y="236"/>
                  </a:lnTo>
                  <a:lnTo>
                    <a:pt x="1682" y="236"/>
                  </a:lnTo>
                  <a:lnTo>
                    <a:pt x="1684" y="234"/>
                  </a:lnTo>
                  <a:lnTo>
                    <a:pt x="1686" y="234"/>
                  </a:lnTo>
                  <a:lnTo>
                    <a:pt x="1686" y="233"/>
                  </a:lnTo>
                  <a:lnTo>
                    <a:pt x="1686" y="231"/>
                  </a:lnTo>
                  <a:lnTo>
                    <a:pt x="1688" y="229"/>
                  </a:lnTo>
                  <a:lnTo>
                    <a:pt x="1688" y="227"/>
                  </a:lnTo>
                  <a:lnTo>
                    <a:pt x="1690" y="227"/>
                  </a:lnTo>
                  <a:lnTo>
                    <a:pt x="1692" y="225"/>
                  </a:lnTo>
                  <a:lnTo>
                    <a:pt x="1693" y="223"/>
                  </a:lnTo>
                  <a:lnTo>
                    <a:pt x="1695" y="223"/>
                  </a:lnTo>
                  <a:lnTo>
                    <a:pt x="1697" y="223"/>
                  </a:lnTo>
                  <a:lnTo>
                    <a:pt x="1699" y="223"/>
                  </a:lnTo>
                  <a:lnTo>
                    <a:pt x="1699" y="222"/>
                  </a:lnTo>
                  <a:lnTo>
                    <a:pt x="1701" y="222"/>
                  </a:lnTo>
                  <a:lnTo>
                    <a:pt x="1703" y="220"/>
                  </a:lnTo>
                  <a:lnTo>
                    <a:pt x="1705" y="220"/>
                  </a:lnTo>
                  <a:lnTo>
                    <a:pt x="1706" y="222"/>
                  </a:lnTo>
                  <a:lnTo>
                    <a:pt x="1708" y="222"/>
                  </a:lnTo>
                  <a:lnTo>
                    <a:pt x="1710" y="222"/>
                  </a:lnTo>
                  <a:lnTo>
                    <a:pt x="1712" y="222"/>
                  </a:lnTo>
                  <a:lnTo>
                    <a:pt x="1712" y="220"/>
                  </a:lnTo>
                  <a:lnTo>
                    <a:pt x="1714" y="220"/>
                  </a:lnTo>
                  <a:lnTo>
                    <a:pt x="1714" y="218"/>
                  </a:lnTo>
                  <a:lnTo>
                    <a:pt x="1716" y="216"/>
                  </a:lnTo>
                  <a:lnTo>
                    <a:pt x="1716" y="214"/>
                  </a:lnTo>
                  <a:lnTo>
                    <a:pt x="1717" y="212"/>
                  </a:lnTo>
                  <a:lnTo>
                    <a:pt x="1717" y="210"/>
                  </a:lnTo>
                  <a:lnTo>
                    <a:pt x="1719" y="210"/>
                  </a:lnTo>
                  <a:lnTo>
                    <a:pt x="1719" y="209"/>
                  </a:lnTo>
                  <a:lnTo>
                    <a:pt x="1721" y="207"/>
                  </a:lnTo>
                  <a:lnTo>
                    <a:pt x="1721" y="205"/>
                  </a:lnTo>
                  <a:lnTo>
                    <a:pt x="1721" y="203"/>
                  </a:lnTo>
                  <a:lnTo>
                    <a:pt x="1723" y="203"/>
                  </a:lnTo>
                  <a:lnTo>
                    <a:pt x="1723" y="201"/>
                  </a:lnTo>
                  <a:lnTo>
                    <a:pt x="1727" y="199"/>
                  </a:lnTo>
                  <a:lnTo>
                    <a:pt x="1729" y="199"/>
                  </a:lnTo>
                  <a:lnTo>
                    <a:pt x="1730" y="199"/>
                  </a:lnTo>
                  <a:lnTo>
                    <a:pt x="1730" y="201"/>
                  </a:lnTo>
                  <a:lnTo>
                    <a:pt x="1732" y="201"/>
                  </a:lnTo>
                  <a:lnTo>
                    <a:pt x="1734" y="199"/>
                  </a:lnTo>
                  <a:lnTo>
                    <a:pt x="1736" y="197"/>
                  </a:lnTo>
                  <a:lnTo>
                    <a:pt x="1738" y="197"/>
                  </a:lnTo>
                  <a:lnTo>
                    <a:pt x="1742" y="194"/>
                  </a:lnTo>
                  <a:lnTo>
                    <a:pt x="1743" y="194"/>
                  </a:lnTo>
                  <a:lnTo>
                    <a:pt x="1747" y="192"/>
                  </a:lnTo>
                  <a:lnTo>
                    <a:pt x="1749" y="192"/>
                  </a:lnTo>
                  <a:lnTo>
                    <a:pt x="1751" y="190"/>
                  </a:lnTo>
                  <a:lnTo>
                    <a:pt x="1753" y="190"/>
                  </a:lnTo>
                  <a:lnTo>
                    <a:pt x="1753" y="188"/>
                  </a:lnTo>
                  <a:lnTo>
                    <a:pt x="1754" y="188"/>
                  </a:lnTo>
                  <a:lnTo>
                    <a:pt x="1754" y="190"/>
                  </a:lnTo>
                  <a:lnTo>
                    <a:pt x="1756" y="190"/>
                  </a:lnTo>
                  <a:lnTo>
                    <a:pt x="1758" y="190"/>
                  </a:lnTo>
                  <a:lnTo>
                    <a:pt x="1760" y="190"/>
                  </a:lnTo>
                  <a:lnTo>
                    <a:pt x="1762" y="190"/>
                  </a:lnTo>
                  <a:lnTo>
                    <a:pt x="1764" y="190"/>
                  </a:lnTo>
                  <a:lnTo>
                    <a:pt x="1766" y="192"/>
                  </a:lnTo>
                  <a:lnTo>
                    <a:pt x="1767" y="192"/>
                  </a:lnTo>
                  <a:lnTo>
                    <a:pt x="1769" y="192"/>
                  </a:lnTo>
                  <a:lnTo>
                    <a:pt x="1771" y="192"/>
                  </a:lnTo>
                  <a:lnTo>
                    <a:pt x="1771" y="190"/>
                  </a:lnTo>
                  <a:lnTo>
                    <a:pt x="1773" y="190"/>
                  </a:lnTo>
                  <a:lnTo>
                    <a:pt x="1775" y="190"/>
                  </a:lnTo>
                  <a:lnTo>
                    <a:pt x="1775" y="192"/>
                  </a:lnTo>
                  <a:lnTo>
                    <a:pt x="1777" y="192"/>
                  </a:lnTo>
                  <a:lnTo>
                    <a:pt x="1778" y="192"/>
                  </a:lnTo>
                  <a:lnTo>
                    <a:pt x="1778" y="194"/>
                  </a:lnTo>
                  <a:lnTo>
                    <a:pt x="1780" y="194"/>
                  </a:lnTo>
                  <a:lnTo>
                    <a:pt x="1780" y="196"/>
                  </a:lnTo>
                  <a:lnTo>
                    <a:pt x="1782" y="197"/>
                  </a:lnTo>
                  <a:lnTo>
                    <a:pt x="1784" y="197"/>
                  </a:lnTo>
                  <a:lnTo>
                    <a:pt x="1786" y="199"/>
                  </a:lnTo>
                  <a:lnTo>
                    <a:pt x="1788" y="199"/>
                  </a:lnTo>
                  <a:lnTo>
                    <a:pt x="1788" y="201"/>
                  </a:lnTo>
                  <a:lnTo>
                    <a:pt x="1790" y="201"/>
                  </a:lnTo>
                  <a:lnTo>
                    <a:pt x="1791" y="201"/>
                  </a:lnTo>
                  <a:lnTo>
                    <a:pt x="1793" y="201"/>
                  </a:lnTo>
                  <a:lnTo>
                    <a:pt x="1795" y="201"/>
                  </a:lnTo>
                  <a:lnTo>
                    <a:pt x="1797" y="201"/>
                  </a:lnTo>
                  <a:lnTo>
                    <a:pt x="1797" y="203"/>
                  </a:lnTo>
                  <a:lnTo>
                    <a:pt x="1799" y="203"/>
                  </a:lnTo>
                  <a:lnTo>
                    <a:pt x="1801" y="203"/>
                  </a:lnTo>
                  <a:lnTo>
                    <a:pt x="1803" y="203"/>
                  </a:lnTo>
                  <a:lnTo>
                    <a:pt x="1804" y="203"/>
                  </a:lnTo>
                  <a:lnTo>
                    <a:pt x="1806" y="203"/>
                  </a:lnTo>
                  <a:lnTo>
                    <a:pt x="1808" y="205"/>
                  </a:lnTo>
                  <a:lnTo>
                    <a:pt x="1810" y="207"/>
                  </a:lnTo>
                  <a:lnTo>
                    <a:pt x="1812" y="209"/>
                  </a:lnTo>
                  <a:lnTo>
                    <a:pt x="1814" y="209"/>
                  </a:lnTo>
                  <a:lnTo>
                    <a:pt x="1814" y="210"/>
                  </a:lnTo>
                  <a:lnTo>
                    <a:pt x="1815" y="210"/>
                  </a:lnTo>
                  <a:lnTo>
                    <a:pt x="1815" y="212"/>
                  </a:lnTo>
                  <a:lnTo>
                    <a:pt x="1817" y="212"/>
                  </a:lnTo>
                  <a:lnTo>
                    <a:pt x="1817" y="210"/>
                  </a:lnTo>
                  <a:lnTo>
                    <a:pt x="1819" y="210"/>
                  </a:lnTo>
                  <a:lnTo>
                    <a:pt x="1819" y="209"/>
                  </a:lnTo>
                  <a:lnTo>
                    <a:pt x="1821" y="209"/>
                  </a:lnTo>
                  <a:lnTo>
                    <a:pt x="1823" y="209"/>
                  </a:lnTo>
                  <a:lnTo>
                    <a:pt x="1825" y="209"/>
                  </a:lnTo>
                  <a:lnTo>
                    <a:pt x="1827" y="209"/>
                  </a:lnTo>
                  <a:lnTo>
                    <a:pt x="1828" y="209"/>
                  </a:lnTo>
                  <a:lnTo>
                    <a:pt x="1830" y="209"/>
                  </a:lnTo>
                  <a:lnTo>
                    <a:pt x="1832" y="209"/>
                  </a:lnTo>
                  <a:lnTo>
                    <a:pt x="1832" y="207"/>
                  </a:lnTo>
                  <a:lnTo>
                    <a:pt x="1834" y="207"/>
                  </a:lnTo>
                  <a:lnTo>
                    <a:pt x="1836" y="205"/>
                  </a:lnTo>
                  <a:lnTo>
                    <a:pt x="1838" y="205"/>
                  </a:lnTo>
                  <a:lnTo>
                    <a:pt x="1839" y="205"/>
                  </a:lnTo>
                  <a:lnTo>
                    <a:pt x="1841" y="205"/>
                  </a:lnTo>
                  <a:lnTo>
                    <a:pt x="1841" y="207"/>
                  </a:lnTo>
                  <a:lnTo>
                    <a:pt x="1843" y="207"/>
                  </a:lnTo>
                  <a:lnTo>
                    <a:pt x="1843" y="209"/>
                  </a:lnTo>
                  <a:lnTo>
                    <a:pt x="1845" y="209"/>
                  </a:lnTo>
                  <a:lnTo>
                    <a:pt x="1847" y="210"/>
                  </a:lnTo>
                  <a:lnTo>
                    <a:pt x="1849" y="210"/>
                  </a:lnTo>
                  <a:lnTo>
                    <a:pt x="1851" y="212"/>
                  </a:lnTo>
                  <a:lnTo>
                    <a:pt x="1852" y="212"/>
                  </a:lnTo>
                  <a:lnTo>
                    <a:pt x="1854" y="212"/>
                  </a:lnTo>
                  <a:lnTo>
                    <a:pt x="1856" y="212"/>
                  </a:lnTo>
                  <a:lnTo>
                    <a:pt x="1858" y="212"/>
                  </a:lnTo>
                  <a:lnTo>
                    <a:pt x="1860" y="212"/>
                  </a:lnTo>
                  <a:lnTo>
                    <a:pt x="1862" y="212"/>
                  </a:lnTo>
                  <a:lnTo>
                    <a:pt x="1864" y="212"/>
                  </a:lnTo>
                  <a:lnTo>
                    <a:pt x="1864" y="214"/>
                  </a:lnTo>
                  <a:lnTo>
                    <a:pt x="1865" y="216"/>
                  </a:lnTo>
                  <a:lnTo>
                    <a:pt x="1867" y="218"/>
                  </a:lnTo>
                  <a:lnTo>
                    <a:pt x="1869" y="218"/>
                  </a:lnTo>
                  <a:lnTo>
                    <a:pt x="1871" y="220"/>
                  </a:lnTo>
                  <a:lnTo>
                    <a:pt x="1873" y="220"/>
                  </a:lnTo>
                  <a:lnTo>
                    <a:pt x="1875" y="220"/>
                  </a:lnTo>
                  <a:lnTo>
                    <a:pt x="1875" y="218"/>
                  </a:lnTo>
                  <a:lnTo>
                    <a:pt x="1876" y="218"/>
                  </a:lnTo>
                  <a:lnTo>
                    <a:pt x="1878" y="218"/>
                  </a:lnTo>
                  <a:lnTo>
                    <a:pt x="1880" y="218"/>
                  </a:lnTo>
                  <a:lnTo>
                    <a:pt x="1882" y="220"/>
                  </a:lnTo>
                  <a:lnTo>
                    <a:pt x="1884" y="220"/>
                  </a:lnTo>
                  <a:lnTo>
                    <a:pt x="1886" y="220"/>
                  </a:lnTo>
                  <a:lnTo>
                    <a:pt x="1888" y="222"/>
                  </a:lnTo>
                  <a:lnTo>
                    <a:pt x="1889" y="222"/>
                  </a:lnTo>
                  <a:lnTo>
                    <a:pt x="1891" y="222"/>
                  </a:lnTo>
                  <a:lnTo>
                    <a:pt x="1893" y="223"/>
                  </a:lnTo>
                  <a:lnTo>
                    <a:pt x="1895" y="223"/>
                  </a:lnTo>
                  <a:lnTo>
                    <a:pt x="1895" y="225"/>
                  </a:lnTo>
                  <a:lnTo>
                    <a:pt x="1895" y="227"/>
                  </a:lnTo>
                  <a:lnTo>
                    <a:pt x="1897" y="227"/>
                  </a:lnTo>
                  <a:lnTo>
                    <a:pt x="1897" y="229"/>
                  </a:lnTo>
                  <a:lnTo>
                    <a:pt x="1899" y="231"/>
                  </a:lnTo>
                  <a:lnTo>
                    <a:pt x="1900" y="231"/>
                  </a:lnTo>
                  <a:lnTo>
                    <a:pt x="1900" y="233"/>
                  </a:lnTo>
                  <a:lnTo>
                    <a:pt x="1902" y="234"/>
                  </a:lnTo>
                  <a:lnTo>
                    <a:pt x="1904" y="234"/>
                  </a:lnTo>
                  <a:lnTo>
                    <a:pt x="1904" y="236"/>
                  </a:lnTo>
                  <a:lnTo>
                    <a:pt x="1906" y="236"/>
                  </a:lnTo>
                  <a:lnTo>
                    <a:pt x="1906" y="238"/>
                  </a:lnTo>
                  <a:lnTo>
                    <a:pt x="1908" y="238"/>
                  </a:lnTo>
                  <a:lnTo>
                    <a:pt x="1908" y="240"/>
                  </a:lnTo>
                  <a:lnTo>
                    <a:pt x="1908" y="242"/>
                  </a:lnTo>
                  <a:lnTo>
                    <a:pt x="1910" y="242"/>
                  </a:lnTo>
                  <a:lnTo>
                    <a:pt x="1912" y="242"/>
                  </a:lnTo>
                  <a:lnTo>
                    <a:pt x="1913" y="242"/>
                  </a:lnTo>
                  <a:lnTo>
                    <a:pt x="1917" y="244"/>
                  </a:lnTo>
                  <a:lnTo>
                    <a:pt x="1919" y="244"/>
                  </a:lnTo>
                  <a:lnTo>
                    <a:pt x="1921" y="244"/>
                  </a:lnTo>
                  <a:lnTo>
                    <a:pt x="1921" y="246"/>
                  </a:lnTo>
                  <a:lnTo>
                    <a:pt x="1923" y="246"/>
                  </a:lnTo>
                  <a:lnTo>
                    <a:pt x="1925" y="246"/>
                  </a:lnTo>
                  <a:lnTo>
                    <a:pt x="1926" y="246"/>
                  </a:lnTo>
                  <a:lnTo>
                    <a:pt x="1928" y="246"/>
                  </a:lnTo>
                  <a:lnTo>
                    <a:pt x="1930" y="246"/>
                  </a:lnTo>
                  <a:lnTo>
                    <a:pt x="1932" y="247"/>
                  </a:lnTo>
                  <a:lnTo>
                    <a:pt x="1934" y="247"/>
                  </a:lnTo>
                  <a:lnTo>
                    <a:pt x="1936" y="249"/>
                  </a:lnTo>
                  <a:lnTo>
                    <a:pt x="1939" y="249"/>
                  </a:lnTo>
                  <a:lnTo>
                    <a:pt x="1941" y="251"/>
                  </a:lnTo>
                  <a:lnTo>
                    <a:pt x="1945" y="251"/>
                  </a:lnTo>
                  <a:lnTo>
                    <a:pt x="1947" y="251"/>
                  </a:lnTo>
                  <a:lnTo>
                    <a:pt x="1947" y="253"/>
                  </a:lnTo>
                  <a:lnTo>
                    <a:pt x="1949" y="253"/>
                  </a:lnTo>
                  <a:lnTo>
                    <a:pt x="1949" y="251"/>
                  </a:lnTo>
                  <a:lnTo>
                    <a:pt x="1949" y="253"/>
                  </a:lnTo>
                  <a:lnTo>
                    <a:pt x="1950" y="251"/>
                  </a:lnTo>
                  <a:lnTo>
                    <a:pt x="1952" y="253"/>
                  </a:lnTo>
                  <a:lnTo>
                    <a:pt x="1952" y="251"/>
                  </a:lnTo>
                  <a:lnTo>
                    <a:pt x="1954" y="251"/>
                  </a:lnTo>
                  <a:lnTo>
                    <a:pt x="1954" y="253"/>
                  </a:lnTo>
                  <a:lnTo>
                    <a:pt x="1956" y="253"/>
                  </a:lnTo>
                  <a:lnTo>
                    <a:pt x="1958" y="253"/>
                  </a:lnTo>
                  <a:lnTo>
                    <a:pt x="1960" y="253"/>
                  </a:lnTo>
                  <a:lnTo>
                    <a:pt x="1960" y="251"/>
                  </a:lnTo>
                  <a:lnTo>
                    <a:pt x="1961" y="251"/>
                  </a:lnTo>
                  <a:lnTo>
                    <a:pt x="1963" y="251"/>
                  </a:lnTo>
                  <a:lnTo>
                    <a:pt x="1965" y="253"/>
                  </a:lnTo>
                  <a:lnTo>
                    <a:pt x="1969" y="253"/>
                  </a:lnTo>
                  <a:lnTo>
                    <a:pt x="1971" y="253"/>
                  </a:lnTo>
                  <a:lnTo>
                    <a:pt x="1973" y="253"/>
                  </a:lnTo>
                  <a:lnTo>
                    <a:pt x="1974" y="253"/>
                  </a:lnTo>
                  <a:lnTo>
                    <a:pt x="1976" y="253"/>
                  </a:lnTo>
                  <a:lnTo>
                    <a:pt x="1976" y="255"/>
                  </a:lnTo>
                  <a:lnTo>
                    <a:pt x="1976" y="257"/>
                  </a:lnTo>
                  <a:lnTo>
                    <a:pt x="1976" y="258"/>
                  </a:lnTo>
                  <a:lnTo>
                    <a:pt x="1976" y="260"/>
                  </a:lnTo>
                  <a:lnTo>
                    <a:pt x="1976" y="262"/>
                  </a:lnTo>
                  <a:lnTo>
                    <a:pt x="1976" y="264"/>
                  </a:lnTo>
                  <a:lnTo>
                    <a:pt x="1976" y="266"/>
                  </a:lnTo>
                  <a:lnTo>
                    <a:pt x="1978" y="268"/>
                  </a:lnTo>
                  <a:lnTo>
                    <a:pt x="1982" y="270"/>
                  </a:lnTo>
                  <a:lnTo>
                    <a:pt x="1984" y="270"/>
                  </a:lnTo>
                  <a:lnTo>
                    <a:pt x="1984" y="271"/>
                  </a:lnTo>
                  <a:lnTo>
                    <a:pt x="1986" y="273"/>
                  </a:lnTo>
                  <a:lnTo>
                    <a:pt x="1986" y="275"/>
                  </a:lnTo>
                  <a:lnTo>
                    <a:pt x="1987" y="273"/>
                  </a:lnTo>
                  <a:lnTo>
                    <a:pt x="1989" y="275"/>
                  </a:lnTo>
                  <a:lnTo>
                    <a:pt x="1991" y="275"/>
                  </a:lnTo>
                  <a:lnTo>
                    <a:pt x="1991" y="273"/>
                  </a:lnTo>
                  <a:lnTo>
                    <a:pt x="1993" y="273"/>
                  </a:lnTo>
                  <a:lnTo>
                    <a:pt x="1995" y="271"/>
                  </a:lnTo>
                  <a:lnTo>
                    <a:pt x="1997" y="271"/>
                  </a:lnTo>
                  <a:lnTo>
                    <a:pt x="2000" y="270"/>
                  </a:lnTo>
                  <a:lnTo>
                    <a:pt x="2002" y="270"/>
                  </a:lnTo>
                  <a:lnTo>
                    <a:pt x="2004" y="270"/>
                  </a:lnTo>
                  <a:lnTo>
                    <a:pt x="2006" y="268"/>
                  </a:lnTo>
                  <a:lnTo>
                    <a:pt x="2008" y="268"/>
                  </a:lnTo>
                  <a:lnTo>
                    <a:pt x="2010" y="268"/>
                  </a:lnTo>
                  <a:lnTo>
                    <a:pt x="2011" y="268"/>
                  </a:lnTo>
                  <a:lnTo>
                    <a:pt x="2013" y="266"/>
                  </a:lnTo>
                  <a:lnTo>
                    <a:pt x="2015" y="268"/>
                  </a:lnTo>
                  <a:lnTo>
                    <a:pt x="2017" y="268"/>
                  </a:lnTo>
                  <a:lnTo>
                    <a:pt x="2019" y="268"/>
                  </a:lnTo>
                  <a:lnTo>
                    <a:pt x="2019" y="270"/>
                  </a:lnTo>
                  <a:lnTo>
                    <a:pt x="2021" y="270"/>
                  </a:lnTo>
                  <a:lnTo>
                    <a:pt x="2021" y="268"/>
                  </a:lnTo>
                  <a:lnTo>
                    <a:pt x="2022" y="268"/>
                  </a:lnTo>
                  <a:lnTo>
                    <a:pt x="2022" y="266"/>
                  </a:lnTo>
                  <a:lnTo>
                    <a:pt x="2024" y="266"/>
                  </a:lnTo>
                  <a:lnTo>
                    <a:pt x="2026" y="266"/>
                  </a:lnTo>
                  <a:lnTo>
                    <a:pt x="2026" y="264"/>
                  </a:lnTo>
                  <a:lnTo>
                    <a:pt x="2028" y="264"/>
                  </a:lnTo>
                  <a:lnTo>
                    <a:pt x="2030" y="264"/>
                  </a:lnTo>
                  <a:lnTo>
                    <a:pt x="2032" y="264"/>
                  </a:lnTo>
                  <a:lnTo>
                    <a:pt x="2034" y="262"/>
                  </a:lnTo>
                  <a:lnTo>
                    <a:pt x="2035" y="262"/>
                  </a:lnTo>
                  <a:lnTo>
                    <a:pt x="2037" y="262"/>
                  </a:lnTo>
                  <a:lnTo>
                    <a:pt x="2039" y="262"/>
                  </a:lnTo>
                  <a:lnTo>
                    <a:pt x="2041" y="262"/>
                  </a:lnTo>
                  <a:lnTo>
                    <a:pt x="2045" y="262"/>
                  </a:lnTo>
                  <a:lnTo>
                    <a:pt x="2047" y="260"/>
                  </a:lnTo>
                  <a:lnTo>
                    <a:pt x="2048" y="260"/>
                  </a:lnTo>
                  <a:lnTo>
                    <a:pt x="2050" y="260"/>
                  </a:lnTo>
                  <a:lnTo>
                    <a:pt x="2052" y="262"/>
                  </a:lnTo>
                  <a:lnTo>
                    <a:pt x="2054" y="260"/>
                  </a:lnTo>
                  <a:lnTo>
                    <a:pt x="2056" y="260"/>
                  </a:lnTo>
                  <a:lnTo>
                    <a:pt x="2058" y="260"/>
                  </a:lnTo>
                  <a:lnTo>
                    <a:pt x="2059" y="260"/>
                  </a:lnTo>
                  <a:lnTo>
                    <a:pt x="2061" y="260"/>
                  </a:lnTo>
                  <a:lnTo>
                    <a:pt x="2063" y="260"/>
                  </a:lnTo>
                  <a:lnTo>
                    <a:pt x="2065" y="260"/>
                  </a:lnTo>
                  <a:lnTo>
                    <a:pt x="2067" y="260"/>
                  </a:lnTo>
                  <a:lnTo>
                    <a:pt x="2071" y="260"/>
                  </a:lnTo>
                  <a:lnTo>
                    <a:pt x="2072" y="260"/>
                  </a:lnTo>
                  <a:lnTo>
                    <a:pt x="2074" y="260"/>
                  </a:lnTo>
                  <a:lnTo>
                    <a:pt x="2078" y="258"/>
                  </a:lnTo>
                  <a:lnTo>
                    <a:pt x="2078" y="257"/>
                  </a:lnTo>
                  <a:lnTo>
                    <a:pt x="2080" y="257"/>
                  </a:lnTo>
                  <a:lnTo>
                    <a:pt x="2082" y="257"/>
                  </a:lnTo>
                  <a:lnTo>
                    <a:pt x="2083" y="257"/>
                  </a:lnTo>
                  <a:lnTo>
                    <a:pt x="2083" y="255"/>
                  </a:lnTo>
                  <a:lnTo>
                    <a:pt x="2085" y="255"/>
                  </a:lnTo>
                  <a:lnTo>
                    <a:pt x="2087" y="255"/>
                  </a:lnTo>
                  <a:lnTo>
                    <a:pt x="2091" y="255"/>
                  </a:lnTo>
                  <a:lnTo>
                    <a:pt x="2093" y="255"/>
                  </a:lnTo>
                  <a:lnTo>
                    <a:pt x="2095" y="255"/>
                  </a:lnTo>
                  <a:lnTo>
                    <a:pt x="2098" y="251"/>
                  </a:lnTo>
                  <a:lnTo>
                    <a:pt x="2100" y="251"/>
                  </a:lnTo>
                  <a:lnTo>
                    <a:pt x="2100" y="249"/>
                  </a:lnTo>
                  <a:lnTo>
                    <a:pt x="2100" y="247"/>
                  </a:lnTo>
                  <a:lnTo>
                    <a:pt x="2102" y="246"/>
                  </a:lnTo>
                  <a:lnTo>
                    <a:pt x="2102" y="247"/>
                  </a:lnTo>
                  <a:lnTo>
                    <a:pt x="2106" y="246"/>
                  </a:lnTo>
                  <a:lnTo>
                    <a:pt x="2108" y="246"/>
                  </a:lnTo>
                  <a:lnTo>
                    <a:pt x="2109" y="246"/>
                  </a:lnTo>
                  <a:lnTo>
                    <a:pt x="2109" y="244"/>
                  </a:lnTo>
                  <a:lnTo>
                    <a:pt x="2111" y="244"/>
                  </a:lnTo>
                  <a:lnTo>
                    <a:pt x="2111" y="242"/>
                  </a:lnTo>
                  <a:lnTo>
                    <a:pt x="2113" y="242"/>
                  </a:lnTo>
                  <a:lnTo>
                    <a:pt x="2115" y="240"/>
                  </a:lnTo>
                  <a:lnTo>
                    <a:pt x="2117" y="240"/>
                  </a:lnTo>
                  <a:lnTo>
                    <a:pt x="2119" y="240"/>
                  </a:lnTo>
                  <a:lnTo>
                    <a:pt x="2120" y="240"/>
                  </a:lnTo>
                  <a:lnTo>
                    <a:pt x="2122" y="240"/>
                  </a:lnTo>
                  <a:lnTo>
                    <a:pt x="2122" y="242"/>
                  </a:lnTo>
                  <a:lnTo>
                    <a:pt x="2124" y="242"/>
                  </a:lnTo>
                  <a:lnTo>
                    <a:pt x="2124" y="240"/>
                  </a:lnTo>
                  <a:lnTo>
                    <a:pt x="2126" y="238"/>
                  </a:lnTo>
                  <a:lnTo>
                    <a:pt x="2128" y="238"/>
                  </a:lnTo>
                  <a:lnTo>
                    <a:pt x="2128" y="236"/>
                  </a:lnTo>
                  <a:lnTo>
                    <a:pt x="2130" y="236"/>
                  </a:lnTo>
                  <a:lnTo>
                    <a:pt x="2130" y="234"/>
                  </a:lnTo>
                  <a:lnTo>
                    <a:pt x="2132" y="234"/>
                  </a:lnTo>
                  <a:lnTo>
                    <a:pt x="2132" y="233"/>
                  </a:lnTo>
                  <a:lnTo>
                    <a:pt x="2132" y="231"/>
                  </a:lnTo>
                  <a:lnTo>
                    <a:pt x="2133" y="231"/>
                  </a:lnTo>
                  <a:lnTo>
                    <a:pt x="2133" y="229"/>
                  </a:lnTo>
                  <a:lnTo>
                    <a:pt x="2135" y="227"/>
                  </a:lnTo>
                  <a:lnTo>
                    <a:pt x="2137" y="227"/>
                  </a:lnTo>
                  <a:lnTo>
                    <a:pt x="2139" y="225"/>
                  </a:lnTo>
                  <a:lnTo>
                    <a:pt x="2141" y="225"/>
                  </a:lnTo>
                  <a:lnTo>
                    <a:pt x="2143" y="225"/>
                  </a:lnTo>
                  <a:lnTo>
                    <a:pt x="2145" y="223"/>
                  </a:lnTo>
                  <a:lnTo>
                    <a:pt x="2146" y="223"/>
                  </a:lnTo>
                  <a:lnTo>
                    <a:pt x="2148" y="223"/>
                  </a:lnTo>
                  <a:lnTo>
                    <a:pt x="2150" y="223"/>
                  </a:lnTo>
                  <a:lnTo>
                    <a:pt x="2152" y="223"/>
                  </a:lnTo>
                  <a:lnTo>
                    <a:pt x="2154" y="223"/>
                  </a:lnTo>
                  <a:lnTo>
                    <a:pt x="2154" y="222"/>
                  </a:lnTo>
                  <a:lnTo>
                    <a:pt x="2156" y="222"/>
                  </a:lnTo>
                  <a:lnTo>
                    <a:pt x="2157" y="222"/>
                  </a:lnTo>
                  <a:lnTo>
                    <a:pt x="2157" y="220"/>
                  </a:lnTo>
                  <a:lnTo>
                    <a:pt x="2159" y="220"/>
                  </a:lnTo>
                  <a:lnTo>
                    <a:pt x="2159" y="218"/>
                  </a:lnTo>
                  <a:lnTo>
                    <a:pt x="2161" y="218"/>
                  </a:lnTo>
                  <a:lnTo>
                    <a:pt x="2161" y="216"/>
                  </a:lnTo>
                  <a:lnTo>
                    <a:pt x="2163" y="216"/>
                  </a:lnTo>
                  <a:lnTo>
                    <a:pt x="2163" y="214"/>
                  </a:lnTo>
                  <a:lnTo>
                    <a:pt x="2163" y="212"/>
                  </a:lnTo>
                  <a:lnTo>
                    <a:pt x="2165" y="212"/>
                  </a:lnTo>
                  <a:lnTo>
                    <a:pt x="2167" y="210"/>
                  </a:lnTo>
                  <a:lnTo>
                    <a:pt x="2169" y="209"/>
                  </a:lnTo>
                  <a:lnTo>
                    <a:pt x="2170" y="207"/>
                  </a:lnTo>
                  <a:lnTo>
                    <a:pt x="2170" y="203"/>
                  </a:lnTo>
                  <a:lnTo>
                    <a:pt x="2172" y="201"/>
                  </a:lnTo>
                  <a:lnTo>
                    <a:pt x="2172" y="199"/>
                  </a:lnTo>
                  <a:lnTo>
                    <a:pt x="2174" y="196"/>
                  </a:lnTo>
                  <a:lnTo>
                    <a:pt x="2176" y="194"/>
                  </a:lnTo>
                  <a:lnTo>
                    <a:pt x="2178" y="192"/>
                  </a:lnTo>
                  <a:lnTo>
                    <a:pt x="2181" y="192"/>
                  </a:lnTo>
                  <a:lnTo>
                    <a:pt x="2183" y="192"/>
                  </a:lnTo>
                  <a:lnTo>
                    <a:pt x="2187" y="192"/>
                  </a:lnTo>
                  <a:lnTo>
                    <a:pt x="2191" y="192"/>
                  </a:lnTo>
                  <a:lnTo>
                    <a:pt x="2194" y="190"/>
                  </a:lnTo>
                  <a:lnTo>
                    <a:pt x="2198" y="190"/>
                  </a:lnTo>
                  <a:lnTo>
                    <a:pt x="2200" y="190"/>
                  </a:lnTo>
                  <a:lnTo>
                    <a:pt x="2202" y="190"/>
                  </a:lnTo>
                  <a:lnTo>
                    <a:pt x="2204" y="190"/>
                  </a:lnTo>
                  <a:lnTo>
                    <a:pt x="2204" y="188"/>
                  </a:lnTo>
                  <a:lnTo>
                    <a:pt x="2206" y="188"/>
                  </a:lnTo>
                  <a:lnTo>
                    <a:pt x="2207" y="186"/>
                  </a:lnTo>
                  <a:lnTo>
                    <a:pt x="2213" y="183"/>
                  </a:lnTo>
                  <a:lnTo>
                    <a:pt x="2217" y="179"/>
                  </a:lnTo>
                  <a:lnTo>
                    <a:pt x="2220" y="175"/>
                  </a:lnTo>
                  <a:lnTo>
                    <a:pt x="2224" y="173"/>
                  </a:lnTo>
                  <a:lnTo>
                    <a:pt x="2224" y="172"/>
                  </a:lnTo>
                  <a:lnTo>
                    <a:pt x="2224" y="168"/>
                  </a:lnTo>
                  <a:lnTo>
                    <a:pt x="2228" y="164"/>
                  </a:lnTo>
                  <a:lnTo>
                    <a:pt x="2228" y="162"/>
                  </a:lnTo>
                  <a:lnTo>
                    <a:pt x="2230" y="160"/>
                  </a:lnTo>
                  <a:lnTo>
                    <a:pt x="2231" y="159"/>
                  </a:lnTo>
                  <a:lnTo>
                    <a:pt x="2233" y="159"/>
                  </a:lnTo>
                  <a:lnTo>
                    <a:pt x="2237" y="155"/>
                  </a:lnTo>
                  <a:lnTo>
                    <a:pt x="2239" y="151"/>
                  </a:lnTo>
                  <a:lnTo>
                    <a:pt x="2241" y="146"/>
                  </a:lnTo>
                  <a:lnTo>
                    <a:pt x="2242" y="146"/>
                  </a:lnTo>
                  <a:lnTo>
                    <a:pt x="2239" y="140"/>
                  </a:lnTo>
                  <a:lnTo>
                    <a:pt x="2237" y="138"/>
                  </a:lnTo>
                  <a:lnTo>
                    <a:pt x="2237" y="131"/>
                  </a:lnTo>
                  <a:lnTo>
                    <a:pt x="2239" y="131"/>
                  </a:lnTo>
                  <a:lnTo>
                    <a:pt x="2237" y="131"/>
                  </a:lnTo>
                  <a:lnTo>
                    <a:pt x="2239" y="129"/>
                  </a:lnTo>
                  <a:lnTo>
                    <a:pt x="2239" y="127"/>
                  </a:lnTo>
                  <a:lnTo>
                    <a:pt x="2241" y="127"/>
                  </a:lnTo>
                  <a:lnTo>
                    <a:pt x="2241" y="125"/>
                  </a:lnTo>
                  <a:lnTo>
                    <a:pt x="2241" y="123"/>
                  </a:lnTo>
                  <a:lnTo>
                    <a:pt x="2239" y="123"/>
                  </a:lnTo>
                  <a:lnTo>
                    <a:pt x="2239" y="122"/>
                  </a:lnTo>
                  <a:lnTo>
                    <a:pt x="2239" y="120"/>
                  </a:lnTo>
                  <a:lnTo>
                    <a:pt x="2239" y="118"/>
                  </a:lnTo>
                  <a:lnTo>
                    <a:pt x="2239" y="116"/>
                  </a:lnTo>
                  <a:lnTo>
                    <a:pt x="2239" y="114"/>
                  </a:lnTo>
                  <a:lnTo>
                    <a:pt x="2237" y="114"/>
                  </a:lnTo>
                  <a:lnTo>
                    <a:pt x="2237" y="112"/>
                  </a:lnTo>
                  <a:lnTo>
                    <a:pt x="2239" y="112"/>
                  </a:lnTo>
                  <a:lnTo>
                    <a:pt x="2237" y="112"/>
                  </a:lnTo>
                  <a:lnTo>
                    <a:pt x="2239" y="112"/>
                  </a:lnTo>
                  <a:lnTo>
                    <a:pt x="2239" y="111"/>
                  </a:lnTo>
                  <a:lnTo>
                    <a:pt x="2239" y="109"/>
                  </a:lnTo>
                  <a:lnTo>
                    <a:pt x="2239" y="107"/>
                  </a:lnTo>
                  <a:lnTo>
                    <a:pt x="2239" y="105"/>
                  </a:lnTo>
                  <a:lnTo>
                    <a:pt x="2241" y="105"/>
                  </a:lnTo>
                  <a:lnTo>
                    <a:pt x="2241" y="103"/>
                  </a:lnTo>
                  <a:lnTo>
                    <a:pt x="2242" y="101"/>
                  </a:lnTo>
                  <a:lnTo>
                    <a:pt x="2242" y="99"/>
                  </a:lnTo>
                  <a:lnTo>
                    <a:pt x="2242" y="98"/>
                  </a:lnTo>
                  <a:lnTo>
                    <a:pt x="2244" y="98"/>
                  </a:lnTo>
                  <a:lnTo>
                    <a:pt x="2244" y="96"/>
                  </a:lnTo>
                  <a:lnTo>
                    <a:pt x="2244" y="94"/>
                  </a:lnTo>
                  <a:lnTo>
                    <a:pt x="2246" y="94"/>
                  </a:lnTo>
                  <a:lnTo>
                    <a:pt x="2246" y="92"/>
                  </a:lnTo>
                  <a:lnTo>
                    <a:pt x="2246" y="90"/>
                  </a:lnTo>
                  <a:lnTo>
                    <a:pt x="2248" y="90"/>
                  </a:lnTo>
                  <a:lnTo>
                    <a:pt x="2246" y="90"/>
                  </a:lnTo>
                  <a:lnTo>
                    <a:pt x="2248" y="88"/>
                  </a:lnTo>
                  <a:lnTo>
                    <a:pt x="2248" y="86"/>
                  </a:lnTo>
                  <a:lnTo>
                    <a:pt x="2248" y="85"/>
                  </a:lnTo>
                  <a:lnTo>
                    <a:pt x="2248" y="83"/>
                  </a:lnTo>
                  <a:lnTo>
                    <a:pt x="2250" y="81"/>
                  </a:lnTo>
                  <a:lnTo>
                    <a:pt x="2250" y="79"/>
                  </a:lnTo>
                  <a:lnTo>
                    <a:pt x="2250" y="77"/>
                  </a:lnTo>
                  <a:lnTo>
                    <a:pt x="2250" y="75"/>
                  </a:lnTo>
                  <a:lnTo>
                    <a:pt x="2250" y="74"/>
                  </a:lnTo>
                  <a:lnTo>
                    <a:pt x="2250" y="72"/>
                  </a:lnTo>
                  <a:lnTo>
                    <a:pt x="2250" y="70"/>
                  </a:lnTo>
                  <a:lnTo>
                    <a:pt x="2250" y="68"/>
                  </a:lnTo>
                  <a:lnTo>
                    <a:pt x="2248" y="68"/>
                  </a:lnTo>
                  <a:lnTo>
                    <a:pt x="2248" y="66"/>
                  </a:lnTo>
                  <a:lnTo>
                    <a:pt x="2248" y="64"/>
                  </a:lnTo>
                  <a:lnTo>
                    <a:pt x="2248" y="62"/>
                  </a:lnTo>
                  <a:lnTo>
                    <a:pt x="2248" y="61"/>
                  </a:lnTo>
                  <a:lnTo>
                    <a:pt x="2246" y="61"/>
                  </a:lnTo>
                  <a:lnTo>
                    <a:pt x="2248" y="61"/>
                  </a:lnTo>
                  <a:lnTo>
                    <a:pt x="2248" y="59"/>
                  </a:lnTo>
                  <a:lnTo>
                    <a:pt x="2248" y="57"/>
                  </a:lnTo>
                  <a:lnTo>
                    <a:pt x="2248" y="55"/>
                  </a:lnTo>
                  <a:lnTo>
                    <a:pt x="2248" y="53"/>
                  </a:lnTo>
                  <a:lnTo>
                    <a:pt x="2248" y="51"/>
                  </a:lnTo>
                  <a:lnTo>
                    <a:pt x="2248" y="49"/>
                  </a:lnTo>
                  <a:lnTo>
                    <a:pt x="2250" y="48"/>
                  </a:lnTo>
                  <a:lnTo>
                    <a:pt x="2250" y="46"/>
                  </a:lnTo>
                  <a:lnTo>
                    <a:pt x="2252" y="46"/>
                  </a:lnTo>
                  <a:lnTo>
                    <a:pt x="2252" y="42"/>
                  </a:lnTo>
                  <a:lnTo>
                    <a:pt x="2252" y="40"/>
                  </a:lnTo>
                  <a:lnTo>
                    <a:pt x="2254" y="42"/>
                  </a:lnTo>
                  <a:lnTo>
                    <a:pt x="2255" y="42"/>
                  </a:lnTo>
                  <a:lnTo>
                    <a:pt x="2257" y="42"/>
                  </a:lnTo>
                  <a:lnTo>
                    <a:pt x="2259" y="40"/>
                  </a:lnTo>
                  <a:lnTo>
                    <a:pt x="2261" y="40"/>
                  </a:lnTo>
                  <a:lnTo>
                    <a:pt x="2263" y="40"/>
                  </a:lnTo>
                  <a:lnTo>
                    <a:pt x="2265" y="38"/>
                  </a:lnTo>
                  <a:lnTo>
                    <a:pt x="2265" y="37"/>
                  </a:lnTo>
                  <a:lnTo>
                    <a:pt x="2267" y="37"/>
                  </a:lnTo>
                  <a:lnTo>
                    <a:pt x="2267" y="35"/>
                  </a:lnTo>
                  <a:lnTo>
                    <a:pt x="2268" y="33"/>
                  </a:lnTo>
                  <a:lnTo>
                    <a:pt x="2268" y="31"/>
                  </a:lnTo>
                  <a:lnTo>
                    <a:pt x="2270" y="31"/>
                  </a:lnTo>
                  <a:lnTo>
                    <a:pt x="2270" y="29"/>
                  </a:lnTo>
                  <a:lnTo>
                    <a:pt x="2272" y="27"/>
                  </a:lnTo>
                  <a:lnTo>
                    <a:pt x="2274" y="25"/>
                  </a:lnTo>
                  <a:lnTo>
                    <a:pt x="2274" y="24"/>
                  </a:lnTo>
                  <a:lnTo>
                    <a:pt x="2274" y="22"/>
                  </a:lnTo>
                  <a:lnTo>
                    <a:pt x="2276" y="22"/>
                  </a:lnTo>
                  <a:lnTo>
                    <a:pt x="2276" y="20"/>
                  </a:lnTo>
                  <a:lnTo>
                    <a:pt x="2278" y="18"/>
                  </a:lnTo>
                  <a:lnTo>
                    <a:pt x="2279" y="18"/>
                  </a:lnTo>
                  <a:lnTo>
                    <a:pt x="2279" y="16"/>
                  </a:lnTo>
                  <a:lnTo>
                    <a:pt x="2281" y="16"/>
                  </a:lnTo>
                  <a:lnTo>
                    <a:pt x="2283" y="16"/>
                  </a:lnTo>
                  <a:lnTo>
                    <a:pt x="2283" y="14"/>
                  </a:lnTo>
                  <a:lnTo>
                    <a:pt x="2283" y="12"/>
                  </a:lnTo>
                  <a:lnTo>
                    <a:pt x="2285" y="9"/>
                  </a:lnTo>
                  <a:lnTo>
                    <a:pt x="2287" y="7"/>
                  </a:lnTo>
                  <a:lnTo>
                    <a:pt x="2287" y="3"/>
                  </a:lnTo>
                  <a:lnTo>
                    <a:pt x="2289" y="0"/>
                  </a:lnTo>
                  <a:lnTo>
                    <a:pt x="2291" y="0"/>
                  </a:lnTo>
                  <a:lnTo>
                    <a:pt x="2292" y="0"/>
                  </a:lnTo>
                  <a:lnTo>
                    <a:pt x="2294" y="0"/>
                  </a:lnTo>
                  <a:lnTo>
                    <a:pt x="2298" y="0"/>
                  </a:lnTo>
                  <a:lnTo>
                    <a:pt x="2300" y="0"/>
                  </a:lnTo>
                  <a:lnTo>
                    <a:pt x="2305" y="1"/>
                  </a:lnTo>
                  <a:lnTo>
                    <a:pt x="2316" y="1"/>
                  </a:lnTo>
                  <a:lnTo>
                    <a:pt x="2316" y="3"/>
                  </a:lnTo>
                  <a:lnTo>
                    <a:pt x="2316" y="5"/>
                  </a:lnTo>
                  <a:lnTo>
                    <a:pt x="2318" y="7"/>
                  </a:lnTo>
                  <a:lnTo>
                    <a:pt x="2318" y="9"/>
                  </a:lnTo>
                  <a:lnTo>
                    <a:pt x="2320" y="11"/>
                  </a:lnTo>
                  <a:lnTo>
                    <a:pt x="2322" y="11"/>
                  </a:lnTo>
                  <a:lnTo>
                    <a:pt x="2320" y="14"/>
                  </a:lnTo>
                  <a:lnTo>
                    <a:pt x="2320" y="18"/>
                  </a:lnTo>
                  <a:lnTo>
                    <a:pt x="2320" y="20"/>
                  </a:lnTo>
                  <a:lnTo>
                    <a:pt x="2320" y="22"/>
                  </a:lnTo>
                  <a:lnTo>
                    <a:pt x="2320" y="27"/>
                  </a:lnTo>
                  <a:lnTo>
                    <a:pt x="2318" y="29"/>
                  </a:lnTo>
                  <a:lnTo>
                    <a:pt x="2318" y="31"/>
                  </a:lnTo>
                  <a:lnTo>
                    <a:pt x="2318" y="33"/>
                  </a:lnTo>
                  <a:lnTo>
                    <a:pt x="2318" y="35"/>
                  </a:lnTo>
                  <a:lnTo>
                    <a:pt x="2316" y="35"/>
                  </a:lnTo>
                  <a:lnTo>
                    <a:pt x="2316" y="37"/>
                  </a:lnTo>
                  <a:lnTo>
                    <a:pt x="2318" y="37"/>
                  </a:lnTo>
                  <a:lnTo>
                    <a:pt x="2318" y="38"/>
                  </a:lnTo>
                  <a:lnTo>
                    <a:pt x="2318" y="40"/>
                  </a:lnTo>
                  <a:lnTo>
                    <a:pt x="2318" y="44"/>
                  </a:lnTo>
                  <a:lnTo>
                    <a:pt x="2318" y="46"/>
                  </a:lnTo>
                  <a:lnTo>
                    <a:pt x="2320" y="48"/>
                  </a:lnTo>
                  <a:lnTo>
                    <a:pt x="2320" y="49"/>
                  </a:lnTo>
                  <a:lnTo>
                    <a:pt x="2320" y="51"/>
                  </a:lnTo>
                  <a:lnTo>
                    <a:pt x="2322" y="53"/>
                  </a:lnTo>
                  <a:lnTo>
                    <a:pt x="2320" y="55"/>
                  </a:lnTo>
                  <a:lnTo>
                    <a:pt x="2320" y="57"/>
                  </a:lnTo>
                  <a:lnTo>
                    <a:pt x="2320" y="59"/>
                  </a:lnTo>
                  <a:lnTo>
                    <a:pt x="2320" y="61"/>
                  </a:lnTo>
                  <a:lnTo>
                    <a:pt x="2320" y="62"/>
                  </a:lnTo>
                  <a:lnTo>
                    <a:pt x="2320" y="64"/>
                  </a:lnTo>
                  <a:lnTo>
                    <a:pt x="2320" y="66"/>
                  </a:lnTo>
                  <a:lnTo>
                    <a:pt x="2320" y="68"/>
                  </a:lnTo>
                  <a:lnTo>
                    <a:pt x="2320" y="70"/>
                  </a:lnTo>
                  <a:lnTo>
                    <a:pt x="2320" y="74"/>
                  </a:lnTo>
                  <a:lnTo>
                    <a:pt x="2320" y="75"/>
                  </a:lnTo>
                  <a:lnTo>
                    <a:pt x="2320" y="77"/>
                  </a:lnTo>
                  <a:lnTo>
                    <a:pt x="2318" y="77"/>
                  </a:lnTo>
                  <a:lnTo>
                    <a:pt x="2316" y="79"/>
                  </a:lnTo>
                  <a:lnTo>
                    <a:pt x="2315" y="83"/>
                  </a:lnTo>
                  <a:lnTo>
                    <a:pt x="2316" y="90"/>
                  </a:lnTo>
                  <a:lnTo>
                    <a:pt x="2315" y="94"/>
                  </a:lnTo>
                  <a:lnTo>
                    <a:pt x="2313" y="96"/>
                  </a:lnTo>
                  <a:lnTo>
                    <a:pt x="2313" y="98"/>
                  </a:lnTo>
                  <a:lnTo>
                    <a:pt x="2311" y="98"/>
                  </a:lnTo>
                  <a:lnTo>
                    <a:pt x="2311" y="99"/>
                  </a:lnTo>
                  <a:lnTo>
                    <a:pt x="2309" y="99"/>
                  </a:lnTo>
                  <a:lnTo>
                    <a:pt x="2307" y="103"/>
                  </a:lnTo>
                  <a:lnTo>
                    <a:pt x="2307" y="105"/>
                  </a:lnTo>
                  <a:lnTo>
                    <a:pt x="2303" y="107"/>
                  </a:lnTo>
                  <a:lnTo>
                    <a:pt x="2302" y="109"/>
                  </a:lnTo>
                  <a:lnTo>
                    <a:pt x="2302" y="111"/>
                  </a:lnTo>
                  <a:lnTo>
                    <a:pt x="2303" y="112"/>
                  </a:lnTo>
                  <a:lnTo>
                    <a:pt x="2305" y="114"/>
                  </a:lnTo>
                  <a:lnTo>
                    <a:pt x="2305" y="116"/>
                  </a:lnTo>
                  <a:lnTo>
                    <a:pt x="2303" y="118"/>
                  </a:lnTo>
                  <a:lnTo>
                    <a:pt x="2305" y="118"/>
                  </a:lnTo>
                  <a:lnTo>
                    <a:pt x="2303" y="120"/>
                  </a:lnTo>
                  <a:lnTo>
                    <a:pt x="2303" y="122"/>
                  </a:lnTo>
                  <a:lnTo>
                    <a:pt x="2303" y="123"/>
                  </a:lnTo>
                  <a:lnTo>
                    <a:pt x="2303" y="125"/>
                  </a:lnTo>
                  <a:lnTo>
                    <a:pt x="2303" y="127"/>
                  </a:lnTo>
                  <a:lnTo>
                    <a:pt x="2303" y="129"/>
                  </a:lnTo>
                  <a:lnTo>
                    <a:pt x="2303" y="131"/>
                  </a:lnTo>
                  <a:lnTo>
                    <a:pt x="2302" y="135"/>
                  </a:lnTo>
                  <a:lnTo>
                    <a:pt x="2302" y="136"/>
                  </a:lnTo>
                  <a:lnTo>
                    <a:pt x="2300" y="138"/>
                  </a:lnTo>
                  <a:lnTo>
                    <a:pt x="2302" y="138"/>
                  </a:lnTo>
                  <a:lnTo>
                    <a:pt x="2303" y="140"/>
                  </a:lnTo>
                  <a:lnTo>
                    <a:pt x="2303" y="142"/>
                  </a:lnTo>
                  <a:lnTo>
                    <a:pt x="2303" y="144"/>
                  </a:lnTo>
                  <a:lnTo>
                    <a:pt x="2307" y="149"/>
                  </a:lnTo>
                  <a:lnTo>
                    <a:pt x="2307" y="151"/>
                  </a:lnTo>
                  <a:lnTo>
                    <a:pt x="2305" y="151"/>
                  </a:lnTo>
                  <a:lnTo>
                    <a:pt x="2305" y="155"/>
                  </a:lnTo>
                  <a:lnTo>
                    <a:pt x="2309" y="159"/>
                  </a:lnTo>
                  <a:lnTo>
                    <a:pt x="2313" y="164"/>
                  </a:lnTo>
                  <a:lnTo>
                    <a:pt x="2315" y="166"/>
                  </a:lnTo>
                  <a:lnTo>
                    <a:pt x="2316" y="168"/>
                  </a:lnTo>
                  <a:lnTo>
                    <a:pt x="2320" y="177"/>
                  </a:lnTo>
                  <a:lnTo>
                    <a:pt x="2320" y="179"/>
                  </a:lnTo>
                  <a:lnTo>
                    <a:pt x="2320" y="183"/>
                  </a:lnTo>
                  <a:lnTo>
                    <a:pt x="2320" y="185"/>
                  </a:lnTo>
                  <a:lnTo>
                    <a:pt x="2322" y="185"/>
                  </a:lnTo>
                  <a:lnTo>
                    <a:pt x="2322" y="186"/>
                  </a:lnTo>
                  <a:lnTo>
                    <a:pt x="2322" y="188"/>
                  </a:lnTo>
                  <a:lnTo>
                    <a:pt x="2324" y="188"/>
                  </a:lnTo>
                  <a:lnTo>
                    <a:pt x="2326" y="190"/>
                  </a:lnTo>
                  <a:lnTo>
                    <a:pt x="2326" y="197"/>
                  </a:lnTo>
                  <a:lnTo>
                    <a:pt x="2326" y="201"/>
                  </a:lnTo>
                  <a:lnTo>
                    <a:pt x="2326" y="203"/>
                  </a:lnTo>
                  <a:lnTo>
                    <a:pt x="2326" y="205"/>
                  </a:lnTo>
                  <a:lnTo>
                    <a:pt x="2328" y="207"/>
                  </a:lnTo>
                  <a:lnTo>
                    <a:pt x="2328" y="209"/>
                  </a:lnTo>
                  <a:lnTo>
                    <a:pt x="2329" y="209"/>
                  </a:lnTo>
                  <a:lnTo>
                    <a:pt x="2329" y="210"/>
                  </a:lnTo>
                  <a:lnTo>
                    <a:pt x="2329" y="212"/>
                  </a:lnTo>
                  <a:lnTo>
                    <a:pt x="2329" y="214"/>
                  </a:lnTo>
                  <a:lnTo>
                    <a:pt x="2329" y="216"/>
                  </a:lnTo>
                  <a:lnTo>
                    <a:pt x="2331" y="216"/>
                  </a:lnTo>
                  <a:lnTo>
                    <a:pt x="2331" y="218"/>
                  </a:lnTo>
                  <a:lnTo>
                    <a:pt x="2333" y="220"/>
                  </a:lnTo>
                  <a:lnTo>
                    <a:pt x="2333" y="222"/>
                  </a:lnTo>
                  <a:lnTo>
                    <a:pt x="2333" y="223"/>
                  </a:lnTo>
                  <a:lnTo>
                    <a:pt x="2335" y="223"/>
                  </a:lnTo>
                  <a:lnTo>
                    <a:pt x="2337" y="223"/>
                  </a:lnTo>
                  <a:lnTo>
                    <a:pt x="2339" y="225"/>
                  </a:lnTo>
                  <a:lnTo>
                    <a:pt x="2340" y="225"/>
                  </a:lnTo>
                  <a:lnTo>
                    <a:pt x="2340" y="227"/>
                  </a:lnTo>
                  <a:lnTo>
                    <a:pt x="2342" y="231"/>
                  </a:lnTo>
                  <a:lnTo>
                    <a:pt x="2344" y="231"/>
                  </a:lnTo>
                  <a:lnTo>
                    <a:pt x="2346" y="231"/>
                  </a:lnTo>
                  <a:lnTo>
                    <a:pt x="2348" y="231"/>
                  </a:lnTo>
                  <a:lnTo>
                    <a:pt x="2350" y="231"/>
                  </a:lnTo>
                  <a:lnTo>
                    <a:pt x="2352" y="231"/>
                  </a:lnTo>
                  <a:lnTo>
                    <a:pt x="2352" y="233"/>
                  </a:lnTo>
                  <a:lnTo>
                    <a:pt x="2353" y="233"/>
                  </a:lnTo>
                  <a:lnTo>
                    <a:pt x="2353" y="234"/>
                  </a:lnTo>
                  <a:lnTo>
                    <a:pt x="2355" y="234"/>
                  </a:lnTo>
                  <a:lnTo>
                    <a:pt x="2355" y="236"/>
                  </a:lnTo>
                  <a:lnTo>
                    <a:pt x="2357" y="234"/>
                  </a:lnTo>
                  <a:lnTo>
                    <a:pt x="2357" y="236"/>
                  </a:lnTo>
                  <a:lnTo>
                    <a:pt x="2359" y="238"/>
                  </a:lnTo>
                  <a:lnTo>
                    <a:pt x="2359" y="236"/>
                  </a:lnTo>
                  <a:lnTo>
                    <a:pt x="2361" y="236"/>
                  </a:lnTo>
                  <a:lnTo>
                    <a:pt x="2361" y="238"/>
                  </a:lnTo>
                  <a:lnTo>
                    <a:pt x="2363" y="240"/>
                  </a:lnTo>
                  <a:lnTo>
                    <a:pt x="2364" y="240"/>
                  </a:lnTo>
                  <a:lnTo>
                    <a:pt x="2366" y="240"/>
                  </a:lnTo>
                  <a:lnTo>
                    <a:pt x="2368" y="240"/>
                  </a:lnTo>
                  <a:lnTo>
                    <a:pt x="2368" y="242"/>
                  </a:lnTo>
                  <a:lnTo>
                    <a:pt x="2370" y="242"/>
                  </a:lnTo>
                  <a:lnTo>
                    <a:pt x="2372" y="242"/>
                  </a:lnTo>
                  <a:lnTo>
                    <a:pt x="2374" y="242"/>
                  </a:lnTo>
                  <a:lnTo>
                    <a:pt x="2374" y="244"/>
                  </a:lnTo>
                  <a:lnTo>
                    <a:pt x="2376" y="244"/>
                  </a:lnTo>
                  <a:lnTo>
                    <a:pt x="2377" y="242"/>
                  </a:lnTo>
                  <a:lnTo>
                    <a:pt x="2379" y="242"/>
                  </a:lnTo>
                  <a:lnTo>
                    <a:pt x="2381" y="240"/>
                  </a:lnTo>
                  <a:lnTo>
                    <a:pt x="2383" y="240"/>
                  </a:lnTo>
                  <a:lnTo>
                    <a:pt x="2383" y="238"/>
                  </a:lnTo>
                  <a:lnTo>
                    <a:pt x="2385" y="238"/>
                  </a:lnTo>
                  <a:lnTo>
                    <a:pt x="2385" y="240"/>
                  </a:lnTo>
                  <a:lnTo>
                    <a:pt x="2387" y="240"/>
                  </a:lnTo>
                  <a:lnTo>
                    <a:pt x="2387" y="242"/>
                  </a:lnTo>
                  <a:lnTo>
                    <a:pt x="2389" y="242"/>
                  </a:lnTo>
                  <a:lnTo>
                    <a:pt x="2389" y="244"/>
                  </a:lnTo>
                  <a:lnTo>
                    <a:pt x="2390" y="244"/>
                  </a:lnTo>
                  <a:lnTo>
                    <a:pt x="2392" y="246"/>
                  </a:lnTo>
                  <a:lnTo>
                    <a:pt x="2392" y="247"/>
                  </a:lnTo>
                  <a:lnTo>
                    <a:pt x="2394" y="247"/>
                  </a:lnTo>
                  <a:lnTo>
                    <a:pt x="2394" y="249"/>
                  </a:lnTo>
                  <a:lnTo>
                    <a:pt x="2394" y="251"/>
                  </a:lnTo>
                  <a:lnTo>
                    <a:pt x="2396" y="251"/>
                  </a:lnTo>
                  <a:lnTo>
                    <a:pt x="2396" y="253"/>
                  </a:lnTo>
                  <a:lnTo>
                    <a:pt x="2400" y="255"/>
                  </a:lnTo>
                  <a:lnTo>
                    <a:pt x="2401" y="255"/>
                  </a:lnTo>
                  <a:lnTo>
                    <a:pt x="2403" y="255"/>
                  </a:lnTo>
                  <a:lnTo>
                    <a:pt x="2401" y="255"/>
                  </a:lnTo>
                  <a:lnTo>
                    <a:pt x="2401" y="257"/>
                  </a:lnTo>
                  <a:lnTo>
                    <a:pt x="2403" y="257"/>
                  </a:lnTo>
                  <a:lnTo>
                    <a:pt x="2403" y="258"/>
                  </a:lnTo>
                  <a:lnTo>
                    <a:pt x="2403" y="260"/>
                  </a:lnTo>
                  <a:lnTo>
                    <a:pt x="2401" y="260"/>
                  </a:lnTo>
                  <a:lnTo>
                    <a:pt x="2401" y="262"/>
                  </a:lnTo>
                  <a:lnTo>
                    <a:pt x="2400" y="262"/>
                  </a:lnTo>
                  <a:lnTo>
                    <a:pt x="2398" y="262"/>
                  </a:lnTo>
                  <a:lnTo>
                    <a:pt x="2398" y="264"/>
                  </a:lnTo>
                  <a:lnTo>
                    <a:pt x="2396" y="264"/>
                  </a:lnTo>
                  <a:lnTo>
                    <a:pt x="2396" y="266"/>
                  </a:lnTo>
                  <a:lnTo>
                    <a:pt x="2394" y="266"/>
                  </a:lnTo>
                  <a:lnTo>
                    <a:pt x="2394" y="268"/>
                  </a:lnTo>
                  <a:lnTo>
                    <a:pt x="2392" y="270"/>
                  </a:lnTo>
                  <a:lnTo>
                    <a:pt x="2394" y="270"/>
                  </a:lnTo>
                  <a:lnTo>
                    <a:pt x="2392" y="271"/>
                  </a:lnTo>
                  <a:lnTo>
                    <a:pt x="2392" y="273"/>
                  </a:lnTo>
                  <a:lnTo>
                    <a:pt x="2390" y="273"/>
                  </a:lnTo>
                  <a:lnTo>
                    <a:pt x="2389" y="273"/>
                  </a:lnTo>
                  <a:lnTo>
                    <a:pt x="2389" y="275"/>
                  </a:lnTo>
                  <a:lnTo>
                    <a:pt x="2387" y="275"/>
                  </a:lnTo>
                  <a:lnTo>
                    <a:pt x="2387" y="277"/>
                  </a:lnTo>
                  <a:lnTo>
                    <a:pt x="2385" y="279"/>
                  </a:lnTo>
                  <a:lnTo>
                    <a:pt x="2383" y="281"/>
                  </a:lnTo>
                  <a:lnTo>
                    <a:pt x="2381" y="283"/>
                  </a:lnTo>
                  <a:lnTo>
                    <a:pt x="2381" y="284"/>
                  </a:lnTo>
                  <a:lnTo>
                    <a:pt x="2379" y="286"/>
                  </a:lnTo>
                  <a:lnTo>
                    <a:pt x="2379" y="288"/>
                  </a:lnTo>
                  <a:lnTo>
                    <a:pt x="2372" y="295"/>
                  </a:lnTo>
                  <a:lnTo>
                    <a:pt x="2370" y="295"/>
                  </a:lnTo>
                  <a:lnTo>
                    <a:pt x="2368" y="295"/>
                  </a:lnTo>
                  <a:lnTo>
                    <a:pt x="2366" y="295"/>
                  </a:lnTo>
                  <a:lnTo>
                    <a:pt x="2363" y="305"/>
                  </a:lnTo>
                  <a:lnTo>
                    <a:pt x="2359" y="312"/>
                  </a:lnTo>
                  <a:lnTo>
                    <a:pt x="2359" y="314"/>
                  </a:lnTo>
                  <a:lnTo>
                    <a:pt x="2359" y="316"/>
                  </a:lnTo>
                  <a:lnTo>
                    <a:pt x="2357" y="316"/>
                  </a:lnTo>
                  <a:lnTo>
                    <a:pt x="2357" y="318"/>
                  </a:lnTo>
                  <a:lnTo>
                    <a:pt x="2355" y="320"/>
                  </a:lnTo>
                  <a:lnTo>
                    <a:pt x="2355" y="321"/>
                  </a:lnTo>
                  <a:lnTo>
                    <a:pt x="2353" y="321"/>
                  </a:lnTo>
                  <a:lnTo>
                    <a:pt x="2352" y="320"/>
                  </a:lnTo>
                  <a:lnTo>
                    <a:pt x="2350" y="320"/>
                  </a:lnTo>
                  <a:lnTo>
                    <a:pt x="2348" y="320"/>
                  </a:lnTo>
                  <a:lnTo>
                    <a:pt x="2346" y="320"/>
                  </a:lnTo>
                  <a:lnTo>
                    <a:pt x="2344" y="318"/>
                  </a:lnTo>
                  <a:lnTo>
                    <a:pt x="2342" y="318"/>
                  </a:lnTo>
                  <a:lnTo>
                    <a:pt x="2340" y="318"/>
                  </a:lnTo>
                  <a:lnTo>
                    <a:pt x="2339" y="318"/>
                  </a:lnTo>
                  <a:lnTo>
                    <a:pt x="2339" y="320"/>
                  </a:lnTo>
                  <a:lnTo>
                    <a:pt x="2337" y="320"/>
                  </a:lnTo>
                  <a:lnTo>
                    <a:pt x="2337" y="321"/>
                  </a:lnTo>
                  <a:lnTo>
                    <a:pt x="2335" y="321"/>
                  </a:lnTo>
                  <a:lnTo>
                    <a:pt x="2333" y="321"/>
                  </a:lnTo>
                  <a:lnTo>
                    <a:pt x="2333" y="323"/>
                  </a:lnTo>
                  <a:lnTo>
                    <a:pt x="2331" y="323"/>
                  </a:lnTo>
                  <a:lnTo>
                    <a:pt x="2329" y="323"/>
                  </a:lnTo>
                  <a:lnTo>
                    <a:pt x="2328" y="323"/>
                  </a:lnTo>
                  <a:lnTo>
                    <a:pt x="2326" y="325"/>
                  </a:lnTo>
                  <a:lnTo>
                    <a:pt x="2324" y="327"/>
                  </a:lnTo>
                  <a:lnTo>
                    <a:pt x="2322" y="327"/>
                  </a:lnTo>
                  <a:lnTo>
                    <a:pt x="2320" y="327"/>
                  </a:lnTo>
                  <a:lnTo>
                    <a:pt x="2318" y="327"/>
                  </a:lnTo>
                  <a:lnTo>
                    <a:pt x="2318" y="325"/>
                  </a:lnTo>
                  <a:lnTo>
                    <a:pt x="2316" y="325"/>
                  </a:lnTo>
                  <a:lnTo>
                    <a:pt x="2315" y="323"/>
                  </a:lnTo>
                  <a:lnTo>
                    <a:pt x="2313" y="323"/>
                  </a:lnTo>
                  <a:lnTo>
                    <a:pt x="2311" y="325"/>
                  </a:lnTo>
                  <a:lnTo>
                    <a:pt x="2311" y="327"/>
                  </a:lnTo>
                  <a:lnTo>
                    <a:pt x="2309" y="327"/>
                  </a:lnTo>
                  <a:lnTo>
                    <a:pt x="2307" y="327"/>
                  </a:lnTo>
                  <a:lnTo>
                    <a:pt x="2305" y="327"/>
                  </a:lnTo>
                  <a:lnTo>
                    <a:pt x="2303" y="327"/>
                  </a:lnTo>
                  <a:lnTo>
                    <a:pt x="2300" y="327"/>
                  </a:lnTo>
                  <a:lnTo>
                    <a:pt x="2298" y="329"/>
                  </a:lnTo>
                  <a:lnTo>
                    <a:pt x="2298" y="327"/>
                  </a:lnTo>
                  <a:lnTo>
                    <a:pt x="2296" y="329"/>
                  </a:lnTo>
                  <a:lnTo>
                    <a:pt x="2296" y="327"/>
                  </a:lnTo>
                  <a:lnTo>
                    <a:pt x="2294" y="327"/>
                  </a:lnTo>
                  <a:lnTo>
                    <a:pt x="2292" y="325"/>
                  </a:lnTo>
                  <a:lnTo>
                    <a:pt x="2289" y="325"/>
                  </a:lnTo>
                  <a:lnTo>
                    <a:pt x="2287" y="325"/>
                  </a:lnTo>
                  <a:lnTo>
                    <a:pt x="2285" y="323"/>
                  </a:lnTo>
                  <a:lnTo>
                    <a:pt x="2283" y="323"/>
                  </a:lnTo>
                  <a:lnTo>
                    <a:pt x="2283" y="325"/>
                  </a:lnTo>
                  <a:lnTo>
                    <a:pt x="2283" y="327"/>
                  </a:lnTo>
                  <a:lnTo>
                    <a:pt x="2283" y="329"/>
                  </a:lnTo>
                  <a:lnTo>
                    <a:pt x="2283" y="331"/>
                  </a:lnTo>
                  <a:lnTo>
                    <a:pt x="2285" y="336"/>
                  </a:lnTo>
                  <a:lnTo>
                    <a:pt x="2287" y="340"/>
                  </a:lnTo>
                  <a:lnTo>
                    <a:pt x="2287" y="342"/>
                  </a:lnTo>
                  <a:lnTo>
                    <a:pt x="2287" y="344"/>
                  </a:lnTo>
                  <a:lnTo>
                    <a:pt x="2287" y="345"/>
                  </a:lnTo>
                  <a:lnTo>
                    <a:pt x="2285" y="347"/>
                  </a:lnTo>
                  <a:lnTo>
                    <a:pt x="2283" y="347"/>
                  </a:lnTo>
                  <a:lnTo>
                    <a:pt x="2283" y="349"/>
                  </a:lnTo>
                  <a:lnTo>
                    <a:pt x="2281" y="349"/>
                  </a:lnTo>
                  <a:lnTo>
                    <a:pt x="2281" y="351"/>
                  </a:lnTo>
                  <a:lnTo>
                    <a:pt x="2281" y="353"/>
                  </a:lnTo>
                  <a:lnTo>
                    <a:pt x="2281" y="355"/>
                  </a:lnTo>
                  <a:lnTo>
                    <a:pt x="2279" y="355"/>
                  </a:lnTo>
                  <a:lnTo>
                    <a:pt x="2279" y="357"/>
                  </a:lnTo>
                  <a:lnTo>
                    <a:pt x="2278" y="357"/>
                  </a:lnTo>
                  <a:lnTo>
                    <a:pt x="2278" y="358"/>
                  </a:lnTo>
                  <a:lnTo>
                    <a:pt x="2278" y="360"/>
                  </a:lnTo>
                  <a:lnTo>
                    <a:pt x="2276" y="360"/>
                  </a:lnTo>
                  <a:lnTo>
                    <a:pt x="2276" y="362"/>
                  </a:lnTo>
                  <a:lnTo>
                    <a:pt x="2278" y="364"/>
                  </a:lnTo>
                  <a:lnTo>
                    <a:pt x="2278" y="366"/>
                  </a:lnTo>
                  <a:lnTo>
                    <a:pt x="2279" y="368"/>
                  </a:lnTo>
                  <a:lnTo>
                    <a:pt x="2279" y="369"/>
                  </a:lnTo>
                  <a:lnTo>
                    <a:pt x="2279" y="371"/>
                  </a:lnTo>
                  <a:lnTo>
                    <a:pt x="2281" y="373"/>
                  </a:lnTo>
                  <a:lnTo>
                    <a:pt x="2281" y="375"/>
                  </a:lnTo>
                  <a:lnTo>
                    <a:pt x="2283" y="375"/>
                  </a:lnTo>
                  <a:lnTo>
                    <a:pt x="2283" y="377"/>
                  </a:lnTo>
                  <a:lnTo>
                    <a:pt x="2285" y="379"/>
                  </a:lnTo>
                  <a:lnTo>
                    <a:pt x="2283" y="379"/>
                  </a:lnTo>
                  <a:lnTo>
                    <a:pt x="2281" y="379"/>
                  </a:lnTo>
                  <a:lnTo>
                    <a:pt x="2279" y="379"/>
                  </a:lnTo>
                  <a:lnTo>
                    <a:pt x="2278" y="381"/>
                  </a:lnTo>
                  <a:lnTo>
                    <a:pt x="2276" y="382"/>
                  </a:lnTo>
                  <a:lnTo>
                    <a:pt x="2274" y="382"/>
                  </a:lnTo>
                  <a:lnTo>
                    <a:pt x="2276" y="384"/>
                  </a:lnTo>
                  <a:lnTo>
                    <a:pt x="2276" y="386"/>
                  </a:lnTo>
                  <a:lnTo>
                    <a:pt x="2276" y="388"/>
                  </a:lnTo>
                  <a:lnTo>
                    <a:pt x="2276" y="390"/>
                  </a:lnTo>
                  <a:lnTo>
                    <a:pt x="2274" y="392"/>
                  </a:lnTo>
                  <a:lnTo>
                    <a:pt x="2272" y="394"/>
                  </a:lnTo>
                  <a:lnTo>
                    <a:pt x="2270" y="394"/>
                  </a:lnTo>
                  <a:lnTo>
                    <a:pt x="2270" y="395"/>
                  </a:lnTo>
                  <a:lnTo>
                    <a:pt x="2272" y="401"/>
                  </a:lnTo>
                  <a:lnTo>
                    <a:pt x="2272" y="403"/>
                  </a:lnTo>
                  <a:lnTo>
                    <a:pt x="2272" y="405"/>
                  </a:lnTo>
                  <a:lnTo>
                    <a:pt x="2272" y="406"/>
                  </a:lnTo>
                  <a:lnTo>
                    <a:pt x="2274" y="410"/>
                  </a:lnTo>
                  <a:lnTo>
                    <a:pt x="2272" y="412"/>
                  </a:lnTo>
                  <a:lnTo>
                    <a:pt x="2270" y="412"/>
                  </a:lnTo>
                  <a:lnTo>
                    <a:pt x="2270" y="414"/>
                  </a:lnTo>
                  <a:lnTo>
                    <a:pt x="2268" y="414"/>
                  </a:lnTo>
                  <a:lnTo>
                    <a:pt x="2267" y="414"/>
                  </a:lnTo>
                  <a:lnTo>
                    <a:pt x="2265" y="414"/>
                  </a:lnTo>
                  <a:lnTo>
                    <a:pt x="2265" y="412"/>
                  </a:lnTo>
                  <a:lnTo>
                    <a:pt x="2265" y="414"/>
                  </a:lnTo>
                  <a:lnTo>
                    <a:pt x="2265" y="412"/>
                  </a:lnTo>
                  <a:lnTo>
                    <a:pt x="2263" y="412"/>
                  </a:lnTo>
                  <a:lnTo>
                    <a:pt x="2263" y="410"/>
                  </a:lnTo>
                  <a:lnTo>
                    <a:pt x="2263" y="412"/>
                  </a:lnTo>
                  <a:lnTo>
                    <a:pt x="2263" y="410"/>
                  </a:lnTo>
                  <a:lnTo>
                    <a:pt x="2261" y="410"/>
                  </a:lnTo>
                  <a:lnTo>
                    <a:pt x="2261" y="408"/>
                  </a:lnTo>
                  <a:lnTo>
                    <a:pt x="2257" y="410"/>
                  </a:lnTo>
                  <a:lnTo>
                    <a:pt x="2248" y="412"/>
                  </a:lnTo>
                  <a:lnTo>
                    <a:pt x="2239" y="418"/>
                  </a:lnTo>
                  <a:lnTo>
                    <a:pt x="2237" y="419"/>
                  </a:lnTo>
                  <a:lnTo>
                    <a:pt x="2235" y="419"/>
                  </a:lnTo>
                  <a:lnTo>
                    <a:pt x="2235" y="421"/>
                  </a:lnTo>
                  <a:lnTo>
                    <a:pt x="2233" y="421"/>
                  </a:lnTo>
                  <a:lnTo>
                    <a:pt x="2233" y="423"/>
                  </a:lnTo>
                  <a:lnTo>
                    <a:pt x="2231" y="423"/>
                  </a:lnTo>
                  <a:lnTo>
                    <a:pt x="2231" y="425"/>
                  </a:lnTo>
                  <a:lnTo>
                    <a:pt x="2231" y="427"/>
                  </a:lnTo>
                  <a:lnTo>
                    <a:pt x="2230" y="427"/>
                  </a:lnTo>
                  <a:lnTo>
                    <a:pt x="2230" y="429"/>
                  </a:lnTo>
                  <a:lnTo>
                    <a:pt x="2230" y="431"/>
                  </a:lnTo>
                  <a:lnTo>
                    <a:pt x="2230" y="432"/>
                  </a:lnTo>
                  <a:lnTo>
                    <a:pt x="2228" y="432"/>
                  </a:lnTo>
                  <a:lnTo>
                    <a:pt x="2230" y="432"/>
                  </a:lnTo>
                  <a:lnTo>
                    <a:pt x="2228" y="432"/>
                  </a:lnTo>
                  <a:lnTo>
                    <a:pt x="2226" y="432"/>
                  </a:lnTo>
                  <a:lnTo>
                    <a:pt x="2226" y="434"/>
                  </a:lnTo>
                  <a:lnTo>
                    <a:pt x="2224" y="434"/>
                  </a:lnTo>
                  <a:lnTo>
                    <a:pt x="2224" y="436"/>
                  </a:lnTo>
                  <a:lnTo>
                    <a:pt x="2222" y="436"/>
                  </a:lnTo>
                  <a:lnTo>
                    <a:pt x="2222" y="438"/>
                  </a:lnTo>
                  <a:lnTo>
                    <a:pt x="2220" y="438"/>
                  </a:lnTo>
                  <a:lnTo>
                    <a:pt x="2220" y="440"/>
                  </a:lnTo>
                  <a:lnTo>
                    <a:pt x="2218" y="440"/>
                  </a:lnTo>
                  <a:lnTo>
                    <a:pt x="2218" y="442"/>
                  </a:lnTo>
                  <a:lnTo>
                    <a:pt x="2217" y="442"/>
                  </a:lnTo>
                  <a:lnTo>
                    <a:pt x="2215" y="443"/>
                  </a:lnTo>
                  <a:lnTo>
                    <a:pt x="2215" y="445"/>
                  </a:lnTo>
                  <a:lnTo>
                    <a:pt x="2213" y="445"/>
                  </a:lnTo>
                  <a:lnTo>
                    <a:pt x="2213" y="447"/>
                  </a:lnTo>
                  <a:lnTo>
                    <a:pt x="2211" y="447"/>
                  </a:lnTo>
                  <a:lnTo>
                    <a:pt x="2213" y="447"/>
                  </a:lnTo>
                  <a:lnTo>
                    <a:pt x="2211" y="447"/>
                  </a:lnTo>
                  <a:lnTo>
                    <a:pt x="2211" y="449"/>
                  </a:lnTo>
                  <a:lnTo>
                    <a:pt x="2209" y="451"/>
                  </a:lnTo>
                  <a:lnTo>
                    <a:pt x="2207" y="453"/>
                  </a:lnTo>
                  <a:lnTo>
                    <a:pt x="2206" y="453"/>
                  </a:lnTo>
                  <a:lnTo>
                    <a:pt x="2206" y="455"/>
                  </a:lnTo>
                  <a:lnTo>
                    <a:pt x="2204" y="455"/>
                  </a:lnTo>
                  <a:lnTo>
                    <a:pt x="2204" y="456"/>
                  </a:lnTo>
                  <a:lnTo>
                    <a:pt x="2202" y="456"/>
                  </a:lnTo>
                  <a:lnTo>
                    <a:pt x="2200" y="456"/>
                  </a:lnTo>
                  <a:lnTo>
                    <a:pt x="2198" y="458"/>
                  </a:lnTo>
                  <a:lnTo>
                    <a:pt x="2198" y="460"/>
                  </a:lnTo>
                  <a:lnTo>
                    <a:pt x="2196" y="460"/>
                  </a:lnTo>
                  <a:lnTo>
                    <a:pt x="2194" y="460"/>
                  </a:lnTo>
                  <a:lnTo>
                    <a:pt x="2194" y="462"/>
                  </a:lnTo>
                  <a:lnTo>
                    <a:pt x="2193" y="462"/>
                  </a:lnTo>
                  <a:lnTo>
                    <a:pt x="2193" y="464"/>
                  </a:lnTo>
                  <a:lnTo>
                    <a:pt x="2191" y="464"/>
                  </a:lnTo>
                  <a:lnTo>
                    <a:pt x="2191" y="466"/>
                  </a:lnTo>
                  <a:lnTo>
                    <a:pt x="2189" y="466"/>
                  </a:lnTo>
                  <a:lnTo>
                    <a:pt x="2187" y="466"/>
                  </a:lnTo>
                  <a:lnTo>
                    <a:pt x="2183" y="468"/>
                  </a:lnTo>
                  <a:lnTo>
                    <a:pt x="2180" y="469"/>
                  </a:lnTo>
                  <a:lnTo>
                    <a:pt x="2176" y="469"/>
                  </a:lnTo>
                  <a:lnTo>
                    <a:pt x="2174" y="469"/>
                  </a:lnTo>
                  <a:lnTo>
                    <a:pt x="2170" y="469"/>
                  </a:lnTo>
                  <a:lnTo>
                    <a:pt x="2169" y="469"/>
                  </a:lnTo>
                  <a:lnTo>
                    <a:pt x="2169" y="468"/>
                  </a:lnTo>
                  <a:lnTo>
                    <a:pt x="2167" y="466"/>
                  </a:lnTo>
                  <a:lnTo>
                    <a:pt x="2165" y="466"/>
                  </a:lnTo>
                  <a:lnTo>
                    <a:pt x="2165" y="468"/>
                  </a:lnTo>
                  <a:lnTo>
                    <a:pt x="2163" y="468"/>
                  </a:lnTo>
                  <a:lnTo>
                    <a:pt x="2163" y="469"/>
                  </a:lnTo>
                  <a:lnTo>
                    <a:pt x="2161" y="469"/>
                  </a:lnTo>
                  <a:lnTo>
                    <a:pt x="2161" y="471"/>
                  </a:lnTo>
                  <a:lnTo>
                    <a:pt x="2159" y="473"/>
                  </a:lnTo>
                  <a:lnTo>
                    <a:pt x="2159" y="475"/>
                  </a:lnTo>
                  <a:lnTo>
                    <a:pt x="2159" y="477"/>
                  </a:lnTo>
                  <a:lnTo>
                    <a:pt x="2157" y="477"/>
                  </a:lnTo>
                  <a:lnTo>
                    <a:pt x="2157" y="479"/>
                  </a:lnTo>
                  <a:lnTo>
                    <a:pt x="2157" y="480"/>
                  </a:lnTo>
                  <a:lnTo>
                    <a:pt x="2156" y="480"/>
                  </a:lnTo>
                  <a:lnTo>
                    <a:pt x="2154" y="482"/>
                  </a:lnTo>
                  <a:lnTo>
                    <a:pt x="2156" y="482"/>
                  </a:lnTo>
                  <a:lnTo>
                    <a:pt x="2154" y="482"/>
                  </a:lnTo>
                  <a:lnTo>
                    <a:pt x="2154" y="484"/>
                  </a:lnTo>
                  <a:lnTo>
                    <a:pt x="2156" y="484"/>
                  </a:lnTo>
                  <a:lnTo>
                    <a:pt x="2154" y="484"/>
                  </a:lnTo>
                  <a:lnTo>
                    <a:pt x="2154" y="486"/>
                  </a:lnTo>
                  <a:lnTo>
                    <a:pt x="2154" y="488"/>
                  </a:lnTo>
                  <a:lnTo>
                    <a:pt x="2154" y="490"/>
                  </a:lnTo>
                  <a:lnTo>
                    <a:pt x="2152" y="490"/>
                  </a:lnTo>
                  <a:lnTo>
                    <a:pt x="2152" y="492"/>
                  </a:lnTo>
                  <a:lnTo>
                    <a:pt x="2150" y="493"/>
                  </a:lnTo>
                  <a:lnTo>
                    <a:pt x="2148" y="493"/>
                  </a:lnTo>
                  <a:lnTo>
                    <a:pt x="2148" y="495"/>
                  </a:lnTo>
                  <a:lnTo>
                    <a:pt x="2146" y="495"/>
                  </a:lnTo>
                  <a:lnTo>
                    <a:pt x="2145" y="497"/>
                  </a:lnTo>
                  <a:lnTo>
                    <a:pt x="2143" y="499"/>
                  </a:lnTo>
                  <a:lnTo>
                    <a:pt x="2143" y="501"/>
                  </a:lnTo>
                  <a:lnTo>
                    <a:pt x="2141" y="501"/>
                  </a:lnTo>
                  <a:lnTo>
                    <a:pt x="2141" y="503"/>
                  </a:lnTo>
                  <a:lnTo>
                    <a:pt x="2143" y="503"/>
                  </a:lnTo>
                  <a:lnTo>
                    <a:pt x="2145" y="505"/>
                  </a:lnTo>
                  <a:lnTo>
                    <a:pt x="2146" y="505"/>
                  </a:lnTo>
                  <a:lnTo>
                    <a:pt x="2146" y="506"/>
                  </a:lnTo>
                  <a:lnTo>
                    <a:pt x="2146" y="508"/>
                  </a:lnTo>
                  <a:lnTo>
                    <a:pt x="2148" y="508"/>
                  </a:lnTo>
                  <a:lnTo>
                    <a:pt x="2150" y="508"/>
                  </a:lnTo>
                  <a:lnTo>
                    <a:pt x="2152" y="508"/>
                  </a:lnTo>
                  <a:lnTo>
                    <a:pt x="2154" y="508"/>
                  </a:lnTo>
                  <a:lnTo>
                    <a:pt x="2156" y="508"/>
                  </a:lnTo>
                  <a:lnTo>
                    <a:pt x="2156" y="510"/>
                  </a:lnTo>
                  <a:lnTo>
                    <a:pt x="2157" y="510"/>
                  </a:lnTo>
                  <a:lnTo>
                    <a:pt x="2157" y="512"/>
                  </a:lnTo>
                  <a:lnTo>
                    <a:pt x="2159" y="512"/>
                  </a:lnTo>
                  <a:lnTo>
                    <a:pt x="2161" y="514"/>
                  </a:lnTo>
                  <a:lnTo>
                    <a:pt x="2163" y="514"/>
                  </a:lnTo>
                  <a:lnTo>
                    <a:pt x="2165" y="514"/>
                  </a:lnTo>
                  <a:lnTo>
                    <a:pt x="2167" y="514"/>
                  </a:lnTo>
                  <a:lnTo>
                    <a:pt x="2167" y="512"/>
                  </a:lnTo>
                  <a:lnTo>
                    <a:pt x="2169" y="512"/>
                  </a:lnTo>
                  <a:lnTo>
                    <a:pt x="2169" y="510"/>
                  </a:lnTo>
                  <a:lnTo>
                    <a:pt x="2170" y="512"/>
                  </a:lnTo>
                  <a:lnTo>
                    <a:pt x="2170" y="514"/>
                  </a:lnTo>
                  <a:lnTo>
                    <a:pt x="2172" y="514"/>
                  </a:lnTo>
                  <a:lnTo>
                    <a:pt x="2172" y="516"/>
                  </a:lnTo>
                  <a:lnTo>
                    <a:pt x="2174" y="516"/>
                  </a:lnTo>
                  <a:lnTo>
                    <a:pt x="2174" y="517"/>
                  </a:lnTo>
                  <a:lnTo>
                    <a:pt x="2176" y="519"/>
                  </a:lnTo>
                  <a:lnTo>
                    <a:pt x="2178" y="519"/>
                  </a:lnTo>
                  <a:lnTo>
                    <a:pt x="2178" y="521"/>
                  </a:lnTo>
                  <a:lnTo>
                    <a:pt x="2178" y="523"/>
                  </a:lnTo>
                  <a:lnTo>
                    <a:pt x="2180" y="525"/>
                  </a:lnTo>
                  <a:lnTo>
                    <a:pt x="2180" y="527"/>
                  </a:lnTo>
                  <a:lnTo>
                    <a:pt x="2180" y="529"/>
                  </a:lnTo>
                  <a:lnTo>
                    <a:pt x="2180" y="530"/>
                  </a:lnTo>
                  <a:lnTo>
                    <a:pt x="2180" y="532"/>
                  </a:lnTo>
                  <a:lnTo>
                    <a:pt x="2178" y="532"/>
                  </a:lnTo>
                  <a:lnTo>
                    <a:pt x="2176" y="534"/>
                  </a:lnTo>
                  <a:lnTo>
                    <a:pt x="2176" y="536"/>
                  </a:lnTo>
                  <a:lnTo>
                    <a:pt x="2176" y="538"/>
                  </a:lnTo>
                  <a:lnTo>
                    <a:pt x="2176" y="540"/>
                  </a:lnTo>
                  <a:lnTo>
                    <a:pt x="2176" y="542"/>
                  </a:lnTo>
                  <a:lnTo>
                    <a:pt x="2178" y="542"/>
                  </a:lnTo>
                  <a:lnTo>
                    <a:pt x="2180" y="542"/>
                  </a:lnTo>
                  <a:lnTo>
                    <a:pt x="2180" y="543"/>
                  </a:lnTo>
                  <a:lnTo>
                    <a:pt x="2181" y="543"/>
                  </a:lnTo>
                  <a:lnTo>
                    <a:pt x="2181" y="545"/>
                  </a:lnTo>
                  <a:lnTo>
                    <a:pt x="2183" y="545"/>
                  </a:lnTo>
                  <a:lnTo>
                    <a:pt x="2181" y="547"/>
                  </a:lnTo>
                  <a:lnTo>
                    <a:pt x="2180" y="549"/>
                  </a:lnTo>
                  <a:lnTo>
                    <a:pt x="2180" y="551"/>
                  </a:lnTo>
                  <a:lnTo>
                    <a:pt x="2178" y="551"/>
                  </a:lnTo>
                  <a:lnTo>
                    <a:pt x="2178" y="553"/>
                  </a:lnTo>
                  <a:lnTo>
                    <a:pt x="2176" y="553"/>
                  </a:lnTo>
                  <a:lnTo>
                    <a:pt x="2176" y="554"/>
                  </a:lnTo>
                  <a:lnTo>
                    <a:pt x="2176" y="556"/>
                  </a:lnTo>
                  <a:lnTo>
                    <a:pt x="2178" y="558"/>
                  </a:lnTo>
                  <a:lnTo>
                    <a:pt x="2176" y="558"/>
                  </a:lnTo>
                  <a:lnTo>
                    <a:pt x="2178" y="558"/>
                  </a:lnTo>
                  <a:lnTo>
                    <a:pt x="2176" y="558"/>
                  </a:lnTo>
                  <a:lnTo>
                    <a:pt x="2176" y="560"/>
                  </a:lnTo>
                  <a:lnTo>
                    <a:pt x="2176" y="562"/>
                  </a:lnTo>
                  <a:lnTo>
                    <a:pt x="2174" y="562"/>
                  </a:lnTo>
                  <a:lnTo>
                    <a:pt x="2174" y="564"/>
                  </a:lnTo>
                  <a:lnTo>
                    <a:pt x="2174" y="566"/>
                  </a:lnTo>
                  <a:lnTo>
                    <a:pt x="2172" y="566"/>
                  </a:lnTo>
                  <a:lnTo>
                    <a:pt x="2170" y="566"/>
                  </a:lnTo>
                  <a:lnTo>
                    <a:pt x="2169" y="566"/>
                  </a:lnTo>
                  <a:lnTo>
                    <a:pt x="2169" y="567"/>
                  </a:lnTo>
                  <a:lnTo>
                    <a:pt x="2167" y="567"/>
                  </a:lnTo>
                  <a:lnTo>
                    <a:pt x="2165" y="569"/>
                  </a:lnTo>
                  <a:lnTo>
                    <a:pt x="2163" y="569"/>
                  </a:lnTo>
                  <a:lnTo>
                    <a:pt x="2161" y="569"/>
                  </a:lnTo>
                  <a:lnTo>
                    <a:pt x="2159" y="569"/>
                  </a:lnTo>
                  <a:lnTo>
                    <a:pt x="2157" y="571"/>
                  </a:lnTo>
                  <a:lnTo>
                    <a:pt x="2156" y="571"/>
                  </a:lnTo>
                  <a:lnTo>
                    <a:pt x="2156" y="573"/>
                  </a:lnTo>
                  <a:lnTo>
                    <a:pt x="2154" y="573"/>
                  </a:lnTo>
                  <a:lnTo>
                    <a:pt x="2152" y="575"/>
                  </a:lnTo>
                  <a:lnTo>
                    <a:pt x="2150" y="577"/>
                  </a:lnTo>
                  <a:lnTo>
                    <a:pt x="2150" y="578"/>
                  </a:lnTo>
                  <a:lnTo>
                    <a:pt x="2148" y="578"/>
                  </a:lnTo>
                  <a:lnTo>
                    <a:pt x="2146" y="578"/>
                  </a:lnTo>
                  <a:lnTo>
                    <a:pt x="2146" y="580"/>
                  </a:lnTo>
                  <a:lnTo>
                    <a:pt x="2145" y="580"/>
                  </a:lnTo>
                  <a:lnTo>
                    <a:pt x="2143" y="580"/>
                  </a:lnTo>
                  <a:lnTo>
                    <a:pt x="2143" y="582"/>
                  </a:lnTo>
                  <a:lnTo>
                    <a:pt x="2141" y="584"/>
                  </a:lnTo>
                  <a:lnTo>
                    <a:pt x="2139" y="584"/>
                  </a:lnTo>
                  <a:lnTo>
                    <a:pt x="2139" y="586"/>
                  </a:lnTo>
                  <a:lnTo>
                    <a:pt x="2137" y="586"/>
                  </a:lnTo>
                  <a:lnTo>
                    <a:pt x="2139" y="586"/>
                  </a:lnTo>
                  <a:lnTo>
                    <a:pt x="2137" y="586"/>
                  </a:lnTo>
                  <a:lnTo>
                    <a:pt x="2137" y="588"/>
                  </a:lnTo>
                  <a:lnTo>
                    <a:pt x="2135" y="588"/>
                  </a:lnTo>
                  <a:lnTo>
                    <a:pt x="2135" y="590"/>
                  </a:lnTo>
                  <a:lnTo>
                    <a:pt x="2135" y="591"/>
                  </a:lnTo>
                  <a:lnTo>
                    <a:pt x="2135" y="593"/>
                  </a:lnTo>
                  <a:lnTo>
                    <a:pt x="2133" y="593"/>
                  </a:lnTo>
                  <a:lnTo>
                    <a:pt x="2133" y="591"/>
                  </a:lnTo>
                  <a:lnTo>
                    <a:pt x="2133" y="593"/>
                  </a:lnTo>
                  <a:lnTo>
                    <a:pt x="2132" y="591"/>
                  </a:lnTo>
                  <a:lnTo>
                    <a:pt x="2130" y="591"/>
                  </a:lnTo>
                  <a:lnTo>
                    <a:pt x="2128" y="591"/>
                  </a:lnTo>
                  <a:lnTo>
                    <a:pt x="2128" y="590"/>
                  </a:lnTo>
                  <a:lnTo>
                    <a:pt x="2126" y="590"/>
                  </a:lnTo>
                  <a:lnTo>
                    <a:pt x="2124" y="590"/>
                  </a:lnTo>
                  <a:lnTo>
                    <a:pt x="2122" y="590"/>
                  </a:lnTo>
                  <a:lnTo>
                    <a:pt x="2120" y="588"/>
                  </a:lnTo>
                  <a:lnTo>
                    <a:pt x="2120" y="586"/>
                  </a:lnTo>
                  <a:lnTo>
                    <a:pt x="2119" y="586"/>
                  </a:lnTo>
                  <a:lnTo>
                    <a:pt x="2117" y="586"/>
                  </a:lnTo>
                  <a:lnTo>
                    <a:pt x="2117" y="588"/>
                  </a:lnTo>
                  <a:lnTo>
                    <a:pt x="2115" y="588"/>
                  </a:lnTo>
                  <a:lnTo>
                    <a:pt x="2113" y="588"/>
                  </a:lnTo>
                  <a:lnTo>
                    <a:pt x="2113" y="590"/>
                  </a:lnTo>
                  <a:lnTo>
                    <a:pt x="2111" y="590"/>
                  </a:lnTo>
                  <a:lnTo>
                    <a:pt x="2109" y="590"/>
                  </a:lnTo>
                  <a:lnTo>
                    <a:pt x="2108" y="590"/>
                  </a:lnTo>
                  <a:lnTo>
                    <a:pt x="2108" y="591"/>
                  </a:lnTo>
                  <a:lnTo>
                    <a:pt x="2106" y="591"/>
                  </a:lnTo>
                  <a:lnTo>
                    <a:pt x="2106" y="593"/>
                  </a:lnTo>
                  <a:lnTo>
                    <a:pt x="2104" y="593"/>
                  </a:lnTo>
                  <a:lnTo>
                    <a:pt x="2104" y="595"/>
                  </a:lnTo>
                  <a:lnTo>
                    <a:pt x="2104" y="597"/>
                  </a:lnTo>
                  <a:lnTo>
                    <a:pt x="2102" y="597"/>
                  </a:lnTo>
                  <a:lnTo>
                    <a:pt x="2102" y="599"/>
                  </a:lnTo>
                  <a:lnTo>
                    <a:pt x="2102" y="601"/>
                  </a:lnTo>
                  <a:lnTo>
                    <a:pt x="2104" y="603"/>
                  </a:lnTo>
                  <a:lnTo>
                    <a:pt x="2106" y="604"/>
                  </a:lnTo>
                  <a:lnTo>
                    <a:pt x="2108" y="606"/>
                  </a:lnTo>
                  <a:lnTo>
                    <a:pt x="2108" y="608"/>
                  </a:lnTo>
                  <a:lnTo>
                    <a:pt x="2106" y="608"/>
                  </a:lnTo>
                  <a:lnTo>
                    <a:pt x="2108" y="610"/>
                  </a:lnTo>
                  <a:lnTo>
                    <a:pt x="2108" y="612"/>
                  </a:lnTo>
                  <a:lnTo>
                    <a:pt x="2108" y="614"/>
                  </a:lnTo>
                  <a:lnTo>
                    <a:pt x="2108" y="615"/>
                  </a:lnTo>
                  <a:lnTo>
                    <a:pt x="2109" y="615"/>
                  </a:lnTo>
                  <a:lnTo>
                    <a:pt x="2109" y="617"/>
                  </a:lnTo>
                  <a:lnTo>
                    <a:pt x="2108" y="617"/>
                  </a:lnTo>
                  <a:lnTo>
                    <a:pt x="2106" y="617"/>
                  </a:lnTo>
                  <a:lnTo>
                    <a:pt x="2106" y="619"/>
                  </a:lnTo>
                  <a:lnTo>
                    <a:pt x="2104" y="619"/>
                  </a:lnTo>
                  <a:lnTo>
                    <a:pt x="2102" y="619"/>
                  </a:lnTo>
                  <a:lnTo>
                    <a:pt x="2102" y="621"/>
                  </a:lnTo>
                  <a:lnTo>
                    <a:pt x="2100" y="623"/>
                  </a:lnTo>
                  <a:lnTo>
                    <a:pt x="2102" y="625"/>
                  </a:lnTo>
                  <a:lnTo>
                    <a:pt x="2104" y="625"/>
                  </a:lnTo>
                  <a:lnTo>
                    <a:pt x="2104" y="627"/>
                  </a:lnTo>
                  <a:lnTo>
                    <a:pt x="2106" y="627"/>
                  </a:lnTo>
                  <a:lnTo>
                    <a:pt x="2106" y="628"/>
                  </a:lnTo>
                  <a:lnTo>
                    <a:pt x="2104" y="628"/>
                  </a:lnTo>
                  <a:lnTo>
                    <a:pt x="2102" y="630"/>
                  </a:lnTo>
                  <a:lnTo>
                    <a:pt x="2100" y="630"/>
                  </a:lnTo>
                  <a:lnTo>
                    <a:pt x="2100" y="628"/>
                  </a:lnTo>
                  <a:lnTo>
                    <a:pt x="2098" y="628"/>
                  </a:lnTo>
                  <a:lnTo>
                    <a:pt x="2096" y="628"/>
                  </a:lnTo>
                  <a:lnTo>
                    <a:pt x="2095" y="628"/>
                  </a:lnTo>
                  <a:lnTo>
                    <a:pt x="2093" y="628"/>
                  </a:lnTo>
                  <a:lnTo>
                    <a:pt x="2091" y="628"/>
                  </a:lnTo>
                  <a:lnTo>
                    <a:pt x="2089" y="628"/>
                  </a:lnTo>
                  <a:lnTo>
                    <a:pt x="2087" y="630"/>
                  </a:lnTo>
                  <a:lnTo>
                    <a:pt x="2087" y="632"/>
                  </a:lnTo>
                  <a:lnTo>
                    <a:pt x="2087" y="634"/>
                  </a:lnTo>
                  <a:lnTo>
                    <a:pt x="2087" y="636"/>
                  </a:lnTo>
                  <a:lnTo>
                    <a:pt x="2087" y="638"/>
                  </a:lnTo>
                  <a:lnTo>
                    <a:pt x="2087" y="640"/>
                  </a:lnTo>
                  <a:lnTo>
                    <a:pt x="2085" y="640"/>
                  </a:lnTo>
                  <a:lnTo>
                    <a:pt x="2083" y="640"/>
                  </a:lnTo>
                  <a:lnTo>
                    <a:pt x="2083" y="641"/>
                  </a:lnTo>
                  <a:lnTo>
                    <a:pt x="2082" y="641"/>
                  </a:lnTo>
                  <a:lnTo>
                    <a:pt x="2080" y="641"/>
                  </a:lnTo>
                  <a:lnTo>
                    <a:pt x="2078" y="641"/>
                  </a:lnTo>
                  <a:lnTo>
                    <a:pt x="2076" y="641"/>
                  </a:lnTo>
                  <a:lnTo>
                    <a:pt x="2074" y="641"/>
                  </a:lnTo>
                  <a:lnTo>
                    <a:pt x="2072" y="641"/>
                  </a:lnTo>
                  <a:lnTo>
                    <a:pt x="2071" y="641"/>
                  </a:lnTo>
                  <a:lnTo>
                    <a:pt x="2071" y="640"/>
                  </a:lnTo>
                  <a:lnTo>
                    <a:pt x="2069" y="640"/>
                  </a:lnTo>
                  <a:lnTo>
                    <a:pt x="2067" y="640"/>
                  </a:lnTo>
                  <a:lnTo>
                    <a:pt x="2067" y="641"/>
                  </a:lnTo>
                  <a:lnTo>
                    <a:pt x="2065" y="641"/>
                  </a:lnTo>
                  <a:lnTo>
                    <a:pt x="2063" y="643"/>
                  </a:lnTo>
                  <a:lnTo>
                    <a:pt x="2063" y="645"/>
                  </a:lnTo>
                  <a:lnTo>
                    <a:pt x="2061" y="645"/>
                  </a:lnTo>
                  <a:lnTo>
                    <a:pt x="2061" y="647"/>
                  </a:lnTo>
                  <a:lnTo>
                    <a:pt x="2059" y="647"/>
                  </a:lnTo>
                  <a:lnTo>
                    <a:pt x="2058" y="647"/>
                  </a:lnTo>
                  <a:lnTo>
                    <a:pt x="2058" y="649"/>
                  </a:lnTo>
                  <a:lnTo>
                    <a:pt x="2056" y="649"/>
                  </a:lnTo>
                  <a:lnTo>
                    <a:pt x="2056" y="651"/>
                  </a:lnTo>
                  <a:lnTo>
                    <a:pt x="2054" y="651"/>
                  </a:lnTo>
                  <a:lnTo>
                    <a:pt x="2052" y="651"/>
                  </a:lnTo>
                  <a:lnTo>
                    <a:pt x="2052" y="652"/>
                  </a:lnTo>
                  <a:lnTo>
                    <a:pt x="2050" y="652"/>
                  </a:lnTo>
                  <a:lnTo>
                    <a:pt x="2050" y="654"/>
                  </a:lnTo>
                  <a:lnTo>
                    <a:pt x="2050" y="656"/>
                  </a:lnTo>
                  <a:lnTo>
                    <a:pt x="2052" y="656"/>
                  </a:lnTo>
                  <a:lnTo>
                    <a:pt x="2050" y="656"/>
                  </a:lnTo>
                  <a:lnTo>
                    <a:pt x="2050" y="658"/>
                  </a:lnTo>
                  <a:lnTo>
                    <a:pt x="2050" y="660"/>
                  </a:lnTo>
                  <a:lnTo>
                    <a:pt x="2048" y="660"/>
                  </a:lnTo>
                  <a:lnTo>
                    <a:pt x="2048" y="662"/>
                  </a:lnTo>
                  <a:lnTo>
                    <a:pt x="2047" y="662"/>
                  </a:lnTo>
                  <a:lnTo>
                    <a:pt x="2048" y="662"/>
                  </a:lnTo>
                  <a:lnTo>
                    <a:pt x="2048" y="664"/>
                  </a:lnTo>
                  <a:lnTo>
                    <a:pt x="2050" y="664"/>
                  </a:lnTo>
                  <a:lnTo>
                    <a:pt x="2048" y="664"/>
                  </a:lnTo>
                  <a:lnTo>
                    <a:pt x="2048" y="665"/>
                  </a:lnTo>
                  <a:lnTo>
                    <a:pt x="2048" y="667"/>
                  </a:lnTo>
                  <a:lnTo>
                    <a:pt x="2050" y="667"/>
                  </a:lnTo>
                  <a:lnTo>
                    <a:pt x="2048" y="667"/>
                  </a:lnTo>
                  <a:lnTo>
                    <a:pt x="2048" y="669"/>
                  </a:lnTo>
                  <a:lnTo>
                    <a:pt x="2050" y="669"/>
                  </a:lnTo>
                  <a:lnTo>
                    <a:pt x="2052" y="669"/>
                  </a:lnTo>
                  <a:lnTo>
                    <a:pt x="2050" y="669"/>
                  </a:lnTo>
                  <a:lnTo>
                    <a:pt x="2050" y="671"/>
                  </a:lnTo>
                  <a:lnTo>
                    <a:pt x="2050" y="673"/>
                  </a:lnTo>
                  <a:lnTo>
                    <a:pt x="2048" y="673"/>
                  </a:lnTo>
                  <a:lnTo>
                    <a:pt x="2048" y="675"/>
                  </a:lnTo>
                  <a:lnTo>
                    <a:pt x="2047" y="675"/>
                  </a:lnTo>
                  <a:lnTo>
                    <a:pt x="2047" y="677"/>
                  </a:lnTo>
                  <a:lnTo>
                    <a:pt x="2045" y="677"/>
                  </a:lnTo>
                  <a:lnTo>
                    <a:pt x="2045" y="678"/>
                  </a:lnTo>
                  <a:lnTo>
                    <a:pt x="2043" y="678"/>
                  </a:lnTo>
                  <a:lnTo>
                    <a:pt x="2043" y="680"/>
                  </a:lnTo>
                  <a:lnTo>
                    <a:pt x="2041" y="680"/>
                  </a:lnTo>
                  <a:lnTo>
                    <a:pt x="2041" y="682"/>
                  </a:lnTo>
                  <a:lnTo>
                    <a:pt x="2039" y="682"/>
                  </a:lnTo>
                  <a:lnTo>
                    <a:pt x="2037" y="682"/>
                  </a:lnTo>
                  <a:lnTo>
                    <a:pt x="2037" y="684"/>
                  </a:lnTo>
                  <a:lnTo>
                    <a:pt x="2037" y="686"/>
                  </a:lnTo>
                  <a:lnTo>
                    <a:pt x="2037" y="688"/>
                  </a:lnTo>
                  <a:lnTo>
                    <a:pt x="2037" y="689"/>
                  </a:lnTo>
                  <a:lnTo>
                    <a:pt x="2037" y="691"/>
                  </a:lnTo>
                  <a:lnTo>
                    <a:pt x="2035" y="691"/>
                  </a:lnTo>
                  <a:lnTo>
                    <a:pt x="2035" y="693"/>
                  </a:lnTo>
                  <a:lnTo>
                    <a:pt x="2034" y="693"/>
                  </a:lnTo>
                  <a:lnTo>
                    <a:pt x="2034" y="695"/>
                  </a:lnTo>
                  <a:lnTo>
                    <a:pt x="2034" y="697"/>
                  </a:lnTo>
                  <a:lnTo>
                    <a:pt x="2032" y="697"/>
                  </a:lnTo>
                  <a:lnTo>
                    <a:pt x="2032" y="699"/>
                  </a:lnTo>
                  <a:lnTo>
                    <a:pt x="2034" y="699"/>
                  </a:lnTo>
                  <a:lnTo>
                    <a:pt x="2034" y="701"/>
                  </a:lnTo>
                  <a:lnTo>
                    <a:pt x="2034" y="702"/>
                  </a:lnTo>
                  <a:lnTo>
                    <a:pt x="2034" y="704"/>
                  </a:lnTo>
                  <a:lnTo>
                    <a:pt x="2032" y="704"/>
                  </a:lnTo>
                  <a:lnTo>
                    <a:pt x="2032" y="706"/>
                  </a:lnTo>
                  <a:lnTo>
                    <a:pt x="2028" y="708"/>
                  </a:lnTo>
                  <a:lnTo>
                    <a:pt x="2024" y="710"/>
                  </a:lnTo>
                  <a:lnTo>
                    <a:pt x="2017" y="717"/>
                  </a:lnTo>
                  <a:lnTo>
                    <a:pt x="2015" y="717"/>
                  </a:lnTo>
                  <a:lnTo>
                    <a:pt x="2015" y="719"/>
                  </a:lnTo>
                  <a:lnTo>
                    <a:pt x="2013" y="719"/>
                  </a:lnTo>
                  <a:lnTo>
                    <a:pt x="2011" y="719"/>
                  </a:lnTo>
                  <a:lnTo>
                    <a:pt x="2010" y="717"/>
                  </a:lnTo>
                  <a:lnTo>
                    <a:pt x="2008" y="717"/>
                  </a:lnTo>
                  <a:lnTo>
                    <a:pt x="2006" y="719"/>
                  </a:lnTo>
                  <a:lnTo>
                    <a:pt x="2004" y="719"/>
                  </a:lnTo>
                  <a:lnTo>
                    <a:pt x="2002" y="719"/>
                  </a:lnTo>
                  <a:lnTo>
                    <a:pt x="2000" y="721"/>
                  </a:lnTo>
                  <a:lnTo>
                    <a:pt x="1998" y="721"/>
                  </a:lnTo>
                  <a:lnTo>
                    <a:pt x="1997" y="721"/>
                  </a:lnTo>
                  <a:lnTo>
                    <a:pt x="1997" y="723"/>
                  </a:lnTo>
                  <a:lnTo>
                    <a:pt x="1995" y="723"/>
                  </a:lnTo>
                  <a:lnTo>
                    <a:pt x="1995" y="725"/>
                  </a:lnTo>
                  <a:lnTo>
                    <a:pt x="1993" y="725"/>
                  </a:lnTo>
                  <a:lnTo>
                    <a:pt x="1991" y="726"/>
                  </a:lnTo>
                  <a:lnTo>
                    <a:pt x="1989" y="726"/>
                  </a:lnTo>
                  <a:lnTo>
                    <a:pt x="1989" y="728"/>
                  </a:lnTo>
                  <a:lnTo>
                    <a:pt x="1987" y="728"/>
                  </a:lnTo>
                  <a:lnTo>
                    <a:pt x="1986" y="728"/>
                  </a:lnTo>
                  <a:lnTo>
                    <a:pt x="1984" y="728"/>
                  </a:lnTo>
                  <a:lnTo>
                    <a:pt x="1982" y="728"/>
                  </a:lnTo>
                  <a:lnTo>
                    <a:pt x="1982" y="730"/>
                  </a:lnTo>
                  <a:lnTo>
                    <a:pt x="1974" y="730"/>
                  </a:lnTo>
                  <a:lnTo>
                    <a:pt x="1973" y="730"/>
                  </a:lnTo>
                  <a:lnTo>
                    <a:pt x="1971" y="730"/>
                  </a:lnTo>
                  <a:lnTo>
                    <a:pt x="1969" y="730"/>
                  </a:lnTo>
                  <a:lnTo>
                    <a:pt x="1967" y="730"/>
                  </a:lnTo>
                  <a:lnTo>
                    <a:pt x="1965" y="732"/>
                  </a:lnTo>
                  <a:lnTo>
                    <a:pt x="1963" y="732"/>
                  </a:lnTo>
                  <a:lnTo>
                    <a:pt x="1961" y="732"/>
                  </a:lnTo>
                  <a:lnTo>
                    <a:pt x="1960" y="732"/>
                  </a:lnTo>
                  <a:lnTo>
                    <a:pt x="1958" y="732"/>
                  </a:lnTo>
                  <a:lnTo>
                    <a:pt x="1958" y="730"/>
                  </a:lnTo>
                  <a:lnTo>
                    <a:pt x="1956" y="730"/>
                  </a:lnTo>
                  <a:lnTo>
                    <a:pt x="1954" y="730"/>
                  </a:lnTo>
                  <a:lnTo>
                    <a:pt x="1954" y="728"/>
                  </a:lnTo>
                  <a:lnTo>
                    <a:pt x="1952" y="726"/>
                  </a:lnTo>
                  <a:lnTo>
                    <a:pt x="1950" y="726"/>
                  </a:lnTo>
                  <a:lnTo>
                    <a:pt x="1950" y="725"/>
                  </a:lnTo>
                  <a:lnTo>
                    <a:pt x="1949" y="725"/>
                  </a:lnTo>
                  <a:lnTo>
                    <a:pt x="1947" y="725"/>
                  </a:lnTo>
                  <a:lnTo>
                    <a:pt x="1947" y="723"/>
                  </a:lnTo>
                  <a:lnTo>
                    <a:pt x="1945" y="723"/>
                  </a:lnTo>
                  <a:lnTo>
                    <a:pt x="1943" y="721"/>
                  </a:lnTo>
                  <a:lnTo>
                    <a:pt x="1941" y="721"/>
                  </a:lnTo>
                  <a:lnTo>
                    <a:pt x="1939" y="721"/>
                  </a:lnTo>
                  <a:lnTo>
                    <a:pt x="1937" y="719"/>
                  </a:lnTo>
                  <a:lnTo>
                    <a:pt x="1936" y="721"/>
                  </a:lnTo>
                  <a:lnTo>
                    <a:pt x="1934" y="719"/>
                  </a:lnTo>
                  <a:lnTo>
                    <a:pt x="1932" y="721"/>
                  </a:lnTo>
                  <a:lnTo>
                    <a:pt x="1930" y="721"/>
                  </a:lnTo>
                  <a:lnTo>
                    <a:pt x="1928" y="721"/>
                  </a:lnTo>
                  <a:lnTo>
                    <a:pt x="1926" y="723"/>
                  </a:lnTo>
                  <a:lnTo>
                    <a:pt x="1925" y="725"/>
                  </a:lnTo>
                  <a:lnTo>
                    <a:pt x="1925" y="726"/>
                  </a:lnTo>
                  <a:lnTo>
                    <a:pt x="1923" y="726"/>
                  </a:lnTo>
                  <a:lnTo>
                    <a:pt x="1923" y="728"/>
                  </a:lnTo>
                  <a:lnTo>
                    <a:pt x="1921" y="728"/>
                  </a:lnTo>
                  <a:lnTo>
                    <a:pt x="1919" y="730"/>
                  </a:lnTo>
                  <a:lnTo>
                    <a:pt x="1919" y="732"/>
                  </a:lnTo>
                  <a:lnTo>
                    <a:pt x="1917" y="732"/>
                  </a:lnTo>
                  <a:lnTo>
                    <a:pt x="1917" y="734"/>
                  </a:lnTo>
                  <a:lnTo>
                    <a:pt x="1917" y="736"/>
                  </a:lnTo>
                  <a:lnTo>
                    <a:pt x="1915" y="736"/>
                  </a:lnTo>
                  <a:lnTo>
                    <a:pt x="1913" y="736"/>
                  </a:lnTo>
                  <a:lnTo>
                    <a:pt x="1912" y="736"/>
                  </a:lnTo>
                  <a:lnTo>
                    <a:pt x="1910" y="736"/>
                  </a:lnTo>
                  <a:lnTo>
                    <a:pt x="1910" y="738"/>
                  </a:lnTo>
                  <a:lnTo>
                    <a:pt x="1908" y="738"/>
                  </a:lnTo>
                  <a:lnTo>
                    <a:pt x="1908" y="739"/>
                  </a:lnTo>
                  <a:lnTo>
                    <a:pt x="1906" y="739"/>
                  </a:lnTo>
                  <a:lnTo>
                    <a:pt x="1906" y="741"/>
                  </a:lnTo>
                  <a:lnTo>
                    <a:pt x="1906" y="743"/>
                  </a:lnTo>
                  <a:lnTo>
                    <a:pt x="1904" y="743"/>
                  </a:lnTo>
                  <a:lnTo>
                    <a:pt x="1904" y="745"/>
                  </a:lnTo>
                  <a:lnTo>
                    <a:pt x="1902" y="745"/>
                  </a:lnTo>
                  <a:lnTo>
                    <a:pt x="1902" y="747"/>
                  </a:lnTo>
                  <a:lnTo>
                    <a:pt x="1902" y="749"/>
                  </a:lnTo>
                  <a:lnTo>
                    <a:pt x="1902" y="751"/>
                  </a:lnTo>
                  <a:lnTo>
                    <a:pt x="1902" y="752"/>
                  </a:lnTo>
                  <a:lnTo>
                    <a:pt x="1900" y="754"/>
                  </a:lnTo>
                  <a:lnTo>
                    <a:pt x="1899" y="754"/>
                  </a:lnTo>
                  <a:lnTo>
                    <a:pt x="1899" y="756"/>
                  </a:lnTo>
                  <a:lnTo>
                    <a:pt x="1899" y="758"/>
                  </a:lnTo>
                  <a:lnTo>
                    <a:pt x="1897" y="758"/>
                  </a:lnTo>
                  <a:lnTo>
                    <a:pt x="1897" y="760"/>
                  </a:lnTo>
                  <a:lnTo>
                    <a:pt x="1897" y="762"/>
                  </a:lnTo>
                  <a:lnTo>
                    <a:pt x="1895" y="762"/>
                  </a:lnTo>
                  <a:lnTo>
                    <a:pt x="1895" y="763"/>
                  </a:lnTo>
                  <a:lnTo>
                    <a:pt x="1893" y="763"/>
                  </a:lnTo>
                  <a:lnTo>
                    <a:pt x="1893" y="765"/>
                  </a:lnTo>
                  <a:lnTo>
                    <a:pt x="1891" y="765"/>
                  </a:lnTo>
                  <a:lnTo>
                    <a:pt x="1891" y="763"/>
                  </a:lnTo>
                  <a:lnTo>
                    <a:pt x="1889" y="765"/>
                  </a:lnTo>
                  <a:lnTo>
                    <a:pt x="1888" y="765"/>
                  </a:lnTo>
                  <a:lnTo>
                    <a:pt x="1886" y="765"/>
                  </a:lnTo>
                  <a:lnTo>
                    <a:pt x="1884" y="765"/>
                  </a:lnTo>
                  <a:lnTo>
                    <a:pt x="1884" y="767"/>
                  </a:lnTo>
                  <a:lnTo>
                    <a:pt x="1882" y="769"/>
                  </a:lnTo>
                  <a:lnTo>
                    <a:pt x="1882" y="771"/>
                  </a:lnTo>
                  <a:lnTo>
                    <a:pt x="1882" y="773"/>
                  </a:lnTo>
                  <a:lnTo>
                    <a:pt x="1880" y="773"/>
                  </a:lnTo>
                  <a:lnTo>
                    <a:pt x="1878" y="775"/>
                  </a:lnTo>
                  <a:lnTo>
                    <a:pt x="1878" y="776"/>
                  </a:lnTo>
                  <a:lnTo>
                    <a:pt x="1876" y="776"/>
                  </a:lnTo>
                  <a:lnTo>
                    <a:pt x="1876" y="778"/>
                  </a:lnTo>
                  <a:lnTo>
                    <a:pt x="1875" y="778"/>
                  </a:lnTo>
                  <a:lnTo>
                    <a:pt x="1875" y="780"/>
                  </a:lnTo>
                  <a:lnTo>
                    <a:pt x="1875" y="778"/>
                  </a:lnTo>
                  <a:lnTo>
                    <a:pt x="1875" y="780"/>
                  </a:lnTo>
                  <a:lnTo>
                    <a:pt x="1873" y="780"/>
                  </a:lnTo>
                  <a:lnTo>
                    <a:pt x="1873" y="782"/>
                  </a:lnTo>
                  <a:lnTo>
                    <a:pt x="1871" y="782"/>
                  </a:lnTo>
                  <a:lnTo>
                    <a:pt x="1871" y="784"/>
                  </a:lnTo>
                  <a:lnTo>
                    <a:pt x="1869" y="784"/>
                  </a:lnTo>
                  <a:lnTo>
                    <a:pt x="1869" y="786"/>
                  </a:lnTo>
                  <a:lnTo>
                    <a:pt x="1867" y="786"/>
                  </a:lnTo>
                  <a:lnTo>
                    <a:pt x="1867" y="788"/>
                  </a:lnTo>
                  <a:lnTo>
                    <a:pt x="1865" y="788"/>
                  </a:lnTo>
                  <a:lnTo>
                    <a:pt x="1865" y="789"/>
                  </a:lnTo>
                  <a:lnTo>
                    <a:pt x="1864" y="789"/>
                  </a:lnTo>
                  <a:lnTo>
                    <a:pt x="1862" y="789"/>
                  </a:lnTo>
                  <a:lnTo>
                    <a:pt x="1862" y="791"/>
                  </a:lnTo>
                  <a:lnTo>
                    <a:pt x="1860" y="791"/>
                  </a:lnTo>
                  <a:lnTo>
                    <a:pt x="1858" y="791"/>
                  </a:lnTo>
                  <a:lnTo>
                    <a:pt x="1856" y="793"/>
                  </a:lnTo>
                  <a:lnTo>
                    <a:pt x="1858" y="793"/>
                  </a:lnTo>
                  <a:lnTo>
                    <a:pt x="1858" y="795"/>
                  </a:lnTo>
                  <a:lnTo>
                    <a:pt x="1856" y="797"/>
                  </a:lnTo>
                  <a:lnTo>
                    <a:pt x="1856" y="799"/>
                  </a:lnTo>
                  <a:lnTo>
                    <a:pt x="1856" y="800"/>
                  </a:lnTo>
                  <a:lnTo>
                    <a:pt x="1856" y="802"/>
                  </a:lnTo>
                  <a:lnTo>
                    <a:pt x="1854" y="804"/>
                  </a:lnTo>
                  <a:lnTo>
                    <a:pt x="1852" y="804"/>
                  </a:lnTo>
                  <a:lnTo>
                    <a:pt x="1851" y="804"/>
                  </a:lnTo>
                  <a:lnTo>
                    <a:pt x="1849" y="804"/>
                  </a:lnTo>
                  <a:lnTo>
                    <a:pt x="1849" y="808"/>
                  </a:lnTo>
                  <a:lnTo>
                    <a:pt x="1851" y="812"/>
                  </a:lnTo>
                  <a:lnTo>
                    <a:pt x="1851" y="813"/>
                  </a:lnTo>
                  <a:lnTo>
                    <a:pt x="1852" y="813"/>
                  </a:lnTo>
                  <a:lnTo>
                    <a:pt x="1854" y="815"/>
                  </a:lnTo>
                  <a:lnTo>
                    <a:pt x="1856" y="815"/>
                  </a:lnTo>
                  <a:lnTo>
                    <a:pt x="1858" y="815"/>
                  </a:lnTo>
                  <a:lnTo>
                    <a:pt x="1856" y="817"/>
                  </a:lnTo>
                  <a:lnTo>
                    <a:pt x="1858" y="819"/>
                  </a:lnTo>
                  <a:lnTo>
                    <a:pt x="1860" y="819"/>
                  </a:lnTo>
                  <a:lnTo>
                    <a:pt x="1862" y="819"/>
                  </a:lnTo>
                  <a:lnTo>
                    <a:pt x="1864" y="819"/>
                  </a:lnTo>
                  <a:lnTo>
                    <a:pt x="1865" y="821"/>
                  </a:lnTo>
                  <a:lnTo>
                    <a:pt x="1867" y="821"/>
                  </a:lnTo>
                  <a:lnTo>
                    <a:pt x="1869" y="821"/>
                  </a:lnTo>
                  <a:lnTo>
                    <a:pt x="1871" y="821"/>
                  </a:lnTo>
                  <a:lnTo>
                    <a:pt x="1873" y="821"/>
                  </a:lnTo>
                  <a:lnTo>
                    <a:pt x="1875" y="821"/>
                  </a:lnTo>
                  <a:lnTo>
                    <a:pt x="1876" y="821"/>
                  </a:lnTo>
                  <a:lnTo>
                    <a:pt x="1878" y="821"/>
                  </a:lnTo>
                  <a:lnTo>
                    <a:pt x="1878" y="823"/>
                  </a:lnTo>
                  <a:lnTo>
                    <a:pt x="1880" y="825"/>
                  </a:lnTo>
                  <a:lnTo>
                    <a:pt x="1880" y="826"/>
                  </a:lnTo>
                  <a:lnTo>
                    <a:pt x="1878" y="826"/>
                  </a:lnTo>
                  <a:lnTo>
                    <a:pt x="1878" y="828"/>
                  </a:lnTo>
                  <a:lnTo>
                    <a:pt x="1880" y="826"/>
                  </a:lnTo>
                  <a:lnTo>
                    <a:pt x="1882" y="826"/>
                  </a:lnTo>
                  <a:lnTo>
                    <a:pt x="1884" y="826"/>
                  </a:lnTo>
                  <a:lnTo>
                    <a:pt x="1886" y="826"/>
                  </a:lnTo>
                  <a:lnTo>
                    <a:pt x="1888" y="826"/>
                  </a:lnTo>
                  <a:lnTo>
                    <a:pt x="1889" y="826"/>
                  </a:lnTo>
                  <a:lnTo>
                    <a:pt x="1891" y="826"/>
                  </a:lnTo>
                  <a:lnTo>
                    <a:pt x="1891" y="828"/>
                  </a:lnTo>
                  <a:lnTo>
                    <a:pt x="1891" y="830"/>
                  </a:lnTo>
                  <a:lnTo>
                    <a:pt x="1893" y="832"/>
                  </a:lnTo>
                  <a:lnTo>
                    <a:pt x="1893" y="834"/>
                  </a:lnTo>
                  <a:lnTo>
                    <a:pt x="1893" y="836"/>
                  </a:lnTo>
                  <a:lnTo>
                    <a:pt x="1893" y="837"/>
                  </a:lnTo>
                  <a:lnTo>
                    <a:pt x="1893" y="839"/>
                  </a:lnTo>
                  <a:lnTo>
                    <a:pt x="1893" y="841"/>
                  </a:lnTo>
                  <a:lnTo>
                    <a:pt x="1893" y="843"/>
                  </a:lnTo>
                  <a:lnTo>
                    <a:pt x="1893" y="845"/>
                  </a:lnTo>
                  <a:lnTo>
                    <a:pt x="1895" y="847"/>
                  </a:lnTo>
                  <a:lnTo>
                    <a:pt x="1895" y="849"/>
                  </a:lnTo>
                  <a:lnTo>
                    <a:pt x="1895" y="850"/>
                  </a:lnTo>
                  <a:lnTo>
                    <a:pt x="1897" y="850"/>
                  </a:lnTo>
                  <a:lnTo>
                    <a:pt x="1899" y="850"/>
                  </a:lnTo>
                  <a:lnTo>
                    <a:pt x="1899" y="852"/>
                  </a:lnTo>
                  <a:lnTo>
                    <a:pt x="1899" y="854"/>
                  </a:lnTo>
                  <a:lnTo>
                    <a:pt x="1900" y="854"/>
                  </a:lnTo>
                  <a:lnTo>
                    <a:pt x="1902" y="854"/>
                  </a:lnTo>
                  <a:lnTo>
                    <a:pt x="1904" y="854"/>
                  </a:lnTo>
                  <a:lnTo>
                    <a:pt x="1906" y="854"/>
                  </a:lnTo>
                  <a:lnTo>
                    <a:pt x="1906" y="856"/>
                  </a:lnTo>
                  <a:lnTo>
                    <a:pt x="1906" y="858"/>
                  </a:lnTo>
                  <a:lnTo>
                    <a:pt x="1908" y="858"/>
                  </a:lnTo>
                  <a:lnTo>
                    <a:pt x="1908" y="860"/>
                  </a:lnTo>
                  <a:lnTo>
                    <a:pt x="1908" y="862"/>
                  </a:lnTo>
                  <a:lnTo>
                    <a:pt x="1910" y="862"/>
                  </a:lnTo>
                  <a:lnTo>
                    <a:pt x="1910" y="863"/>
                  </a:lnTo>
                  <a:lnTo>
                    <a:pt x="1912" y="863"/>
                  </a:lnTo>
                  <a:lnTo>
                    <a:pt x="1912" y="865"/>
                  </a:lnTo>
                  <a:lnTo>
                    <a:pt x="1910" y="865"/>
                  </a:lnTo>
                  <a:lnTo>
                    <a:pt x="1912" y="865"/>
                  </a:lnTo>
                  <a:lnTo>
                    <a:pt x="1912" y="867"/>
                  </a:lnTo>
                  <a:lnTo>
                    <a:pt x="1913" y="867"/>
                  </a:lnTo>
                  <a:lnTo>
                    <a:pt x="1913" y="869"/>
                  </a:lnTo>
                  <a:lnTo>
                    <a:pt x="1915" y="869"/>
                  </a:lnTo>
                  <a:lnTo>
                    <a:pt x="1915" y="871"/>
                  </a:lnTo>
                  <a:lnTo>
                    <a:pt x="1917" y="871"/>
                  </a:lnTo>
                  <a:lnTo>
                    <a:pt x="1919" y="871"/>
                  </a:lnTo>
                  <a:lnTo>
                    <a:pt x="1921" y="871"/>
                  </a:lnTo>
                  <a:lnTo>
                    <a:pt x="1921" y="873"/>
                  </a:lnTo>
                  <a:lnTo>
                    <a:pt x="1923" y="873"/>
                  </a:lnTo>
                  <a:lnTo>
                    <a:pt x="1925" y="874"/>
                  </a:lnTo>
                  <a:lnTo>
                    <a:pt x="1926" y="874"/>
                  </a:lnTo>
                  <a:lnTo>
                    <a:pt x="1928" y="874"/>
                  </a:lnTo>
                  <a:lnTo>
                    <a:pt x="1930" y="874"/>
                  </a:lnTo>
                  <a:lnTo>
                    <a:pt x="1932" y="874"/>
                  </a:lnTo>
                  <a:lnTo>
                    <a:pt x="1936" y="893"/>
                  </a:lnTo>
                  <a:lnTo>
                    <a:pt x="1939" y="904"/>
                  </a:lnTo>
                  <a:lnTo>
                    <a:pt x="1943" y="910"/>
                  </a:lnTo>
                  <a:lnTo>
                    <a:pt x="1943" y="911"/>
                  </a:lnTo>
                  <a:lnTo>
                    <a:pt x="1945" y="911"/>
                  </a:lnTo>
                  <a:lnTo>
                    <a:pt x="1945" y="915"/>
                  </a:lnTo>
                  <a:lnTo>
                    <a:pt x="1947" y="915"/>
                  </a:lnTo>
                  <a:lnTo>
                    <a:pt x="1947" y="917"/>
                  </a:lnTo>
                  <a:lnTo>
                    <a:pt x="1949" y="917"/>
                  </a:lnTo>
                  <a:lnTo>
                    <a:pt x="1949" y="919"/>
                  </a:lnTo>
                  <a:lnTo>
                    <a:pt x="1950" y="921"/>
                  </a:lnTo>
                  <a:lnTo>
                    <a:pt x="1950" y="923"/>
                  </a:lnTo>
                  <a:lnTo>
                    <a:pt x="1950" y="924"/>
                  </a:lnTo>
                  <a:lnTo>
                    <a:pt x="1950" y="926"/>
                  </a:lnTo>
                  <a:lnTo>
                    <a:pt x="1950" y="930"/>
                  </a:lnTo>
                  <a:lnTo>
                    <a:pt x="1950" y="932"/>
                  </a:lnTo>
                  <a:lnTo>
                    <a:pt x="1950" y="934"/>
                  </a:lnTo>
                  <a:lnTo>
                    <a:pt x="1950" y="935"/>
                  </a:lnTo>
                  <a:lnTo>
                    <a:pt x="1952" y="935"/>
                  </a:lnTo>
                  <a:lnTo>
                    <a:pt x="1952" y="941"/>
                  </a:lnTo>
                  <a:lnTo>
                    <a:pt x="1952" y="947"/>
                  </a:lnTo>
                  <a:lnTo>
                    <a:pt x="1958" y="948"/>
                  </a:lnTo>
                  <a:lnTo>
                    <a:pt x="1961" y="952"/>
                  </a:lnTo>
                  <a:lnTo>
                    <a:pt x="1969" y="963"/>
                  </a:lnTo>
                  <a:lnTo>
                    <a:pt x="1971" y="963"/>
                  </a:lnTo>
                  <a:lnTo>
                    <a:pt x="1971" y="965"/>
                  </a:lnTo>
                  <a:lnTo>
                    <a:pt x="1971" y="967"/>
                  </a:lnTo>
                  <a:lnTo>
                    <a:pt x="1971" y="969"/>
                  </a:lnTo>
                  <a:lnTo>
                    <a:pt x="1971" y="971"/>
                  </a:lnTo>
                  <a:lnTo>
                    <a:pt x="1971" y="972"/>
                  </a:lnTo>
                  <a:lnTo>
                    <a:pt x="1971" y="974"/>
                  </a:lnTo>
                  <a:lnTo>
                    <a:pt x="1969" y="974"/>
                  </a:lnTo>
                  <a:lnTo>
                    <a:pt x="1969" y="976"/>
                  </a:lnTo>
                  <a:lnTo>
                    <a:pt x="1967" y="976"/>
                  </a:lnTo>
                  <a:lnTo>
                    <a:pt x="1965" y="976"/>
                  </a:lnTo>
                  <a:lnTo>
                    <a:pt x="1965" y="978"/>
                  </a:lnTo>
                  <a:lnTo>
                    <a:pt x="1963" y="978"/>
                  </a:lnTo>
                  <a:lnTo>
                    <a:pt x="1961" y="978"/>
                  </a:lnTo>
                  <a:lnTo>
                    <a:pt x="1961" y="980"/>
                  </a:lnTo>
                  <a:lnTo>
                    <a:pt x="1960" y="982"/>
                  </a:lnTo>
                  <a:lnTo>
                    <a:pt x="1960" y="984"/>
                  </a:lnTo>
                  <a:lnTo>
                    <a:pt x="1960" y="985"/>
                  </a:lnTo>
                  <a:lnTo>
                    <a:pt x="1958" y="987"/>
                  </a:lnTo>
                  <a:lnTo>
                    <a:pt x="1958" y="989"/>
                  </a:lnTo>
                  <a:lnTo>
                    <a:pt x="1958" y="991"/>
                  </a:lnTo>
                  <a:lnTo>
                    <a:pt x="1956" y="993"/>
                  </a:lnTo>
                  <a:lnTo>
                    <a:pt x="1954" y="995"/>
                  </a:lnTo>
                  <a:lnTo>
                    <a:pt x="1954" y="997"/>
                  </a:lnTo>
                  <a:lnTo>
                    <a:pt x="1952" y="997"/>
                  </a:lnTo>
                  <a:lnTo>
                    <a:pt x="1950" y="998"/>
                  </a:lnTo>
                  <a:lnTo>
                    <a:pt x="1950" y="1000"/>
                  </a:lnTo>
                  <a:lnTo>
                    <a:pt x="1950" y="1002"/>
                  </a:lnTo>
                  <a:lnTo>
                    <a:pt x="1949" y="1002"/>
                  </a:lnTo>
                  <a:lnTo>
                    <a:pt x="1949" y="1004"/>
                  </a:lnTo>
                  <a:lnTo>
                    <a:pt x="1949" y="1006"/>
                  </a:lnTo>
                  <a:lnTo>
                    <a:pt x="1949" y="1008"/>
                  </a:lnTo>
                  <a:lnTo>
                    <a:pt x="1949" y="1009"/>
                  </a:lnTo>
                  <a:lnTo>
                    <a:pt x="1949" y="1011"/>
                  </a:lnTo>
                  <a:lnTo>
                    <a:pt x="1949" y="1013"/>
                  </a:lnTo>
                  <a:lnTo>
                    <a:pt x="1949" y="1015"/>
                  </a:lnTo>
                  <a:lnTo>
                    <a:pt x="1949" y="1017"/>
                  </a:lnTo>
                  <a:lnTo>
                    <a:pt x="1950" y="1017"/>
                  </a:lnTo>
                  <a:lnTo>
                    <a:pt x="1950" y="1019"/>
                  </a:lnTo>
                  <a:lnTo>
                    <a:pt x="1950" y="1021"/>
                  </a:lnTo>
                  <a:lnTo>
                    <a:pt x="1952" y="1021"/>
                  </a:lnTo>
                  <a:lnTo>
                    <a:pt x="1952" y="1019"/>
                  </a:lnTo>
                  <a:lnTo>
                    <a:pt x="1952" y="1021"/>
                  </a:lnTo>
                  <a:lnTo>
                    <a:pt x="1954" y="1021"/>
                  </a:lnTo>
                  <a:lnTo>
                    <a:pt x="1954" y="1022"/>
                  </a:lnTo>
                  <a:lnTo>
                    <a:pt x="1952" y="1024"/>
                  </a:lnTo>
                  <a:lnTo>
                    <a:pt x="1954" y="1024"/>
                  </a:lnTo>
                  <a:lnTo>
                    <a:pt x="1954" y="1026"/>
                  </a:lnTo>
                  <a:lnTo>
                    <a:pt x="1954" y="1028"/>
                  </a:lnTo>
                  <a:lnTo>
                    <a:pt x="1954" y="1030"/>
                  </a:lnTo>
                  <a:lnTo>
                    <a:pt x="1954" y="1032"/>
                  </a:lnTo>
                  <a:lnTo>
                    <a:pt x="1954" y="1034"/>
                  </a:lnTo>
                  <a:lnTo>
                    <a:pt x="1956" y="1034"/>
                  </a:lnTo>
                  <a:lnTo>
                    <a:pt x="1956" y="1035"/>
                  </a:lnTo>
                  <a:lnTo>
                    <a:pt x="1954" y="1035"/>
                  </a:lnTo>
                  <a:lnTo>
                    <a:pt x="1954" y="1037"/>
                  </a:lnTo>
                  <a:lnTo>
                    <a:pt x="1954" y="1039"/>
                  </a:lnTo>
                  <a:lnTo>
                    <a:pt x="1952" y="1039"/>
                  </a:lnTo>
                  <a:lnTo>
                    <a:pt x="1952" y="1041"/>
                  </a:lnTo>
                  <a:lnTo>
                    <a:pt x="1952" y="1043"/>
                  </a:lnTo>
                  <a:lnTo>
                    <a:pt x="1950" y="1043"/>
                  </a:lnTo>
                  <a:lnTo>
                    <a:pt x="1950" y="1045"/>
                  </a:lnTo>
                  <a:lnTo>
                    <a:pt x="1950" y="1046"/>
                  </a:lnTo>
                  <a:lnTo>
                    <a:pt x="1949" y="1046"/>
                  </a:lnTo>
                  <a:lnTo>
                    <a:pt x="1949" y="1048"/>
                  </a:lnTo>
                  <a:lnTo>
                    <a:pt x="1949" y="1050"/>
                  </a:lnTo>
                  <a:lnTo>
                    <a:pt x="1947" y="1050"/>
                  </a:lnTo>
                  <a:lnTo>
                    <a:pt x="1947" y="1052"/>
                  </a:lnTo>
                  <a:lnTo>
                    <a:pt x="1945" y="1052"/>
                  </a:lnTo>
                  <a:lnTo>
                    <a:pt x="1945" y="1054"/>
                  </a:lnTo>
                  <a:lnTo>
                    <a:pt x="1943" y="1056"/>
                  </a:lnTo>
                  <a:lnTo>
                    <a:pt x="1941" y="1056"/>
                  </a:lnTo>
                  <a:lnTo>
                    <a:pt x="1941" y="1058"/>
                  </a:lnTo>
                  <a:lnTo>
                    <a:pt x="1941" y="1056"/>
                  </a:lnTo>
                  <a:lnTo>
                    <a:pt x="1939" y="1056"/>
                  </a:lnTo>
                  <a:lnTo>
                    <a:pt x="1939" y="1058"/>
                  </a:lnTo>
                  <a:lnTo>
                    <a:pt x="1937" y="1058"/>
                  </a:lnTo>
                  <a:lnTo>
                    <a:pt x="1936" y="1058"/>
                  </a:lnTo>
                  <a:lnTo>
                    <a:pt x="1934" y="1059"/>
                  </a:lnTo>
                  <a:lnTo>
                    <a:pt x="1932" y="1059"/>
                  </a:lnTo>
                  <a:lnTo>
                    <a:pt x="1932" y="1058"/>
                  </a:lnTo>
                  <a:lnTo>
                    <a:pt x="1930" y="1058"/>
                  </a:lnTo>
                  <a:lnTo>
                    <a:pt x="1930" y="1056"/>
                  </a:lnTo>
                  <a:lnTo>
                    <a:pt x="1928" y="1056"/>
                  </a:lnTo>
                  <a:lnTo>
                    <a:pt x="1928" y="1058"/>
                  </a:lnTo>
                  <a:lnTo>
                    <a:pt x="1926" y="1058"/>
                  </a:lnTo>
                  <a:lnTo>
                    <a:pt x="1925" y="1058"/>
                  </a:lnTo>
                  <a:lnTo>
                    <a:pt x="1921" y="1058"/>
                  </a:lnTo>
                  <a:lnTo>
                    <a:pt x="1921" y="1059"/>
                  </a:lnTo>
                  <a:lnTo>
                    <a:pt x="1919" y="1059"/>
                  </a:lnTo>
                  <a:lnTo>
                    <a:pt x="1917" y="1059"/>
                  </a:lnTo>
                  <a:lnTo>
                    <a:pt x="1915" y="1059"/>
                  </a:lnTo>
                  <a:lnTo>
                    <a:pt x="1913" y="1059"/>
                  </a:lnTo>
                  <a:lnTo>
                    <a:pt x="1913" y="1061"/>
                  </a:lnTo>
                  <a:lnTo>
                    <a:pt x="1912" y="1061"/>
                  </a:lnTo>
                  <a:lnTo>
                    <a:pt x="1912" y="1063"/>
                  </a:lnTo>
                  <a:lnTo>
                    <a:pt x="1910" y="1063"/>
                  </a:lnTo>
                  <a:lnTo>
                    <a:pt x="1912" y="1063"/>
                  </a:lnTo>
                  <a:lnTo>
                    <a:pt x="1910" y="1063"/>
                  </a:lnTo>
                  <a:lnTo>
                    <a:pt x="1910" y="1065"/>
                  </a:lnTo>
                  <a:lnTo>
                    <a:pt x="1908" y="1065"/>
                  </a:lnTo>
                  <a:lnTo>
                    <a:pt x="1908" y="1067"/>
                  </a:lnTo>
                  <a:lnTo>
                    <a:pt x="1906" y="1067"/>
                  </a:lnTo>
                  <a:lnTo>
                    <a:pt x="1904" y="1067"/>
                  </a:lnTo>
                  <a:lnTo>
                    <a:pt x="1904" y="1069"/>
                  </a:lnTo>
                  <a:lnTo>
                    <a:pt x="1902" y="1069"/>
                  </a:lnTo>
                  <a:lnTo>
                    <a:pt x="1902" y="1071"/>
                  </a:lnTo>
                  <a:lnTo>
                    <a:pt x="1900" y="1071"/>
                  </a:lnTo>
                  <a:lnTo>
                    <a:pt x="1899" y="1072"/>
                  </a:lnTo>
                  <a:lnTo>
                    <a:pt x="1900" y="1072"/>
                  </a:lnTo>
                  <a:lnTo>
                    <a:pt x="1900" y="1074"/>
                  </a:lnTo>
                  <a:lnTo>
                    <a:pt x="1900" y="1076"/>
                  </a:lnTo>
                  <a:lnTo>
                    <a:pt x="1900" y="1078"/>
                  </a:lnTo>
                  <a:lnTo>
                    <a:pt x="1900" y="1080"/>
                  </a:lnTo>
                  <a:lnTo>
                    <a:pt x="1900" y="1082"/>
                  </a:lnTo>
                  <a:lnTo>
                    <a:pt x="1899" y="1082"/>
                  </a:lnTo>
                  <a:lnTo>
                    <a:pt x="1899" y="1083"/>
                  </a:lnTo>
                  <a:lnTo>
                    <a:pt x="1899" y="1085"/>
                  </a:lnTo>
                  <a:lnTo>
                    <a:pt x="1900" y="1085"/>
                  </a:lnTo>
                  <a:lnTo>
                    <a:pt x="1900" y="1087"/>
                  </a:lnTo>
                  <a:lnTo>
                    <a:pt x="1899" y="1089"/>
                  </a:lnTo>
                  <a:lnTo>
                    <a:pt x="1899" y="1091"/>
                  </a:lnTo>
                  <a:lnTo>
                    <a:pt x="1899" y="1093"/>
                  </a:lnTo>
                  <a:lnTo>
                    <a:pt x="1899" y="1095"/>
                  </a:lnTo>
                  <a:lnTo>
                    <a:pt x="1899" y="1096"/>
                  </a:lnTo>
                  <a:lnTo>
                    <a:pt x="1897" y="1098"/>
                  </a:lnTo>
                  <a:lnTo>
                    <a:pt x="1897" y="1100"/>
                  </a:lnTo>
                  <a:lnTo>
                    <a:pt x="1895" y="1100"/>
                  </a:lnTo>
                  <a:lnTo>
                    <a:pt x="1893" y="1100"/>
                  </a:lnTo>
                  <a:lnTo>
                    <a:pt x="1893" y="1102"/>
                  </a:lnTo>
                  <a:lnTo>
                    <a:pt x="1893" y="1104"/>
                  </a:lnTo>
                  <a:lnTo>
                    <a:pt x="1893" y="1106"/>
                  </a:lnTo>
                  <a:lnTo>
                    <a:pt x="1891" y="1106"/>
                  </a:lnTo>
                  <a:lnTo>
                    <a:pt x="1891" y="1108"/>
                  </a:lnTo>
                  <a:lnTo>
                    <a:pt x="1889" y="1108"/>
                  </a:lnTo>
                  <a:lnTo>
                    <a:pt x="1888" y="1108"/>
                  </a:lnTo>
                  <a:lnTo>
                    <a:pt x="1886" y="1109"/>
                  </a:lnTo>
                  <a:lnTo>
                    <a:pt x="1884" y="1109"/>
                  </a:lnTo>
                  <a:lnTo>
                    <a:pt x="1882" y="1109"/>
                  </a:lnTo>
                  <a:lnTo>
                    <a:pt x="1882" y="1111"/>
                  </a:lnTo>
                  <a:lnTo>
                    <a:pt x="1880" y="1111"/>
                  </a:lnTo>
                  <a:lnTo>
                    <a:pt x="1880" y="1109"/>
                  </a:lnTo>
                  <a:lnTo>
                    <a:pt x="1878" y="1109"/>
                  </a:lnTo>
                  <a:lnTo>
                    <a:pt x="1878" y="1111"/>
                  </a:lnTo>
                  <a:lnTo>
                    <a:pt x="1876" y="1113"/>
                  </a:lnTo>
                  <a:lnTo>
                    <a:pt x="1876" y="1115"/>
                  </a:lnTo>
                  <a:lnTo>
                    <a:pt x="1875" y="1115"/>
                  </a:lnTo>
                  <a:lnTo>
                    <a:pt x="1873" y="1115"/>
                  </a:lnTo>
                  <a:lnTo>
                    <a:pt x="1871" y="1115"/>
                  </a:lnTo>
                  <a:lnTo>
                    <a:pt x="1869" y="1115"/>
                  </a:lnTo>
                  <a:lnTo>
                    <a:pt x="1867" y="1117"/>
                  </a:lnTo>
                  <a:lnTo>
                    <a:pt x="1865" y="1117"/>
                  </a:lnTo>
                  <a:lnTo>
                    <a:pt x="1864" y="1117"/>
                  </a:lnTo>
                  <a:lnTo>
                    <a:pt x="1864" y="1119"/>
                  </a:lnTo>
                  <a:lnTo>
                    <a:pt x="1862" y="1119"/>
                  </a:lnTo>
                  <a:lnTo>
                    <a:pt x="1860" y="1119"/>
                  </a:lnTo>
                  <a:lnTo>
                    <a:pt x="1858" y="1119"/>
                  </a:lnTo>
                  <a:lnTo>
                    <a:pt x="1858" y="1120"/>
                  </a:lnTo>
                  <a:lnTo>
                    <a:pt x="1856" y="1120"/>
                  </a:lnTo>
                  <a:lnTo>
                    <a:pt x="1854" y="1120"/>
                  </a:lnTo>
                  <a:lnTo>
                    <a:pt x="1852" y="1120"/>
                  </a:lnTo>
                  <a:lnTo>
                    <a:pt x="1852" y="1122"/>
                  </a:lnTo>
                  <a:lnTo>
                    <a:pt x="1851" y="1122"/>
                  </a:lnTo>
                  <a:lnTo>
                    <a:pt x="1851" y="1120"/>
                  </a:lnTo>
                  <a:lnTo>
                    <a:pt x="1849" y="1120"/>
                  </a:lnTo>
                  <a:lnTo>
                    <a:pt x="1847" y="1120"/>
                  </a:lnTo>
                  <a:lnTo>
                    <a:pt x="1845" y="1120"/>
                  </a:lnTo>
                  <a:lnTo>
                    <a:pt x="1843" y="1120"/>
                  </a:lnTo>
                  <a:lnTo>
                    <a:pt x="1841" y="1120"/>
                  </a:lnTo>
                  <a:lnTo>
                    <a:pt x="1839" y="1120"/>
                  </a:lnTo>
                  <a:lnTo>
                    <a:pt x="1839" y="1119"/>
                  </a:lnTo>
                  <a:lnTo>
                    <a:pt x="1839" y="1120"/>
                  </a:lnTo>
                  <a:lnTo>
                    <a:pt x="1838" y="1120"/>
                  </a:lnTo>
                  <a:lnTo>
                    <a:pt x="1836" y="1120"/>
                  </a:lnTo>
                  <a:lnTo>
                    <a:pt x="1834" y="1120"/>
                  </a:lnTo>
                  <a:lnTo>
                    <a:pt x="1834" y="1122"/>
                  </a:lnTo>
                  <a:lnTo>
                    <a:pt x="1832" y="1122"/>
                  </a:lnTo>
                  <a:lnTo>
                    <a:pt x="1830" y="1122"/>
                  </a:lnTo>
                  <a:lnTo>
                    <a:pt x="1828" y="1122"/>
                  </a:lnTo>
                  <a:lnTo>
                    <a:pt x="1827" y="1124"/>
                  </a:lnTo>
                  <a:lnTo>
                    <a:pt x="1825" y="1124"/>
                  </a:lnTo>
                  <a:lnTo>
                    <a:pt x="1823" y="1126"/>
                  </a:lnTo>
                  <a:lnTo>
                    <a:pt x="1821" y="1126"/>
                  </a:lnTo>
                  <a:lnTo>
                    <a:pt x="1821" y="1128"/>
                  </a:lnTo>
                  <a:lnTo>
                    <a:pt x="1819" y="1128"/>
                  </a:lnTo>
                  <a:lnTo>
                    <a:pt x="1817" y="1128"/>
                  </a:lnTo>
                  <a:lnTo>
                    <a:pt x="1817" y="1130"/>
                  </a:lnTo>
                  <a:lnTo>
                    <a:pt x="1815" y="1130"/>
                  </a:lnTo>
                  <a:lnTo>
                    <a:pt x="1814" y="1130"/>
                  </a:lnTo>
                  <a:lnTo>
                    <a:pt x="1812" y="1130"/>
                  </a:lnTo>
                  <a:lnTo>
                    <a:pt x="1812" y="1128"/>
                  </a:lnTo>
                  <a:lnTo>
                    <a:pt x="1810" y="1128"/>
                  </a:lnTo>
                  <a:lnTo>
                    <a:pt x="1808" y="1128"/>
                  </a:lnTo>
                  <a:lnTo>
                    <a:pt x="1806" y="1128"/>
                  </a:lnTo>
                  <a:lnTo>
                    <a:pt x="1806" y="1130"/>
                  </a:lnTo>
                  <a:lnTo>
                    <a:pt x="1804" y="1130"/>
                  </a:lnTo>
                  <a:lnTo>
                    <a:pt x="1804" y="1132"/>
                  </a:lnTo>
                  <a:lnTo>
                    <a:pt x="1803" y="1132"/>
                  </a:lnTo>
                  <a:lnTo>
                    <a:pt x="1801" y="1132"/>
                  </a:lnTo>
                  <a:lnTo>
                    <a:pt x="1801" y="1133"/>
                  </a:lnTo>
                  <a:lnTo>
                    <a:pt x="1799" y="1133"/>
                  </a:lnTo>
                  <a:lnTo>
                    <a:pt x="1797" y="1133"/>
                  </a:lnTo>
                  <a:lnTo>
                    <a:pt x="1797" y="1132"/>
                  </a:lnTo>
                  <a:lnTo>
                    <a:pt x="1795" y="1132"/>
                  </a:lnTo>
                  <a:lnTo>
                    <a:pt x="1793" y="1132"/>
                  </a:lnTo>
                  <a:lnTo>
                    <a:pt x="1793" y="1133"/>
                  </a:lnTo>
                  <a:lnTo>
                    <a:pt x="1791" y="1132"/>
                  </a:lnTo>
                  <a:lnTo>
                    <a:pt x="1790" y="1132"/>
                  </a:lnTo>
                  <a:lnTo>
                    <a:pt x="1788" y="1132"/>
                  </a:lnTo>
                  <a:lnTo>
                    <a:pt x="1786" y="1132"/>
                  </a:lnTo>
                  <a:lnTo>
                    <a:pt x="1786" y="1133"/>
                  </a:lnTo>
                  <a:lnTo>
                    <a:pt x="1786" y="1135"/>
                  </a:lnTo>
                  <a:lnTo>
                    <a:pt x="1784" y="1135"/>
                  </a:lnTo>
                  <a:lnTo>
                    <a:pt x="1786" y="1137"/>
                  </a:lnTo>
                  <a:lnTo>
                    <a:pt x="1784" y="1137"/>
                  </a:lnTo>
                  <a:lnTo>
                    <a:pt x="1786" y="1137"/>
                  </a:lnTo>
                  <a:lnTo>
                    <a:pt x="1786" y="1139"/>
                  </a:lnTo>
                  <a:lnTo>
                    <a:pt x="1784" y="1139"/>
                  </a:lnTo>
                  <a:lnTo>
                    <a:pt x="1786" y="1139"/>
                  </a:lnTo>
                  <a:lnTo>
                    <a:pt x="1786" y="1141"/>
                  </a:lnTo>
                  <a:lnTo>
                    <a:pt x="1786" y="1143"/>
                  </a:lnTo>
                  <a:lnTo>
                    <a:pt x="1784" y="1145"/>
                  </a:lnTo>
                  <a:lnTo>
                    <a:pt x="1784" y="1146"/>
                  </a:lnTo>
                  <a:lnTo>
                    <a:pt x="1782" y="1146"/>
                  </a:lnTo>
                  <a:lnTo>
                    <a:pt x="1782" y="1148"/>
                  </a:lnTo>
                  <a:lnTo>
                    <a:pt x="1782" y="1150"/>
                  </a:lnTo>
                  <a:lnTo>
                    <a:pt x="1780" y="1150"/>
                  </a:lnTo>
                  <a:lnTo>
                    <a:pt x="1782" y="1150"/>
                  </a:lnTo>
                  <a:lnTo>
                    <a:pt x="1780" y="1150"/>
                  </a:lnTo>
                  <a:lnTo>
                    <a:pt x="1782" y="1150"/>
                  </a:lnTo>
                  <a:lnTo>
                    <a:pt x="1780" y="1152"/>
                  </a:lnTo>
                  <a:lnTo>
                    <a:pt x="1780" y="1154"/>
                  </a:lnTo>
                  <a:lnTo>
                    <a:pt x="1780" y="1156"/>
                  </a:lnTo>
                  <a:lnTo>
                    <a:pt x="1780" y="1157"/>
                  </a:lnTo>
                  <a:lnTo>
                    <a:pt x="1780" y="1159"/>
                  </a:lnTo>
                  <a:lnTo>
                    <a:pt x="1780" y="1161"/>
                  </a:lnTo>
                  <a:lnTo>
                    <a:pt x="1780" y="1163"/>
                  </a:lnTo>
                  <a:lnTo>
                    <a:pt x="1780" y="1165"/>
                  </a:lnTo>
                  <a:lnTo>
                    <a:pt x="1780" y="1167"/>
                  </a:lnTo>
                  <a:lnTo>
                    <a:pt x="1780" y="1169"/>
                  </a:lnTo>
                  <a:lnTo>
                    <a:pt x="1778" y="1169"/>
                  </a:lnTo>
                  <a:lnTo>
                    <a:pt x="1778" y="1170"/>
                  </a:lnTo>
                  <a:lnTo>
                    <a:pt x="1778" y="1172"/>
                  </a:lnTo>
                  <a:lnTo>
                    <a:pt x="1777" y="1174"/>
                  </a:lnTo>
                  <a:lnTo>
                    <a:pt x="1775" y="1174"/>
                  </a:lnTo>
                  <a:lnTo>
                    <a:pt x="1775" y="1176"/>
                  </a:lnTo>
                  <a:lnTo>
                    <a:pt x="1775" y="1178"/>
                  </a:lnTo>
                  <a:lnTo>
                    <a:pt x="1773" y="1178"/>
                  </a:lnTo>
                  <a:lnTo>
                    <a:pt x="1773" y="1180"/>
                  </a:lnTo>
                  <a:lnTo>
                    <a:pt x="1773" y="1182"/>
                  </a:lnTo>
                  <a:lnTo>
                    <a:pt x="1771" y="1182"/>
                  </a:lnTo>
                  <a:lnTo>
                    <a:pt x="1771" y="1183"/>
                  </a:lnTo>
                  <a:lnTo>
                    <a:pt x="1769" y="1185"/>
                  </a:lnTo>
                  <a:lnTo>
                    <a:pt x="1769" y="1187"/>
                  </a:lnTo>
                  <a:lnTo>
                    <a:pt x="1771" y="1187"/>
                  </a:lnTo>
                  <a:lnTo>
                    <a:pt x="1771" y="1189"/>
                  </a:lnTo>
                  <a:lnTo>
                    <a:pt x="1771" y="1191"/>
                  </a:lnTo>
                  <a:lnTo>
                    <a:pt x="1769" y="1193"/>
                  </a:lnTo>
                  <a:lnTo>
                    <a:pt x="1769" y="1194"/>
                  </a:lnTo>
                  <a:lnTo>
                    <a:pt x="1769" y="1196"/>
                  </a:lnTo>
                  <a:lnTo>
                    <a:pt x="1769" y="1198"/>
                  </a:lnTo>
                  <a:lnTo>
                    <a:pt x="1771" y="1198"/>
                  </a:lnTo>
                  <a:lnTo>
                    <a:pt x="1773" y="1198"/>
                  </a:lnTo>
                  <a:lnTo>
                    <a:pt x="1773" y="1200"/>
                  </a:lnTo>
                  <a:lnTo>
                    <a:pt x="1773" y="1202"/>
                  </a:lnTo>
                  <a:lnTo>
                    <a:pt x="1773" y="1204"/>
                  </a:lnTo>
                  <a:lnTo>
                    <a:pt x="1773" y="1206"/>
                  </a:lnTo>
                  <a:lnTo>
                    <a:pt x="1771" y="1206"/>
                  </a:lnTo>
                  <a:lnTo>
                    <a:pt x="1771" y="1207"/>
                  </a:lnTo>
                  <a:lnTo>
                    <a:pt x="1771" y="1209"/>
                  </a:lnTo>
                  <a:lnTo>
                    <a:pt x="1773" y="1209"/>
                  </a:lnTo>
                  <a:lnTo>
                    <a:pt x="1773" y="1211"/>
                  </a:lnTo>
                  <a:lnTo>
                    <a:pt x="1775" y="1211"/>
                  </a:lnTo>
                  <a:lnTo>
                    <a:pt x="1775" y="1213"/>
                  </a:lnTo>
                  <a:lnTo>
                    <a:pt x="1775" y="1215"/>
                  </a:lnTo>
                  <a:lnTo>
                    <a:pt x="1775" y="1217"/>
                  </a:lnTo>
                  <a:lnTo>
                    <a:pt x="1777" y="1219"/>
                  </a:lnTo>
                  <a:lnTo>
                    <a:pt x="1777" y="1220"/>
                  </a:lnTo>
                  <a:lnTo>
                    <a:pt x="1778" y="1220"/>
                  </a:lnTo>
                  <a:lnTo>
                    <a:pt x="1778" y="1222"/>
                  </a:lnTo>
                  <a:lnTo>
                    <a:pt x="1778" y="1224"/>
                  </a:lnTo>
                  <a:lnTo>
                    <a:pt x="1780" y="1224"/>
                  </a:lnTo>
                  <a:lnTo>
                    <a:pt x="1780" y="1226"/>
                  </a:lnTo>
                  <a:lnTo>
                    <a:pt x="1780" y="1228"/>
                  </a:lnTo>
                  <a:lnTo>
                    <a:pt x="1782" y="1230"/>
                  </a:lnTo>
                  <a:lnTo>
                    <a:pt x="1782" y="1231"/>
                  </a:lnTo>
                  <a:lnTo>
                    <a:pt x="1780" y="1231"/>
                  </a:lnTo>
                  <a:lnTo>
                    <a:pt x="1782" y="1231"/>
                  </a:lnTo>
                  <a:lnTo>
                    <a:pt x="1782" y="1233"/>
                  </a:lnTo>
                  <a:lnTo>
                    <a:pt x="1782" y="1235"/>
                  </a:lnTo>
                  <a:lnTo>
                    <a:pt x="1782" y="1237"/>
                  </a:lnTo>
                  <a:lnTo>
                    <a:pt x="1784" y="1237"/>
                  </a:lnTo>
                  <a:lnTo>
                    <a:pt x="1784" y="1239"/>
                  </a:lnTo>
                  <a:lnTo>
                    <a:pt x="1784" y="1241"/>
                  </a:lnTo>
                  <a:lnTo>
                    <a:pt x="1786" y="1241"/>
                  </a:lnTo>
                  <a:lnTo>
                    <a:pt x="1786" y="1243"/>
                  </a:lnTo>
                  <a:lnTo>
                    <a:pt x="1788" y="1244"/>
                  </a:lnTo>
                  <a:lnTo>
                    <a:pt x="1786" y="1244"/>
                  </a:lnTo>
                  <a:lnTo>
                    <a:pt x="1788" y="1244"/>
                  </a:lnTo>
                  <a:lnTo>
                    <a:pt x="1786" y="1244"/>
                  </a:lnTo>
                  <a:lnTo>
                    <a:pt x="1788" y="1244"/>
                  </a:lnTo>
                  <a:lnTo>
                    <a:pt x="1786" y="1244"/>
                  </a:lnTo>
                  <a:lnTo>
                    <a:pt x="1788" y="1244"/>
                  </a:lnTo>
                  <a:lnTo>
                    <a:pt x="1788" y="1246"/>
                  </a:lnTo>
                  <a:lnTo>
                    <a:pt x="1788" y="1248"/>
                  </a:lnTo>
                  <a:lnTo>
                    <a:pt x="1786" y="1248"/>
                  </a:lnTo>
                  <a:lnTo>
                    <a:pt x="1786" y="1250"/>
                  </a:lnTo>
                  <a:lnTo>
                    <a:pt x="1784" y="1250"/>
                  </a:lnTo>
                  <a:lnTo>
                    <a:pt x="1784" y="1252"/>
                  </a:lnTo>
                  <a:lnTo>
                    <a:pt x="1782" y="1252"/>
                  </a:lnTo>
                  <a:lnTo>
                    <a:pt x="1780" y="1252"/>
                  </a:lnTo>
                  <a:lnTo>
                    <a:pt x="1778" y="1252"/>
                  </a:lnTo>
                  <a:lnTo>
                    <a:pt x="1778" y="1254"/>
                  </a:lnTo>
                  <a:lnTo>
                    <a:pt x="1777" y="1254"/>
                  </a:lnTo>
                  <a:lnTo>
                    <a:pt x="1775" y="1254"/>
                  </a:lnTo>
                  <a:lnTo>
                    <a:pt x="1775" y="1255"/>
                  </a:lnTo>
                  <a:lnTo>
                    <a:pt x="1773" y="1255"/>
                  </a:lnTo>
                  <a:lnTo>
                    <a:pt x="1771" y="1255"/>
                  </a:lnTo>
                  <a:lnTo>
                    <a:pt x="1771" y="1257"/>
                  </a:lnTo>
                  <a:lnTo>
                    <a:pt x="1769" y="1257"/>
                  </a:lnTo>
                  <a:lnTo>
                    <a:pt x="1769" y="1259"/>
                  </a:lnTo>
                  <a:lnTo>
                    <a:pt x="1767" y="1259"/>
                  </a:lnTo>
                  <a:lnTo>
                    <a:pt x="1767" y="1261"/>
                  </a:lnTo>
                  <a:lnTo>
                    <a:pt x="1766" y="1261"/>
                  </a:lnTo>
                  <a:lnTo>
                    <a:pt x="1766" y="1263"/>
                  </a:lnTo>
                  <a:lnTo>
                    <a:pt x="1764" y="1263"/>
                  </a:lnTo>
                  <a:lnTo>
                    <a:pt x="1764" y="1265"/>
                  </a:lnTo>
                  <a:lnTo>
                    <a:pt x="1764" y="1267"/>
                  </a:lnTo>
                  <a:lnTo>
                    <a:pt x="1762" y="1267"/>
                  </a:lnTo>
                  <a:lnTo>
                    <a:pt x="1762" y="1268"/>
                  </a:lnTo>
                  <a:lnTo>
                    <a:pt x="1760" y="1268"/>
                  </a:lnTo>
                  <a:lnTo>
                    <a:pt x="1760" y="1270"/>
                  </a:lnTo>
                  <a:lnTo>
                    <a:pt x="1758" y="1270"/>
                  </a:lnTo>
                  <a:lnTo>
                    <a:pt x="1756" y="1270"/>
                  </a:lnTo>
                  <a:lnTo>
                    <a:pt x="1756" y="1272"/>
                  </a:lnTo>
                  <a:lnTo>
                    <a:pt x="1756" y="1274"/>
                  </a:lnTo>
                  <a:lnTo>
                    <a:pt x="1754" y="1274"/>
                  </a:lnTo>
                  <a:lnTo>
                    <a:pt x="1756" y="1274"/>
                  </a:lnTo>
                  <a:lnTo>
                    <a:pt x="1758" y="1274"/>
                  </a:lnTo>
                  <a:lnTo>
                    <a:pt x="1758" y="1276"/>
                  </a:lnTo>
                  <a:lnTo>
                    <a:pt x="1760" y="1276"/>
                  </a:lnTo>
                  <a:lnTo>
                    <a:pt x="1760" y="1278"/>
                  </a:lnTo>
                  <a:lnTo>
                    <a:pt x="1760" y="1280"/>
                  </a:lnTo>
                  <a:lnTo>
                    <a:pt x="1762" y="1280"/>
                  </a:lnTo>
                  <a:lnTo>
                    <a:pt x="1762" y="1281"/>
                  </a:lnTo>
                  <a:lnTo>
                    <a:pt x="1762" y="1283"/>
                  </a:lnTo>
                  <a:lnTo>
                    <a:pt x="1762" y="1285"/>
                  </a:lnTo>
                  <a:lnTo>
                    <a:pt x="1764" y="1285"/>
                  </a:lnTo>
                  <a:lnTo>
                    <a:pt x="1764" y="1287"/>
                  </a:lnTo>
                  <a:lnTo>
                    <a:pt x="1762" y="1287"/>
                  </a:lnTo>
                  <a:lnTo>
                    <a:pt x="1762" y="1289"/>
                  </a:lnTo>
                  <a:lnTo>
                    <a:pt x="1760" y="1291"/>
                  </a:lnTo>
                  <a:lnTo>
                    <a:pt x="1758" y="1292"/>
                  </a:lnTo>
                  <a:lnTo>
                    <a:pt x="1756" y="1292"/>
                  </a:lnTo>
                  <a:lnTo>
                    <a:pt x="1756" y="1294"/>
                  </a:lnTo>
                  <a:lnTo>
                    <a:pt x="1754" y="1296"/>
                  </a:lnTo>
                  <a:lnTo>
                    <a:pt x="1754" y="1298"/>
                  </a:lnTo>
                  <a:lnTo>
                    <a:pt x="1754" y="1300"/>
                  </a:lnTo>
                  <a:lnTo>
                    <a:pt x="1756" y="1300"/>
                  </a:lnTo>
                  <a:lnTo>
                    <a:pt x="1756" y="1302"/>
                  </a:lnTo>
                  <a:lnTo>
                    <a:pt x="1756" y="1304"/>
                  </a:lnTo>
                  <a:lnTo>
                    <a:pt x="1758" y="1304"/>
                  </a:lnTo>
                  <a:lnTo>
                    <a:pt x="1758" y="1305"/>
                  </a:lnTo>
                  <a:lnTo>
                    <a:pt x="1758" y="1307"/>
                  </a:lnTo>
                  <a:lnTo>
                    <a:pt x="1758" y="1309"/>
                  </a:lnTo>
                  <a:lnTo>
                    <a:pt x="1756" y="1311"/>
                  </a:lnTo>
                  <a:lnTo>
                    <a:pt x="1756" y="1313"/>
                  </a:lnTo>
                  <a:lnTo>
                    <a:pt x="1754" y="1313"/>
                  </a:lnTo>
                  <a:lnTo>
                    <a:pt x="1753" y="1313"/>
                  </a:lnTo>
                  <a:lnTo>
                    <a:pt x="1751" y="1313"/>
                  </a:lnTo>
                  <a:lnTo>
                    <a:pt x="1749" y="1313"/>
                  </a:lnTo>
                  <a:lnTo>
                    <a:pt x="1747" y="1313"/>
                  </a:lnTo>
                  <a:lnTo>
                    <a:pt x="1745" y="1313"/>
                  </a:lnTo>
                  <a:lnTo>
                    <a:pt x="1743" y="1313"/>
                  </a:lnTo>
                  <a:lnTo>
                    <a:pt x="1742" y="1313"/>
                  </a:lnTo>
                  <a:lnTo>
                    <a:pt x="1740" y="1313"/>
                  </a:lnTo>
                  <a:lnTo>
                    <a:pt x="1740" y="1315"/>
                  </a:lnTo>
                  <a:lnTo>
                    <a:pt x="1740" y="1317"/>
                  </a:lnTo>
                  <a:lnTo>
                    <a:pt x="1738" y="1317"/>
                  </a:lnTo>
                  <a:lnTo>
                    <a:pt x="1740" y="1318"/>
                  </a:lnTo>
                  <a:lnTo>
                    <a:pt x="1738" y="1318"/>
                  </a:lnTo>
                  <a:lnTo>
                    <a:pt x="1740" y="1318"/>
                  </a:lnTo>
                  <a:lnTo>
                    <a:pt x="1738" y="1320"/>
                  </a:lnTo>
                  <a:lnTo>
                    <a:pt x="1738" y="1322"/>
                  </a:lnTo>
                  <a:lnTo>
                    <a:pt x="1736" y="1322"/>
                  </a:lnTo>
                  <a:lnTo>
                    <a:pt x="1736" y="1324"/>
                  </a:lnTo>
                  <a:lnTo>
                    <a:pt x="1736" y="1326"/>
                  </a:lnTo>
                  <a:lnTo>
                    <a:pt x="1734" y="1326"/>
                  </a:lnTo>
                  <a:lnTo>
                    <a:pt x="1734" y="1328"/>
                  </a:lnTo>
                  <a:lnTo>
                    <a:pt x="1734" y="1329"/>
                  </a:lnTo>
                  <a:lnTo>
                    <a:pt x="1732" y="1329"/>
                  </a:lnTo>
                  <a:lnTo>
                    <a:pt x="1732" y="1331"/>
                  </a:lnTo>
                  <a:lnTo>
                    <a:pt x="1730" y="1331"/>
                  </a:lnTo>
                  <a:lnTo>
                    <a:pt x="1730" y="1333"/>
                  </a:lnTo>
                  <a:lnTo>
                    <a:pt x="1730" y="1335"/>
                  </a:lnTo>
                  <a:lnTo>
                    <a:pt x="1730" y="1337"/>
                  </a:lnTo>
                  <a:lnTo>
                    <a:pt x="1730" y="1339"/>
                  </a:lnTo>
                  <a:lnTo>
                    <a:pt x="1729" y="1339"/>
                  </a:lnTo>
                  <a:lnTo>
                    <a:pt x="1729" y="1341"/>
                  </a:lnTo>
                  <a:lnTo>
                    <a:pt x="1727" y="1341"/>
                  </a:lnTo>
                  <a:lnTo>
                    <a:pt x="1727" y="1342"/>
                  </a:lnTo>
                  <a:lnTo>
                    <a:pt x="1725" y="1342"/>
                  </a:lnTo>
                  <a:lnTo>
                    <a:pt x="1725" y="1344"/>
                  </a:lnTo>
                  <a:lnTo>
                    <a:pt x="1723" y="1344"/>
                  </a:lnTo>
                  <a:lnTo>
                    <a:pt x="1723" y="1346"/>
                  </a:lnTo>
                  <a:lnTo>
                    <a:pt x="1721" y="1344"/>
                  </a:lnTo>
                  <a:lnTo>
                    <a:pt x="1719" y="1344"/>
                  </a:lnTo>
                  <a:lnTo>
                    <a:pt x="1717" y="1344"/>
                  </a:lnTo>
                  <a:lnTo>
                    <a:pt x="1716" y="1342"/>
                  </a:lnTo>
                  <a:lnTo>
                    <a:pt x="1714" y="1342"/>
                  </a:lnTo>
                  <a:lnTo>
                    <a:pt x="1714" y="1341"/>
                  </a:lnTo>
                  <a:lnTo>
                    <a:pt x="1712" y="1341"/>
                  </a:lnTo>
                  <a:lnTo>
                    <a:pt x="1710" y="1341"/>
                  </a:lnTo>
                  <a:lnTo>
                    <a:pt x="1710" y="1339"/>
                  </a:lnTo>
                  <a:lnTo>
                    <a:pt x="1708" y="1339"/>
                  </a:lnTo>
                  <a:lnTo>
                    <a:pt x="1706" y="1339"/>
                  </a:lnTo>
                  <a:lnTo>
                    <a:pt x="1705" y="1339"/>
                  </a:lnTo>
                  <a:lnTo>
                    <a:pt x="1703" y="1339"/>
                  </a:lnTo>
                  <a:lnTo>
                    <a:pt x="1701" y="1339"/>
                  </a:lnTo>
                  <a:lnTo>
                    <a:pt x="1701" y="1341"/>
                  </a:lnTo>
                  <a:lnTo>
                    <a:pt x="1699" y="1341"/>
                  </a:lnTo>
                  <a:lnTo>
                    <a:pt x="1697" y="1341"/>
                  </a:lnTo>
                  <a:lnTo>
                    <a:pt x="1695" y="1341"/>
                  </a:lnTo>
                  <a:lnTo>
                    <a:pt x="1695" y="1342"/>
                  </a:lnTo>
                  <a:lnTo>
                    <a:pt x="1693" y="1342"/>
                  </a:lnTo>
                  <a:lnTo>
                    <a:pt x="1692" y="1342"/>
                  </a:lnTo>
                  <a:lnTo>
                    <a:pt x="1690" y="1344"/>
                  </a:lnTo>
                  <a:lnTo>
                    <a:pt x="1690" y="1342"/>
                  </a:lnTo>
                  <a:lnTo>
                    <a:pt x="1688" y="1342"/>
                  </a:lnTo>
                  <a:lnTo>
                    <a:pt x="1686" y="1342"/>
                  </a:lnTo>
                  <a:lnTo>
                    <a:pt x="1684" y="1344"/>
                  </a:lnTo>
                  <a:lnTo>
                    <a:pt x="1682" y="1344"/>
                  </a:lnTo>
                  <a:lnTo>
                    <a:pt x="1681" y="1344"/>
                  </a:lnTo>
                  <a:lnTo>
                    <a:pt x="1681" y="1346"/>
                  </a:lnTo>
                  <a:lnTo>
                    <a:pt x="1679" y="1344"/>
                  </a:lnTo>
                  <a:lnTo>
                    <a:pt x="1679" y="1346"/>
                  </a:lnTo>
                  <a:lnTo>
                    <a:pt x="1679" y="1344"/>
                  </a:lnTo>
                  <a:lnTo>
                    <a:pt x="1679" y="1346"/>
                  </a:lnTo>
                  <a:lnTo>
                    <a:pt x="1679" y="1344"/>
                  </a:lnTo>
                  <a:lnTo>
                    <a:pt x="1677" y="1344"/>
                  </a:lnTo>
                  <a:lnTo>
                    <a:pt x="1675" y="1344"/>
                  </a:lnTo>
                  <a:lnTo>
                    <a:pt x="1675" y="1342"/>
                  </a:lnTo>
                  <a:lnTo>
                    <a:pt x="1673" y="1342"/>
                  </a:lnTo>
                  <a:lnTo>
                    <a:pt x="1671" y="1342"/>
                  </a:lnTo>
                  <a:lnTo>
                    <a:pt x="1669" y="1342"/>
                  </a:lnTo>
                  <a:lnTo>
                    <a:pt x="1668" y="1342"/>
                  </a:lnTo>
                  <a:lnTo>
                    <a:pt x="1666" y="1342"/>
                  </a:lnTo>
                  <a:lnTo>
                    <a:pt x="1664" y="1342"/>
                  </a:lnTo>
                  <a:lnTo>
                    <a:pt x="1662" y="1342"/>
                  </a:lnTo>
                  <a:lnTo>
                    <a:pt x="1660" y="1342"/>
                  </a:lnTo>
                  <a:lnTo>
                    <a:pt x="1658" y="1342"/>
                  </a:lnTo>
                  <a:lnTo>
                    <a:pt x="1656" y="1342"/>
                  </a:lnTo>
                  <a:lnTo>
                    <a:pt x="1655" y="1342"/>
                  </a:lnTo>
                  <a:lnTo>
                    <a:pt x="1653" y="1344"/>
                  </a:lnTo>
                  <a:lnTo>
                    <a:pt x="1651" y="1344"/>
                  </a:lnTo>
                  <a:lnTo>
                    <a:pt x="1649" y="1344"/>
                  </a:lnTo>
                  <a:lnTo>
                    <a:pt x="1647" y="1344"/>
                  </a:lnTo>
                  <a:lnTo>
                    <a:pt x="1645" y="1344"/>
                  </a:lnTo>
                  <a:lnTo>
                    <a:pt x="1644" y="1346"/>
                  </a:lnTo>
                  <a:lnTo>
                    <a:pt x="1642" y="1346"/>
                  </a:lnTo>
                  <a:lnTo>
                    <a:pt x="1642" y="1344"/>
                  </a:lnTo>
                  <a:lnTo>
                    <a:pt x="1640" y="1344"/>
                  </a:lnTo>
                  <a:lnTo>
                    <a:pt x="1638" y="1344"/>
                  </a:lnTo>
                  <a:lnTo>
                    <a:pt x="1636" y="1344"/>
                  </a:lnTo>
                  <a:lnTo>
                    <a:pt x="1634" y="1344"/>
                  </a:lnTo>
                  <a:lnTo>
                    <a:pt x="1632" y="1344"/>
                  </a:lnTo>
                  <a:lnTo>
                    <a:pt x="1631" y="1344"/>
                  </a:lnTo>
                  <a:lnTo>
                    <a:pt x="1629" y="1344"/>
                  </a:lnTo>
                  <a:lnTo>
                    <a:pt x="1627" y="1344"/>
                  </a:lnTo>
                  <a:lnTo>
                    <a:pt x="1627" y="1346"/>
                  </a:lnTo>
                  <a:lnTo>
                    <a:pt x="1625" y="1346"/>
                  </a:lnTo>
                  <a:lnTo>
                    <a:pt x="1623" y="1346"/>
                  </a:lnTo>
                  <a:lnTo>
                    <a:pt x="1621" y="1346"/>
                  </a:lnTo>
                  <a:lnTo>
                    <a:pt x="1620" y="1346"/>
                  </a:lnTo>
                  <a:lnTo>
                    <a:pt x="1620" y="1344"/>
                  </a:lnTo>
                  <a:lnTo>
                    <a:pt x="1620" y="1346"/>
                  </a:lnTo>
                  <a:lnTo>
                    <a:pt x="1618" y="1346"/>
                  </a:lnTo>
                  <a:lnTo>
                    <a:pt x="1618" y="1344"/>
                  </a:lnTo>
                  <a:lnTo>
                    <a:pt x="1616" y="1344"/>
                  </a:lnTo>
                  <a:lnTo>
                    <a:pt x="1614" y="1344"/>
                  </a:lnTo>
                  <a:lnTo>
                    <a:pt x="1612" y="1344"/>
                  </a:lnTo>
                  <a:lnTo>
                    <a:pt x="1610" y="1344"/>
                  </a:lnTo>
                  <a:lnTo>
                    <a:pt x="1608" y="1344"/>
                  </a:lnTo>
                  <a:lnTo>
                    <a:pt x="1608" y="1346"/>
                  </a:lnTo>
                  <a:lnTo>
                    <a:pt x="1607" y="1348"/>
                  </a:lnTo>
                  <a:lnTo>
                    <a:pt x="1607" y="1350"/>
                  </a:lnTo>
                  <a:lnTo>
                    <a:pt x="1607" y="1352"/>
                  </a:lnTo>
                  <a:lnTo>
                    <a:pt x="1607" y="1354"/>
                  </a:lnTo>
                  <a:lnTo>
                    <a:pt x="1605" y="1354"/>
                  </a:lnTo>
                  <a:lnTo>
                    <a:pt x="1605" y="1355"/>
                  </a:lnTo>
                  <a:lnTo>
                    <a:pt x="1605" y="1357"/>
                  </a:lnTo>
                  <a:lnTo>
                    <a:pt x="1603" y="1359"/>
                  </a:lnTo>
                  <a:lnTo>
                    <a:pt x="1603" y="1361"/>
                  </a:lnTo>
                  <a:lnTo>
                    <a:pt x="1601" y="1361"/>
                  </a:lnTo>
                  <a:lnTo>
                    <a:pt x="1599" y="1361"/>
                  </a:lnTo>
                  <a:lnTo>
                    <a:pt x="1599" y="1363"/>
                  </a:lnTo>
                  <a:lnTo>
                    <a:pt x="1597" y="1365"/>
                  </a:lnTo>
                  <a:lnTo>
                    <a:pt x="1599" y="1365"/>
                  </a:lnTo>
                  <a:lnTo>
                    <a:pt x="1599" y="1366"/>
                  </a:lnTo>
                  <a:lnTo>
                    <a:pt x="1597" y="1368"/>
                  </a:lnTo>
                  <a:lnTo>
                    <a:pt x="1595" y="1368"/>
                  </a:lnTo>
                  <a:lnTo>
                    <a:pt x="1594" y="1370"/>
                  </a:lnTo>
                  <a:lnTo>
                    <a:pt x="1592" y="1372"/>
                  </a:lnTo>
                  <a:lnTo>
                    <a:pt x="1592" y="1374"/>
                  </a:lnTo>
                  <a:lnTo>
                    <a:pt x="1590" y="1376"/>
                  </a:lnTo>
                  <a:lnTo>
                    <a:pt x="1590" y="1378"/>
                  </a:lnTo>
                  <a:lnTo>
                    <a:pt x="1588" y="1378"/>
                  </a:lnTo>
                  <a:lnTo>
                    <a:pt x="1588" y="1379"/>
                  </a:lnTo>
                  <a:lnTo>
                    <a:pt x="1588" y="1381"/>
                  </a:lnTo>
                  <a:lnTo>
                    <a:pt x="1588" y="1383"/>
                  </a:lnTo>
                  <a:lnTo>
                    <a:pt x="1586" y="1383"/>
                  </a:lnTo>
                  <a:lnTo>
                    <a:pt x="1586" y="1385"/>
                  </a:lnTo>
                  <a:lnTo>
                    <a:pt x="1584" y="1385"/>
                  </a:lnTo>
                  <a:lnTo>
                    <a:pt x="1584" y="1383"/>
                  </a:lnTo>
                  <a:lnTo>
                    <a:pt x="1584" y="1385"/>
                  </a:lnTo>
                  <a:lnTo>
                    <a:pt x="1583" y="1385"/>
                  </a:lnTo>
                  <a:lnTo>
                    <a:pt x="1581" y="1385"/>
                  </a:lnTo>
                  <a:lnTo>
                    <a:pt x="1579" y="1385"/>
                  </a:lnTo>
                  <a:lnTo>
                    <a:pt x="1579" y="1387"/>
                  </a:lnTo>
                  <a:lnTo>
                    <a:pt x="1577" y="1387"/>
                  </a:lnTo>
                  <a:lnTo>
                    <a:pt x="1575" y="1387"/>
                  </a:lnTo>
                  <a:lnTo>
                    <a:pt x="1575" y="1389"/>
                  </a:lnTo>
                  <a:lnTo>
                    <a:pt x="1573" y="1389"/>
                  </a:lnTo>
                  <a:lnTo>
                    <a:pt x="1571" y="1389"/>
                  </a:lnTo>
                  <a:lnTo>
                    <a:pt x="1571" y="1391"/>
                  </a:lnTo>
                  <a:lnTo>
                    <a:pt x="1570" y="1391"/>
                  </a:lnTo>
                  <a:lnTo>
                    <a:pt x="1568" y="1391"/>
                  </a:lnTo>
                  <a:lnTo>
                    <a:pt x="1568" y="1392"/>
                  </a:lnTo>
                  <a:lnTo>
                    <a:pt x="1566" y="1391"/>
                  </a:lnTo>
                  <a:lnTo>
                    <a:pt x="1564" y="1394"/>
                  </a:lnTo>
                  <a:lnTo>
                    <a:pt x="1566" y="1394"/>
                  </a:lnTo>
                  <a:lnTo>
                    <a:pt x="1566" y="1396"/>
                  </a:lnTo>
                  <a:lnTo>
                    <a:pt x="1566" y="1398"/>
                  </a:lnTo>
                  <a:lnTo>
                    <a:pt x="1568" y="1400"/>
                  </a:lnTo>
                  <a:lnTo>
                    <a:pt x="1570" y="1400"/>
                  </a:lnTo>
                  <a:lnTo>
                    <a:pt x="1570" y="1402"/>
                  </a:lnTo>
                  <a:lnTo>
                    <a:pt x="1570" y="1403"/>
                  </a:lnTo>
                  <a:lnTo>
                    <a:pt x="1571" y="1403"/>
                  </a:lnTo>
                  <a:lnTo>
                    <a:pt x="1571" y="1405"/>
                  </a:lnTo>
                  <a:lnTo>
                    <a:pt x="1570" y="1405"/>
                  </a:lnTo>
                  <a:lnTo>
                    <a:pt x="1570" y="1407"/>
                  </a:lnTo>
                  <a:lnTo>
                    <a:pt x="1570" y="1409"/>
                  </a:lnTo>
                  <a:lnTo>
                    <a:pt x="1571" y="1411"/>
                  </a:lnTo>
                  <a:lnTo>
                    <a:pt x="1571" y="1413"/>
                  </a:lnTo>
                  <a:lnTo>
                    <a:pt x="1570" y="1413"/>
                  </a:lnTo>
                  <a:lnTo>
                    <a:pt x="1568" y="1415"/>
                  </a:lnTo>
                  <a:lnTo>
                    <a:pt x="1566" y="1416"/>
                  </a:lnTo>
                  <a:lnTo>
                    <a:pt x="1566" y="1418"/>
                  </a:lnTo>
                  <a:lnTo>
                    <a:pt x="1566" y="1420"/>
                  </a:lnTo>
                  <a:lnTo>
                    <a:pt x="1566" y="1422"/>
                  </a:lnTo>
                  <a:lnTo>
                    <a:pt x="1564" y="1422"/>
                  </a:lnTo>
                  <a:lnTo>
                    <a:pt x="1562" y="1422"/>
                  </a:lnTo>
                  <a:lnTo>
                    <a:pt x="1562" y="1424"/>
                  </a:lnTo>
                  <a:lnTo>
                    <a:pt x="1562" y="1426"/>
                  </a:lnTo>
                  <a:lnTo>
                    <a:pt x="1564" y="1428"/>
                  </a:lnTo>
                  <a:lnTo>
                    <a:pt x="1566" y="1429"/>
                  </a:lnTo>
                  <a:lnTo>
                    <a:pt x="1566" y="1431"/>
                  </a:lnTo>
                  <a:lnTo>
                    <a:pt x="1568" y="1431"/>
                  </a:lnTo>
                  <a:lnTo>
                    <a:pt x="1566" y="1433"/>
                  </a:lnTo>
                  <a:lnTo>
                    <a:pt x="1566" y="1435"/>
                  </a:lnTo>
                  <a:lnTo>
                    <a:pt x="1566" y="1437"/>
                  </a:lnTo>
                  <a:lnTo>
                    <a:pt x="1566" y="1439"/>
                  </a:lnTo>
                  <a:lnTo>
                    <a:pt x="1566" y="1440"/>
                  </a:lnTo>
                  <a:lnTo>
                    <a:pt x="1566" y="1442"/>
                  </a:lnTo>
                  <a:lnTo>
                    <a:pt x="1564" y="1442"/>
                  </a:lnTo>
                  <a:lnTo>
                    <a:pt x="1562" y="1442"/>
                  </a:lnTo>
                  <a:lnTo>
                    <a:pt x="1560" y="1444"/>
                  </a:lnTo>
                  <a:lnTo>
                    <a:pt x="1559" y="1444"/>
                  </a:lnTo>
                  <a:lnTo>
                    <a:pt x="1557" y="1444"/>
                  </a:lnTo>
                  <a:lnTo>
                    <a:pt x="1555" y="1446"/>
                  </a:lnTo>
                  <a:lnTo>
                    <a:pt x="1555" y="1450"/>
                  </a:lnTo>
                  <a:lnTo>
                    <a:pt x="1555" y="1452"/>
                  </a:lnTo>
                  <a:lnTo>
                    <a:pt x="1555" y="1455"/>
                  </a:lnTo>
                  <a:lnTo>
                    <a:pt x="1555" y="1457"/>
                  </a:lnTo>
                  <a:lnTo>
                    <a:pt x="1555" y="1459"/>
                  </a:lnTo>
                  <a:lnTo>
                    <a:pt x="1555" y="1461"/>
                  </a:lnTo>
                  <a:lnTo>
                    <a:pt x="1555" y="1463"/>
                  </a:lnTo>
                  <a:lnTo>
                    <a:pt x="1553" y="1463"/>
                  </a:lnTo>
                  <a:lnTo>
                    <a:pt x="1553" y="1465"/>
                  </a:lnTo>
                  <a:lnTo>
                    <a:pt x="1553" y="1466"/>
                  </a:lnTo>
                  <a:lnTo>
                    <a:pt x="1553" y="1468"/>
                  </a:lnTo>
                  <a:lnTo>
                    <a:pt x="1555" y="1470"/>
                  </a:lnTo>
                  <a:lnTo>
                    <a:pt x="1557" y="1470"/>
                  </a:lnTo>
                  <a:lnTo>
                    <a:pt x="1557" y="1472"/>
                  </a:lnTo>
                  <a:lnTo>
                    <a:pt x="1557" y="1474"/>
                  </a:lnTo>
                  <a:lnTo>
                    <a:pt x="1557" y="1476"/>
                  </a:lnTo>
                  <a:lnTo>
                    <a:pt x="1559" y="1477"/>
                  </a:lnTo>
                  <a:lnTo>
                    <a:pt x="1560" y="1479"/>
                  </a:lnTo>
                  <a:lnTo>
                    <a:pt x="1560" y="1481"/>
                  </a:lnTo>
                  <a:lnTo>
                    <a:pt x="1566" y="1487"/>
                  </a:lnTo>
                  <a:lnTo>
                    <a:pt x="1562" y="1492"/>
                  </a:lnTo>
                  <a:lnTo>
                    <a:pt x="1560" y="1496"/>
                  </a:lnTo>
                  <a:lnTo>
                    <a:pt x="1560" y="1500"/>
                  </a:lnTo>
                  <a:lnTo>
                    <a:pt x="1559" y="1502"/>
                  </a:lnTo>
                  <a:lnTo>
                    <a:pt x="1557" y="1502"/>
                  </a:lnTo>
                  <a:lnTo>
                    <a:pt x="1549" y="1502"/>
                  </a:lnTo>
                  <a:lnTo>
                    <a:pt x="1549" y="1505"/>
                  </a:lnTo>
                  <a:lnTo>
                    <a:pt x="1547" y="1507"/>
                  </a:lnTo>
                  <a:lnTo>
                    <a:pt x="1542" y="1505"/>
                  </a:lnTo>
                  <a:lnTo>
                    <a:pt x="1542" y="1503"/>
                  </a:lnTo>
                  <a:lnTo>
                    <a:pt x="1540" y="1502"/>
                  </a:lnTo>
                  <a:lnTo>
                    <a:pt x="1538" y="1500"/>
                  </a:lnTo>
                  <a:lnTo>
                    <a:pt x="1534" y="1500"/>
                  </a:lnTo>
                  <a:lnTo>
                    <a:pt x="1531" y="1500"/>
                  </a:lnTo>
                  <a:lnTo>
                    <a:pt x="1527" y="1500"/>
                  </a:lnTo>
                  <a:lnTo>
                    <a:pt x="1523" y="1500"/>
                  </a:lnTo>
                  <a:lnTo>
                    <a:pt x="1516" y="1498"/>
                  </a:lnTo>
                  <a:lnTo>
                    <a:pt x="1514" y="1498"/>
                  </a:lnTo>
                  <a:lnTo>
                    <a:pt x="1509" y="1498"/>
                  </a:lnTo>
                  <a:lnTo>
                    <a:pt x="1507" y="1496"/>
                  </a:lnTo>
                  <a:lnTo>
                    <a:pt x="1503" y="1496"/>
                  </a:lnTo>
                  <a:lnTo>
                    <a:pt x="1503" y="1494"/>
                  </a:lnTo>
                  <a:lnTo>
                    <a:pt x="1503" y="1492"/>
                  </a:lnTo>
                  <a:lnTo>
                    <a:pt x="1501" y="1492"/>
                  </a:lnTo>
                  <a:lnTo>
                    <a:pt x="1499" y="1490"/>
                  </a:lnTo>
                  <a:lnTo>
                    <a:pt x="1498" y="1490"/>
                  </a:lnTo>
                  <a:lnTo>
                    <a:pt x="1496" y="1490"/>
                  </a:lnTo>
                  <a:lnTo>
                    <a:pt x="1494" y="1489"/>
                  </a:lnTo>
                  <a:lnTo>
                    <a:pt x="1492" y="1489"/>
                  </a:lnTo>
                  <a:lnTo>
                    <a:pt x="1490" y="1489"/>
                  </a:lnTo>
                  <a:lnTo>
                    <a:pt x="1488" y="1489"/>
                  </a:lnTo>
                  <a:lnTo>
                    <a:pt x="1486" y="1487"/>
                  </a:lnTo>
                  <a:lnTo>
                    <a:pt x="1485" y="1487"/>
                  </a:lnTo>
                  <a:lnTo>
                    <a:pt x="1483" y="1489"/>
                  </a:lnTo>
                  <a:lnTo>
                    <a:pt x="1481" y="1490"/>
                  </a:lnTo>
                  <a:lnTo>
                    <a:pt x="1477" y="1492"/>
                  </a:lnTo>
                  <a:lnTo>
                    <a:pt x="1475" y="1494"/>
                  </a:lnTo>
                  <a:lnTo>
                    <a:pt x="1473" y="1494"/>
                  </a:lnTo>
                  <a:lnTo>
                    <a:pt x="1470" y="1496"/>
                  </a:lnTo>
                  <a:lnTo>
                    <a:pt x="1468" y="1498"/>
                  </a:lnTo>
                  <a:lnTo>
                    <a:pt x="1466" y="1500"/>
                  </a:lnTo>
                  <a:lnTo>
                    <a:pt x="1464" y="1503"/>
                  </a:lnTo>
                  <a:lnTo>
                    <a:pt x="1461" y="1505"/>
                  </a:lnTo>
                  <a:lnTo>
                    <a:pt x="1459" y="1507"/>
                  </a:lnTo>
                  <a:lnTo>
                    <a:pt x="1457" y="1507"/>
                  </a:lnTo>
                  <a:lnTo>
                    <a:pt x="1455" y="1507"/>
                  </a:lnTo>
                  <a:lnTo>
                    <a:pt x="1451" y="1505"/>
                  </a:lnTo>
                  <a:lnTo>
                    <a:pt x="1448" y="1502"/>
                  </a:lnTo>
                  <a:lnTo>
                    <a:pt x="1446" y="1500"/>
                  </a:lnTo>
                  <a:lnTo>
                    <a:pt x="1446" y="1498"/>
                  </a:lnTo>
                  <a:lnTo>
                    <a:pt x="1446" y="1496"/>
                  </a:lnTo>
                  <a:lnTo>
                    <a:pt x="1444" y="1494"/>
                  </a:lnTo>
                  <a:lnTo>
                    <a:pt x="1442" y="1492"/>
                  </a:lnTo>
                  <a:lnTo>
                    <a:pt x="1440" y="1490"/>
                  </a:lnTo>
                  <a:lnTo>
                    <a:pt x="1438" y="1489"/>
                  </a:lnTo>
                  <a:lnTo>
                    <a:pt x="1437" y="1487"/>
                  </a:lnTo>
                  <a:lnTo>
                    <a:pt x="1435" y="1487"/>
                  </a:lnTo>
                  <a:lnTo>
                    <a:pt x="1431" y="1483"/>
                  </a:lnTo>
                  <a:lnTo>
                    <a:pt x="1429" y="1483"/>
                  </a:lnTo>
                  <a:lnTo>
                    <a:pt x="1427" y="1483"/>
                  </a:lnTo>
                  <a:lnTo>
                    <a:pt x="1425" y="1481"/>
                  </a:lnTo>
                  <a:lnTo>
                    <a:pt x="1424" y="1481"/>
                  </a:lnTo>
                  <a:lnTo>
                    <a:pt x="1424" y="1479"/>
                  </a:lnTo>
                  <a:lnTo>
                    <a:pt x="1422" y="1479"/>
                  </a:lnTo>
                  <a:lnTo>
                    <a:pt x="1422" y="1477"/>
                  </a:lnTo>
                  <a:lnTo>
                    <a:pt x="1420" y="1476"/>
                  </a:lnTo>
                  <a:lnTo>
                    <a:pt x="1418" y="1476"/>
                  </a:lnTo>
                  <a:lnTo>
                    <a:pt x="1416" y="1474"/>
                  </a:lnTo>
                  <a:lnTo>
                    <a:pt x="1414" y="1472"/>
                  </a:lnTo>
                  <a:lnTo>
                    <a:pt x="1414" y="1470"/>
                  </a:lnTo>
                  <a:lnTo>
                    <a:pt x="1412" y="1470"/>
                  </a:lnTo>
                  <a:lnTo>
                    <a:pt x="1412" y="1468"/>
                  </a:lnTo>
                  <a:lnTo>
                    <a:pt x="1412" y="1466"/>
                  </a:lnTo>
                  <a:lnTo>
                    <a:pt x="1411" y="1466"/>
                  </a:lnTo>
                  <a:lnTo>
                    <a:pt x="1409" y="1466"/>
                  </a:lnTo>
                  <a:lnTo>
                    <a:pt x="1407" y="1466"/>
                  </a:lnTo>
                  <a:lnTo>
                    <a:pt x="1405" y="1466"/>
                  </a:lnTo>
                  <a:lnTo>
                    <a:pt x="1405" y="1465"/>
                  </a:lnTo>
                  <a:lnTo>
                    <a:pt x="1403" y="1465"/>
                  </a:lnTo>
                  <a:lnTo>
                    <a:pt x="1401" y="1465"/>
                  </a:lnTo>
                  <a:lnTo>
                    <a:pt x="1400" y="1465"/>
                  </a:lnTo>
                  <a:lnTo>
                    <a:pt x="1398" y="1465"/>
                  </a:lnTo>
                  <a:lnTo>
                    <a:pt x="1396" y="1465"/>
                  </a:lnTo>
                  <a:lnTo>
                    <a:pt x="1394" y="1465"/>
                  </a:lnTo>
                  <a:lnTo>
                    <a:pt x="1394" y="1463"/>
                  </a:lnTo>
                  <a:lnTo>
                    <a:pt x="1392" y="1463"/>
                  </a:lnTo>
                  <a:lnTo>
                    <a:pt x="1390" y="1463"/>
                  </a:lnTo>
                  <a:lnTo>
                    <a:pt x="1390" y="1461"/>
                  </a:lnTo>
                  <a:lnTo>
                    <a:pt x="1388" y="1461"/>
                  </a:lnTo>
                  <a:lnTo>
                    <a:pt x="1387" y="1461"/>
                  </a:lnTo>
                  <a:lnTo>
                    <a:pt x="1385" y="1461"/>
                  </a:lnTo>
                  <a:lnTo>
                    <a:pt x="1383" y="1461"/>
                  </a:lnTo>
                  <a:lnTo>
                    <a:pt x="1381" y="1459"/>
                  </a:lnTo>
                  <a:lnTo>
                    <a:pt x="1381" y="1461"/>
                  </a:lnTo>
                  <a:lnTo>
                    <a:pt x="1381" y="1463"/>
                  </a:lnTo>
                  <a:lnTo>
                    <a:pt x="1381" y="1466"/>
                  </a:lnTo>
                  <a:lnTo>
                    <a:pt x="1379" y="1472"/>
                  </a:lnTo>
                  <a:lnTo>
                    <a:pt x="1376" y="1476"/>
                  </a:lnTo>
                  <a:lnTo>
                    <a:pt x="1374" y="1479"/>
                  </a:lnTo>
                  <a:lnTo>
                    <a:pt x="1372" y="1479"/>
                  </a:lnTo>
                  <a:lnTo>
                    <a:pt x="1368" y="1483"/>
                  </a:lnTo>
                  <a:lnTo>
                    <a:pt x="1366" y="1485"/>
                  </a:lnTo>
                  <a:lnTo>
                    <a:pt x="1364" y="1487"/>
                  </a:lnTo>
                  <a:lnTo>
                    <a:pt x="1363" y="1492"/>
                  </a:lnTo>
                  <a:lnTo>
                    <a:pt x="1363" y="1494"/>
                  </a:lnTo>
                  <a:lnTo>
                    <a:pt x="1364" y="1494"/>
                  </a:lnTo>
                  <a:lnTo>
                    <a:pt x="1355" y="1494"/>
                  </a:lnTo>
                  <a:lnTo>
                    <a:pt x="1351" y="1494"/>
                  </a:lnTo>
                  <a:lnTo>
                    <a:pt x="1348" y="1494"/>
                  </a:lnTo>
                  <a:lnTo>
                    <a:pt x="1346" y="1494"/>
                  </a:lnTo>
                  <a:lnTo>
                    <a:pt x="1344" y="1494"/>
                  </a:lnTo>
                  <a:lnTo>
                    <a:pt x="1342" y="1494"/>
                  </a:lnTo>
                  <a:lnTo>
                    <a:pt x="1340" y="1494"/>
                  </a:lnTo>
                  <a:lnTo>
                    <a:pt x="1340" y="1492"/>
                  </a:lnTo>
                  <a:lnTo>
                    <a:pt x="1339" y="1492"/>
                  </a:lnTo>
                  <a:lnTo>
                    <a:pt x="1339" y="1490"/>
                  </a:lnTo>
                  <a:lnTo>
                    <a:pt x="1339" y="1489"/>
                  </a:lnTo>
                  <a:lnTo>
                    <a:pt x="1337" y="1489"/>
                  </a:lnTo>
                  <a:lnTo>
                    <a:pt x="1337" y="1487"/>
                  </a:lnTo>
                  <a:lnTo>
                    <a:pt x="1333" y="1487"/>
                  </a:lnTo>
                  <a:lnTo>
                    <a:pt x="1331" y="1485"/>
                  </a:lnTo>
                  <a:lnTo>
                    <a:pt x="1331" y="1483"/>
                  </a:lnTo>
                  <a:lnTo>
                    <a:pt x="1331" y="1481"/>
                  </a:lnTo>
                  <a:lnTo>
                    <a:pt x="1331" y="1479"/>
                  </a:lnTo>
                  <a:lnTo>
                    <a:pt x="1329" y="1477"/>
                  </a:lnTo>
                  <a:lnTo>
                    <a:pt x="1329" y="1476"/>
                  </a:lnTo>
                  <a:lnTo>
                    <a:pt x="1327" y="1474"/>
                  </a:lnTo>
                  <a:lnTo>
                    <a:pt x="1326" y="1474"/>
                  </a:lnTo>
                  <a:lnTo>
                    <a:pt x="1326" y="1476"/>
                  </a:lnTo>
                  <a:lnTo>
                    <a:pt x="1326" y="1474"/>
                  </a:lnTo>
                  <a:lnTo>
                    <a:pt x="1324" y="1472"/>
                  </a:lnTo>
                  <a:lnTo>
                    <a:pt x="1324" y="1470"/>
                  </a:lnTo>
                  <a:lnTo>
                    <a:pt x="1327" y="1459"/>
                  </a:lnTo>
                  <a:lnTo>
                    <a:pt x="1326" y="1453"/>
                  </a:lnTo>
                  <a:lnTo>
                    <a:pt x="1326" y="1452"/>
                  </a:lnTo>
                  <a:lnTo>
                    <a:pt x="1327" y="1450"/>
                  </a:lnTo>
                  <a:lnTo>
                    <a:pt x="1327" y="1448"/>
                  </a:lnTo>
                  <a:lnTo>
                    <a:pt x="1327" y="1446"/>
                  </a:lnTo>
                  <a:lnTo>
                    <a:pt x="1327" y="1444"/>
                  </a:lnTo>
                  <a:lnTo>
                    <a:pt x="1326" y="1444"/>
                  </a:lnTo>
                  <a:lnTo>
                    <a:pt x="1326" y="1442"/>
                  </a:lnTo>
                  <a:lnTo>
                    <a:pt x="1324" y="1442"/>
                  </a:lnTo>
                  <a:lnTo>
                    <a:pt x="1322" y="1442"/>
                  </a:lnTo>
                  <a:lnTo>
                    <a:pt x="1322" y="1440"/>
                  </a:lnTo>
                  <a:lnTo>
                    <a:pt x="1320" y="1440"/>
                  </a:lnTo>
                  <a:lnTo>
                    <a:pt x="1318" y="1439"/>
                  </a:lnTo>
                  <a:lnTo>
                    <a:pt x="1318" y="1437"/>
                  </a:lnTo>
                  <a:lnTo>
                    <a:pt x="1316" y="1437"/>
                  </a:lnTo>
                  <a:lnTo>
                    <a:pt x="1315" y="1437"/>
                  </a:lnTo>
                  <a:lnTo>
                    <a:pt x="1315" y="1435"/>
                  </a:lnTo>
                  <a:lnTo>
                    <a:pt x="1313" y="1435"/>
                  </a:lnTo>
                  <a:lnTo>
                    <a:pt x="1313" y="1433"/>
                  </a:lnTo>
                  <a:lnTo>
                    <a:pt x="1313" y="1431"/>
                  </a:lnTo>
                  <a:lnTo>
                    <a:pt x="1311" y="1431"/>
                  </a:lnTo>
                  <a:lnTo>
                    <a:pt x="1309" y="1431"/>
                  </a:lnTo>
                  <a:lnTo>
                    <a:pt x="1307" y="1431"/>
                  </a:lnTo>
                  <a:lnTo>
                    <a:pt x="1305" y="1431"/>
                  </a:lnTo>
                  <a:lnTo>
                    <a:pt x="1303" y="1431"/>
                  </a:lnTo>
                  <a:lnTo>
                    <a:pt x="1302" y="1431"/>
                  </a:lnTo>
                  <a:lnTo>
                    <a:pt x="1300" y="1431"/>
                  </a:lnTo>
                  <a:lnTo>
                    <a:pt x="1298" y="1431"/>
                  </a:lnTo>
                  <a:lnTo>
                    <a:pt x="1296" y="1431"/>
                  </a:lnTo>
                  <a:lnTo>
                    <a:pt x="1294" y="1431"/>
                  </a:lnTo>
                  <a:lnTo>
                    <a:pt x="1292" y="1429"/>
                  </a:lnTo>
                  <a:lnTo>
                    <a:pt x="1290" y="1428"/>
                  </a:lnTo>
                  <a:lnTo>
                    <a:pt x="1289" y="1428"/>
                  </a:lnTo>
                  <a:lnTo>
                    <a:pt x="1287" y="1428"/>
                  </a:lnTo>
                  <a:lnTo>
                    <a:pt x="1287" y="1426"/>
                  </a:lnTo>
                  <a:lnTo>
                    <a:pt x="1285" y="1426"/>
                  </a:lnTo>
                  <a:lnTo>
                    <a:pt x="1285" y="1424"/>
                  </a:lnTo>
                  <a:lnTo>
                    <a:pt x="1283" y="1424"/>
                  </a:lnTo>
                  <a:lnTo>
                    <a:pt x="1283" y="1422"/>
                  </a:lnTo>
                  <a:lnTo>
                    <a:pt x="1283" y="1420"/>
                  </a:lnTo>
                  <a:lnTo>
                    <a:pt x="1281" y="1420"/>
                  </a:lnTo>
                  <a:lnTo>
                    <a:pt x="1281" y="1418"/>
                  </a:lnTo>
                  <a:lnTo>
                    <a:pt x="1283" y="1418"/>
                  </a:lnTo>
                  <a:lnTo>
                    <a:pt x="1281" y="1418"/>
                  </a:lnTo>
                  <a:lnTo>
                    <a:pt x="1281" y="1416"/>
                  </a:lnTo>
                  <a:lnTo>
                    <a:pt x="1281" y="1415"/>
                  </a:lnTo>
                  <a:lnTo>
                    <a:pt x="1281" y="1413"/>
                  </a:lnTo>
                  <a:lnTo>
                    <a:pt x="1281" y="1411"/>
                  </a:lnTo>
                  <a:lnTo>
                    <a:pt x="1279" y="1411"/>
                  </a:lnTo>
                  <a:lnTo>
                    <a:pt x="1279" y="1409"/>
                  </a:lnTo>
                  <a:lnTo>
                    <a:pt x="1278" y="1409"/>
                  </a:lnTo>
                  <a:lnTo>
                    <a:pt x="1278" y="1407"/>
                  </a:lnTo>
                  <a:lnTo>
                    <a:pt x="1276" y="1407"/>
                  </a:lnTo>
                  <a:lnTo>
                    <a:pt x="1276" y="1405"/>
                  </a:lnTo>
                  <a:lnTo>
                    <a:pt x="1276" y="1403"/>
                  </a:lnTo>
                  <a:lnTo>
                    <a:pt x="1274" y="1402"/>
                  </a:lnTo>
                  <a:lnTo>
                    <a:pt x="1272" y="1402"/>
                  </a:lnTo>
                  <a:lnTo>
                    <a:pt x="1272" y="1400"/>
                  </a:lnTo>
                  <a:lnTo>
                    <a:pt x="1272" y="1398"/>
                  </a:lnTo>
                  <a:lnTo>
                    <a:pt x="1270" y="1398"/>
                  </a:lnTo>
                  <a:lnTo>
                    <a:pt x="1270" y="1396"/>
                  </a:lnTo>
                  <a:lnTo>
                    <a:pt x="1268" y="1396"/>
                  </a:lnTo>
                  <a:lnTo>
                    <a:pt x="1268" y="1394"/>
                  </a:lnTo>
                  <a:lnTo>
                    <a:pt x="1268" y="1392"/>
                  </a:lnTo>
                  <a:lnTo>
                    <a:pt x="1266" y="1392"/>
                  </a:lnTo>
                  <a:lnTo>
                    <a:pt x="1265" y="1392"/>
                  </a:lnTo>
                  <a:lnTo>
                    <a:pt x="1265" y="1391"/>
                  </a:lnTo>
                  <a:lnTo>
                    <a:pt x="1263" y="1391"/>
                  </a:lnTo>
                  <a:lnTo>
                    <a:pt x="1263" y="1389"/>
                  </a:lnTo>
                  <a:lnTo>
                    <a:pt x="1261" y="1389"/>
                  </a:lnTo>
                  <a:lnTo>
                    <a:pt x="1255" y="1387"/>
                  </a:lnTo>
                  <a:lnTo>
                    <a:pt x="1254" y="1387"/>
                  </a:lnTo>
                  <a:lnTo>
                    <a:pt x="1252" y="1387"/>
                  </a:lnTo>
                  <a:lnTo>
                    <a:pt x="1252" y="1389"/>
                  </a:lnTo>
                  <a:lnTo>
                    <a:pt x="1252" y="1387"/>
                  </a:lnTo>
                  <a:lnTo>
                    <a:pt x="1252" y="1389"/>
                  </a:lnTo>
                  <a:lnTo>
                    <a:pt x="1250" y="1389"/>
                  </a:lnTo>
                  <a:lnTo>
                    <a:pt x="1250" y="1391"/>
                  </a:lnTo>
                  <a:lnTo>
                    <a:pt x="1248" y="1391"/>
                  </a:lnTo>
                  <a:lnTo>
                    <a:pt x="1248" y="1392"/>
                  </a:lnTo>
                  <a:lnTo>
                    <a:pt x="1246" y="1392"/>
                  </a:lnTo>
                  <a:lnTo>
                    <a:pt x="1244" y="1392"/>
                  </a:lnTo>
                  <a:lnTo>
                    <a:pt x="1242" y="1392"/>
                  </a:lnTo>
                  <a:lnTo>
                    <a:pt x="1241" y="1392"/>
                  </a:lnTo>
                  <a:lnTo>
                    <a:pt x="1241" y="1394"/>
                  </a:lnTo>
                  <a:lnTo>
                    <a:pt x="1241" y="1392"/>
                  </a:lnTo>
                  <a:lnTo>
                    <a:pt x="1241" y="1394"/>
                  </a:lnTo>
                  <a:lnTo>
                    <a:pt x="1239" y="1394"/>
                  </a:lnTo>
                  <a:lnTo>
                    <a:pt x="1237" y="1396"/>
                  </a:lnTo>
                  <a:lnTo>
                    <a:pt x="1235" y="1396"/>
                  </a:lnTo>
                  <a:lnTo>
                    <a:pt x="1235" y="1398"/>
                  </a:lnTo>
                  <a:lnTo>
                    <a:pt x="1233" y="1398"/>
                  </a:lnTo>
                  <a:lnTo>
                    <a:pt x="1231" y="1398"/>
                  </a:lnTo>
                  <a:lnTo>
                    <a:pt x="1231" y="1400"/>
                  </a:lnTo>
                  <a:lnTo>
                    <a:pt x="1229" y="1400"/>
                  </a:lnTo>
                  <a:lnTo>
                    <a:pt x="1228" y="1400"/>
                  </a:lnTo>
                  <a:lnTo>
                    <a:pt x="1226" y="1400"/>
                  </a:lnTo>
                  <a:lnTo>
                    <a:pt x="1224" y="1400"/>
                  </a:lnTo>
                  <a:lnTo>
                    <a:pt x="1222" y="1400"/>
                  </a:lnTo>
                  <a:lnTo>
                    <a:pt x="1220" y="1400"/>
                  </a:lnTo>
                  <a:lnTo>
                    <a:pt x="1218" y="1400"/>
                  </a:lnTo>
                  <a:lnTo>
                    <a:pt x="1217" y="1400"/>
                  </a:lnTo>
                  <a:lnTo>
                    <a:pt x="1215" y="1400"/>
                  </a:lnTo>
                  <a:lnTo>
                    <a:pt x="1215" y="1398"/>
                  </a:lnTo>
                  <a:lnTo>
                    <a:pt x="1213" y="1398"/>
                  </a:lnTo>
                  <a:lnTo>
                    <a:pt x="1211" y="1398"/>
                  </a:lnTo>
                  <a:lnTo>
                    <a:pt x="1211" y="1400"/>
                  </a:lnTo>
                  <a:lnTo>
                    <a:pt x="1209" y="1398"/>
                  </a:lnTo>
                  <a:lnTo>
                    <a:pt x="1207" y="1398"/>
                  </a:lnTo>
                  <a:lnTo>
                    <a:pt x="1205" y="1398"/>
                  </a:lnTo>
                  <a:lnTo>
                    <a:pt x="1204" y="1398"/>
                  </a:lnTo>
                  <a:lnTo>
                    <a:pt x="1202" y="1398"/>
                  </a:lnTo>
                  <a:lnTo>
                    <a:pt x="1202" y="1396"/>
                  </a:lnTo>
                  <a:lnTo>
                    <a:pt x="1200" y="1396"/>
                  </a:lnTo>
                  <a:lnTo>
                    <a:pt x="1198" y="1396"/>
                  </a:lnTo>
                  <a:lnTo>
                    <a:pt x="1196" y="1398"/>
                  </a:lnTo>
                  <a:lnTo>
                    <a:pt x="1194" y="1398"/>
                  </a:lnTo>
                  <a:lnTo>
                    <a:pt x="1192" y="1398"/>
                  </a:lnTo>
                  <a:lnTo>
                    <a:pt x="1191" y="1398"/>
                  </a:lnTo>
                  <a:lnTo>
                    <a:pt x="1191" y="1400"/>
                  </a:lnTo>
                  <a:lnTo>
                    <a:pt x="1189" y="1400"/>
                  </a:lnTo>
                  <a:lnTo>
                    <a:pt x="1187" y="1400"/>
                  </a:lnTo>
                  <a:lnTo>
                    <a:pt x="1187" y="1402"/>
                  </a:lnTo>
                  <a:lnTo>
                    <a:pt x="1185" y="1402"/>
                  </a:lnTo>
                  <a:lnTo>
                    <a:pt x="1183" y="1402"/>
                  </a:lnTo>
                  <a:lnTo>
                    <a:pt x="1181" y="1402"/>
                  </a:lnTo>
                  <a:lnTo>
                    <a:pt x="1180" y="1402"/>
                  </a:lnTo>
                  <a:lnTo>
                    <a:pt x="1178" y="1402"/>
                  </a:lnTo>
                  <a:lnTo>
                    <a:pt x="1178" y="1400"/>
                  </a:lnTo>
                  <a:lnTo>
                    <a:pt x="1176" y="1400"/>
                  </a:lnTo>
                  <a:lnTo>
                    <a:pt x="1174" y="1400"/>
                  </a:lnTo>
                  <a:lnTo>
                    <a:pt x="1172" y="1402"/>
                  </a:lnTo>
                  <a:lnTo>
                    <a:pt x="1172" y="1400"/>
                  </a:lnTo>
                  <a:lnTo>
                    <a:pt x="1172" y="1402"/>
                  </a:lnTo>
                  <a:lnTo>
                    <a:pt x="1172" y="1400"/>
                  </a:lnTo>
                  <a:lnTo>
                    <a:pt x="1170" y="1400"/>
                  </a:lnTo>
                  <a:lnTo>
                    <a:pt x="1168" y="1400"/>
                  </a:lnTo>
                  <a:lnTo>
                    <a:pt x="1167" y="1400"/>
                  </a:lnTo>
                  <a:lnTo>
                    <a:pt x="1165" y="1400"/>
                  </a:lnTo>
                  <a:lnTo>
                    <a:pt x="1163" y="1400"/>
                  </a:lnTo>
                  <a:lnTo>
                    <a:pt x="1161" y="1400"/>
                  </a:lnTo>
                  <a:lnTo>
                    <a:pt x="1159" y="1400"/>
                  </a:lnTo>
                  <a:lnTo>
                    <a:pt x="1157" y="1400"/>
                  </a:lnTo>
                  <a:lnTo>
                    <a:pt x="1156" y="1400"/>
                  </a:lnTo>
                  <a:lnTo>
                    <a:pt x="1154" y="1400"/>
                  </a:lnTo>
                  <a:lnTo>
                    <a:pt x="1152" y="1398"/>
                  </a:lnTo>
                  <a:lnTo>
                    <a:pt x="1150" y="1398"/>
                  </a:lnTo>
                  <a:lnTo>
                    <a:pt x="1150" y="1396"/>
                  </a:lnTo>
                  <a:lnTo>
                    <a:pt x="1148" y="1396"/>
                  </a:lnTo>
                  <a:lnTo>
                    <a:pt x="1148" y="1394"/>
                  </a:lnTo>
                  <a:lnTo>
                    <a:pt x="1146" y="1394"/>
                  </a:lnTo>
                  <a:lnTo>
                    <a:pt x="1146" y="1392"/>
                  </a:lnTo>
                  <a:lnTo>
                    <a:pt x="1144" y="1392"/>
                  </a:lnTo>
                  <a:lnTo>
                    <a:pt x="1146" y="1392"/>
                  </a:lnTo>
                  <a:lnTo>
                    <a:pt x="1144" y="1391"/>
                  </a:lnTo>
                  <a:lnTo>
                    <a:pt x="1144" y="1389"/>
                  </a:lnTo>
                  <a:lnTo>
                    <a:pt x="1146" y="1387"/>
                  </a:lnTo>
                  <a:lnTo>
                    <a:pt x="1146" y="1385"/>
                  </a:lnTo>
                  <a:lnTo>
                    <a:pt x="1141" y="1368"/>
                  </a:lnTo>
                  <a:lnTo>
                    <a:pt x="1139" y="1366"/>
                  </a:lnTo>
                  <a:lnTo>
                    <a:pt x="1137" y="1366"/>
                  </a:lnTo>
                  <a:lnTo>
                    <a:pt x="1135" y="1365"/>
                  </a:lnTo>
                  <a:lnTo>
                    <a:pt x="1133" y="1365"/>
                  </a:lnTo>
                  <a:lnTo>
                    <a:pt x="1131" y="1365"/>
                  </a:lnTo>
                  <a:lnTo>
                    <a:pt x="1130" y="1366"/>
                  </a:lnTo>
                  <a:lnTo>
                    <a:pt x="1130" y="1365"/>
                  </a:lnTo>
                  <a:lnTo>
                    <a:pt x="1128" y="1365"/>
                  </a:lnTo>
                  <a:lnTo>
                    <a:pt x="1126" y="1365"/>
                  </a:lnTo>
                  <a:lnTo>
                    <a:pt x="1126" y="1366"/>
                  </a:lnTo>
                  <a:lnTo>
                    <a:pt x="1124" y="1366"/>
                  </a:lnTo>
                  <a:lnTo>
                    <a:pt x="1122" y="1366"/>
                  </a:lnTo>
                  <a:lnTo>
                    <a:pt x="1120" y="1366"/>
                  </a:lnTo>
                  <a:lnTo>
                    <a:pt x="1119" y="1366"/>
                  </a:lnTo>
                  <a:lnTo>
                    <a:pt x="1119" y="1368"/>
                  </a:lnTo>
                  <a:lnTo>
                    <a:pt x="1117" y="1368"/>
                  </a:lnTo>
                  <a:lnTo>
                    <a:pt x="1115" y="1368"/>
                  </a:lnTo>
                  <a:lnTo>
                    <a:pt x="1104" y="1366"/>
                  </a:lnTo>
                  <a:lnTo>
                    <a:pt x="1100" y="1366"/>
                  </a:lnTo>
                  <a:lnTo>
                    <a:pt x="1098" y="1368"/>
                  </a:lnTo>
                  <a:lnTo>
                    <a:pt x="1098" y="1370"/>
                  </a:lnTo>
                  <a:lnTo>
                    <a:pt x="1096" y="1370"/>
                  </a:lnTo>
                  <a:lnTo>
                    <a:pt x="1096" y="1372"/>
                  </a:lnTo>
                  <a:lnTo>
                    <a:pt x="1095" y="1372"/>
                  </a:lnTo>
                  <a:lnTo>
                    <a:pt x="1095" y="1374"/>
                  </a:lnTo>
                  <a:lnTo>
                    <a:pt x="1095" y="1376"/>
                  </a:lnTo>
                  <a:lnTo>
                    <a:pt x="1095" y="1378"/>
                  </a:lnTo>
                  <a:lnTo>
                    <a:pt x="1095" y="1379"/>
                  </a:lnTo>
                  <a:lnTo>
                    <a:pt x="1093" y="1379"/>
                  </a:lnTo>
                  <a:lnTo>
                    <a:pt x="1093" y="1381"/>
                  </a:lnTo>
                  <a:lnTo>
                    <a:pt x="1091" y="1381"/>
                  </a:lnTo>
                  <a:lnTo>
                    <a:pt x="1091" y="1383"/>
                  </a:lnTo>
                  <a:lnTo>
                    <a:pt x="1089" y="1385"/>
                  </a:lnTo>
                  <a:lnTo>
                    <a:pt x="1089" y="1387"/>
                  </a:lnTo>
                  <a:lnTo>
                    <a:pt x="1089" y="1389"/>
                  </a:lnTo>
                  <a:lnTo>
                    <a:pt x="1089" y="1391"/>
                  </a:lnTo>
                  <a:lnTo>
                    <a:pt x="1089" y="1392"/>
                  </a:lnTo>
                  <a:lnTo>
                    <a:pt x="1089" y="1394"/>
                  </a:lnTo>
                  <a:lnTo>
                    <a:pt x="1091" y="1394"/>
                  </a:lnTo>
                  <a:lnTo>
                    <a:pt x="1089" y="1394"/>
                  </a:lnTo>
                  <a:lnTo>
                    <a:pt x="1091" y="1396"/>
                  </a:lnTo>
                  <a:lnTo>
                    <a:pt x="1089" y="1396"/>
                  </a:lnTo>
                  <a:lnTo>
                    <a:pt x="1091" y="1396"/>
                  </a:lnTo>
                  <a:lnTo>
                    <a:pt x="1091" y="1398"/>
                  </a:lnTo>
                  <a:lnTo>
                    <a:pt x="1091" y="1400"/>
                  </a:lnTo>
                  <a:lnTo>
                    <a:pt x="1091" y="1402"/>
                  </a:lnTo>
                  <a:lnTo>
                    <a:pt x="1093" y="1403"/>
                  </a:lnTo>
                  <a:lnTo>
                    <a:pt x="1093" y="1405"/>
                  </a:lnTo>
                  <a:lnTo>
                    <a:pt x="1093" y="1407"/>
                  </a:lnTo>
                  <a:lnTo>
                    <a:pt x="1093" y="1409"/>
                  </a:lnTo>
                  <a:lnTo>
                    <a:pt x="1093" y="1411"/>
                  </a:lnTo>
                  <a:lnTo>
                    <a:pt x="1095" y="1411"/>
                  </a:lnTo>
                  <a:lnTo>
                    <a:pt x="1095" y="1413"/>
                  </a:lnTo>
                  <a:lnTo>
                    <a:pt x="1095" y="1415"/>
                  </a:lnTo>
                  <a:lnTo>
                    <a:pt x="1096" y="1415"/>
                  </a:lnTo>
                  <a:lnTo>
                    <a:pt x="1095" y="1415"/>
                  </a:lnTo>
                  <a:lnTo>
                    <a:pt x="1095" y="1416"/>
                  </a:lnTo>
                  <a:lnTo>
                    <a:pt x="1095" y="1418"/>
                  </a:lnTo>
                  <a:lnTo>
                    <a:pt x="1095" y="1420"/>
                  </a:lnTo>
                  <a:lnTo>
                    <a:pt x="1095" y="1422"/>
                  </a:lnTo>
                  <a:lnTo>
                    <a:pt x="1093" y="1422"/>
                  </a:lnTo>
                  <a:lnTo>
                    <a:pt x="1093" y="1424"/>
                  </a:lnTo>
                  <a:lnTo>
                    <a:pt x="1091" y="1426"/>
                  </a:lnTo>
                  <a:lnTo>
                    <a:pt x="1091" y="1428"/>
                  </a:lnTo>
                  <a:lnTo>
                    <a:pt x="1089" y="1428"/>
                  </a:lnTo>
                  <a:lnTo>
                    <a:pt x="1087" y="1428"/>
                  </a:lnTo>
                  <a:lnTo>
                    <a:pt x="1087" y="1429"/>
                  </a:lnTo>
                  <a:lnTo>
                    <a:pt x="1085" y="1429"/>
                  </a:lnTo>
                  <a:lnTo>
                    <a:pt x="1085" y="1431"/>
                  </a:lnTo>
                  <a:lnTo>
                    <a:pt x="1083" y="1431"/>
                  </a:lnTo>
                  <a:lnTo>
                    <a:pt x="1082" y="1429"/>
                  </a:lnTo>
                  <a:lnTo>
                    <a:pt x="1080" y="1428"/>
                  </a:lnTo>
                  <a:lnTo>
                    <a:pt x="1078" y="1428"/>
                  </a:lnTo>
                  <a:lnTo>
                    <a:pt x="1076" y="1428"/>
                  </a:lnTo>
                  <a:lnTo>
                    <a:pt x="1074" y="1428"/>
                  </a:lnTo>
                  <a:lnTo>
                    <a:pt x="1072" y="1428"/>
                  </a:lnTo>
                  <a:lnTo>
                    <a:pt x="1070" y="1429"/>
                  </a:lnTo>
                  <a:lnTo>
                    <a:pt x="1069" y="1429"/>
                  </a:lnTo>
                  <a:lnTo>
                    <a:pt x="1069" y="1428"/>
                  </a:lnTo>
                  <a:lnTo>
                    <a:pt x="1067" y="1428"/>
                  </a:lnTo>
                  <a:lnTo>
                    <a:pt x="1065" y="1426"/>
                  </a:lnTo>
                  <a:lnTo>
                    <a:pt x="1063" y="1424"/>
                  </a:lnTo>
                  <a:lnTo>
                    <a:pt x="1061" y="1424"/>
                  </a:lnTo>
                  <a:lnTo>
                    <a:pt x="1059" y="1422"/>
                  </a:lnTo>
                  <a:lnTo>
                    <a:pt x="1058" y="1420"/>
                  </a:lnTo>
                  <a:lnTo>
                    <a:pt x="1056" y="1418"/>
                  </a:lnTo>
                  <a:lnTo>
                    <a:pt x="1056" y="1416"/>
                  </a:lnTo>
                  <a:lnTo>
                    <a:pt x="1054" y="1416"/>
                  </a:lnTo>
                  <a:lnTo>
                    <a:pt x="1052" y="1416"/>
                  </a:lnTo>
                  <a:lnTo>
                    <a:pt x="1050" y="1416"/>
                  </a:lnTo>
                  <a:lnTo>
                    <a:pt x="1050" y="1418"/>
                  </a:lnTo>
                  <a:lnTo>
                    <a:pt x="1048" y="1418"/>
                  </a:lnTo>
                  <a:lnTo>
                    <a:pt x="1046" y="1420"/>
                  </a:lnTo>
                  <a:lnTo>
                    <a:pt x="1046" y="1422"/>
                  </a:lnTo>
                  <a:lnTo>
                    <a:pt x="1046" y="1424"/>
                  </a:lnTo>
                  <a:lnTo>
                    <a:pt x="1045" y="1424"/>
                  </a:lnTo>
                  <a:lnTo>
                    <a:pt x="1043" y="1424"/>
                  </a:lnTo>
                  <a:lnTo>
                    <a:pt x="1041" y="1426"/>
                  </a:lnTo>
                  <a:lnTo>
                    <a:pt x="1039" y="1424"/>
                  </a:lnTo>
                  <a:lnTo>
                    <a:pt x="1037" y="1424"/>
                  </a:lnTo>
                  <a:lnTo>
                    <a:pt x="1035" y="1424"/>
                  </a:lnTo>
                  <a:lnTo>
                    <a:pt x="1035" y="1422"/>
                  </a:lnTo>
                  <a:lnTo>
                    <a:pt x="1034" y="1420"/>
                  </a:lnTo>
                  <a:lnTo>
                    <a:pt x="1030" y="1416"/>
                  </a:lnTo>
                  <a:lnTo>
                    <a:pt x="1028" y="1416"/>
                  </a:lnTo>
                  <a:lnTo>
                    <a:pt x="1026" y="1418"/>
                  </a:lnTo>
                  <a:lnTo>
                    <a:pt x="1026" y="1420"/>
                  </a:lnTo>
                  <a:lnTo>
                    <a:pt x="1024" y="1420"/>
                  </a:lnTo>
                  <a:lnTo>
                    <a:pt x="1024" y="1422"/>
                  </a:lnTo>
                  <a:lnTo>
                    <a:pt x="1024" y="1424"/>
                  </a:lnTo>
                  <a:lnTo>
                    <a:pt x="1022" y="1428"/>
                  </a:lnTo>
                  <a:lnTo>
                    <a:pt x="1021" y="1429"/>
                  </a:lnTo>
                  <a:lnTo>
                    <a:pt x="1019" y="1431"/>
                  </a:lnTo>
                  <a:lnTo>
                    <a:pt x="1017" y="1431"/>
                  </a:lnTo>
                  <a:lnTo>
                    <a:pt x="1015" y="1431"/>
                  </a:lnTo>
                  <a:lnTo>
                    <a:pt x="1015" y="1429"/>
                  </a:lnTo>
                  <a:lnTo>
                    <a:pt x="1013" y="1429"/>
                  </a:lnTo>
                  <a:lnTo>
                    <a:pt x="1011" y="1429"/>
                  </a:lnTo>
                  <a:lnTo>
                    <a:pt x="1011" y="1431"/>
                  </a:lnTo>
                  <a:lnTo>
                    <a:pt x="1009" y="1431"/>
                  </a:lnTo>
                  <a:lnTo>
                    <a:pt x="1008" y="1433"/>
                  </a:lnTo>
                  <a:lnTo>
                    <a:pt x="1006" y="1433"/>
                  </a:lnTo>
                  <a:lnTo>
                    <a:pt x="1004" y="1435"/>
                  </a:lnTo>
                  <a:lnTo>
                    <a:pt x="1002" y="1435"/>
                  </a:lnTo>
                  <a:lnTo>
                    <a:pt x="1000" y="1437"/>
                  </a:lnTo>
                  <a:lnTo>
                    <a:pt x="998" y="1437"/>
                  </a:lnTo>
                  <a:lnTo>
                    <a:pt x="997" y="1437"/>
                  </a:lnTo>
                  <a:lnTo>
                    <a:pt x="997" y="1439"/>
                  </a:lnTo>
                  <a:lnTo>
                    <a:pt x="995" y="1440"/>
                  </a:lnTo>
                  <a:lnTo>
                    <a:pt x="995" y="1442"/>
                  </a:lnTo>
                  <a:lnTo>
                    <a:pt x="993" y="1442"/>
                  </a:lnTo>
                  <a:lnTo>
                    <a:pt x="993" y="1444"/>
                  </a:lnTo>
                  <a:lnTo>
                    <a:pt x="991" y="1444"/>
                  </a:lnTo>
                  <a:lnTo>
                    <a:pt x="991" y="1446"/>
                  </a:lnTo>
                  <a:lnTo>
                    <a:pt x="989" y="1446"/>
                  </a:lnTo>
                  <a:lnTo>
                    <a:pt x="989" y="1448"/>
                  </a:lnTo>
                  <a:lnTo>
                    <a:pt x="989" y="1450"/>
                  </a:lnTo>
                  <a:lnTo>
                    <a:pt x="989" y="1452"/>
                  </a:lnTo>
                  <a:lnTo>
                    <a:pt x="991" y="1452"/>
                  </a:lnTo>
                  <a:lnTo>
                    <a:pt x="991" y="1453"/>
                  </a:lnTo>
                  <a:lnTo>
                    <a:pt x="989" y="1453"/>
                  </a:lnTo>
                  <a:lnTo>
                    <a:pt x="991" y="1453"/>
                  </a:lnTo>
                  <a:lnTo>
                    <a:pt x="991" y="1455"/>
                  </a:lnTo>
                  <a:lnTo>
                    <a:pt x="991" y="1457"/>
                  </a:lnTo>
                  <a:lnTo>
                    <a:pt x="991" y="1459"/>
                  </a:lnTo>
                  <a:lnTo>
                    <a:pt x="993" y="1459"/>
                  </a:lnTo>
                  <a:lnTo>
                    <a:pt x="993" y="1461"/>
                  </a:lnTo>
                  <a:lnTo>
                    <a:pt x="993" y="1463"/>
                  </a:lnTo>
                  <a:lnTo>
                    <a:pt x="993" y="1465"/>
                  </a:lnTo>
                  <a:lnTo>
                    <a:pt x="993" y="1466"/>
                  </a:lnTo>
                  <a:lnTo>
                    <a:pt x="993" y="1468"/>
                  </a:lnTo>
                  <a:lnTo>
                    <a:pt x="995" y="1468"/>
                  </a:lnTo>
                  <a:lnTo>
                    <a:pt x="993" y="1468"/>
                  </a:lnTo>
                  <a:lnTo>
                    <a:pt x="995" y="1468"/>
                  </a:lnTo>
                  <a:lnTo>
                    <a:pt x="993" y="1468"/>
                  </a:lnTo>
                  <a:lnTo>
                    <a:pt x="993" y="1470"/>
                  </a:lnTo>
                  <a:lnTo>
                    <a:pt x="991" y="1472"/>
                  </a:lnTo>
                  <a:lnTo>
                    <a:pt x="991" y="1474"/>
                  </a:lnTo>
                  <a:lnTo>
                    <a:pt x="989" y="1474"/>
                  </a:lnTo>
                  <a:lnTo>
                    <a:pt x="987" y="1474"/>
                  </a:lnTo>
                  <a:lnTo>
                    <a:pt x="985" y="1476"/>
                  </a:lnTo>
                  <a:lnTo>
                    <a:pt x="985" y="1474"/>
                  </a:lnTo>
                  <a:lnTo>
                    <a:pt x="984" y="1474"/>
                  </a:lnTo>
                  <a:lnTo>
                    <a:pt x="982" y="1474"/>
                  </a:lnTo>
                  <a:lnTo>
                    <a:pt x="980" y="1472"/>
                  </a:lnTo>
                  <a:lnTo>
                    <a:pt x="978" y="1472"/>
                  </a:lnTo>
                  <a:lnTo>
                    <a:pt x="976" y="1472"/>
                  </a:lnTo>
                  <a:lnTo>
                    <a:pt x="974" y="1472"/>
                  </a:lnTo>
                  <a:lnTo>
                    <a:pt x="973" y="1472"/>
                  </a:lnTo>
                  <a:lnTo>
                    <a:pt x="971" y="1472"/>
                  </a:lnTo>
                  <a:lnTo>
                    <a:pt x="969" y="1472"/>
                  </a:lnTo>
                  <a:lnTo>
                    <a:pt x="969" y="1474"/>
                  </a:lnTo>
                  <a:lnTo>
                    <a:pt x="969" y="1476"/>
                  </a:lnTo>
                  <a:lnTo>
                    <a:pt x="967" y="1476"/>
                  </a:lnTo>
                  <a:lnTo>
                    <a:pt x="969" y="1476"/>
                  </a:lnTo>
                  <a:lnTo>
                    <a:pt x="967" y="1476"/>
                  </a:lnTo>
                  <a:lnTo>
                    <a:pt x="967" y="1477"/>
                  </a:lnTo>
                  <a:lnTo>
                    <a:pt x="965" y="1477"/>
                  </a:lnTo>
                  <a:lnTo>
                    <a:pt x="963" y="1477"/>
                  </a:lnTo>
                  <a:lnTo>
                    <a:pt x="961" y="1477"/>
                  </a:lnTo>
                  <a:lnTo>
                    <a:pt x="960" y="1477"/>
                  </a:lnTo>
                  <a:lnTo>
                    <a:pt x="958" y="1477"/>
                  </a:lnTo>
                  <a:lnTo>
                    <a:pt x="956" y="1479"/>
                  </a:lnTo>
                  <a:lnTo>
                    <a:pt x="954" y="1479"/>
                  </a:lnTo>
                  <a:lnTo>
                    <a:pt x="952" y="1479"/>
                  </a:lnTo>
                  <a:lnTo>
                    <a:pt x="950" y="1479"/>
                  </a:lnTo>
                  <a:lnTo>
                    <a:pt x="950" y="1481"/>
                  </a:lnTo>
                  <a:lnTo>
                    <a:pt x="948" y="1481"/>
                  </a:lnTo>
                  <a:lnTo>
                    <a:pt x="948" y="1483"/>
                  </a:lnTo>
                  <a:lnTo>
                    <a:pt x="947" y="1483"/>
                  </a:lnTo>
                  <a:lnTo>
                    <a:pt x="947" y="1485"/>
                  </a:lnTo>
                  <a:lnTo>
                    <a:pt x="947" y="1487"/>
                  </a:lnTo>
                  <a:lnTo>
                    <a:pt x="947" y="1489"/>
                  </a:lnTo>
                  <a:lnTo>
                    <a:pt x="945" y="1489"/>
                  </a:lnTo>
                  <a:lnTo>
                    <a:pt x="945" y="1490"/>
                  </a:lnTo>
                  <a:lnTo>
                    <a:pt x="943" y="1490"/>
                  </a:lnTo>
                  <a:lnTo>
                    <a:pt x="943" y="1492"/>
                  </a:lnTo>
                  <a:lnTo>
                    <a:pt x="941" y="1492"/>
                  </a:lnTo>
                  <a:lnTo>
                    <a:pt x="941" y="1494"/>
                  </a:lnTo>
                  <a:lnTo>
                    <a:pt x="939" y="1494"/>
                  </a:lnTo>
                  <a:lnTo>
                    <a:pt x="939" y="1496"/>
                  </a:lnTo>
                  <a:lnTo>
                    <a:pt x="937" y="1498"/>
                  </a:lnTo>
                  <a:lnTo>
                    <a:pt x="937" y="1500"/>
                  </a:lnTo>
                  <a:lnTo>
                    <a:pt x="937" y="1502"/>
                  </a:lnTo>
                  <a:lnTo>
                    <a:pt x="936" y="1502"/>
                  </a:lnTo>
                  <a:lnTo>
                    <a:pt x="936" y="1503"/>
                  </a:lnTo>
                  <a:lnTo>
                    <a:pt x="934" y="1503"/>
                  </a:lnTo>
                  <a:lnTo>
                    <a:pt x="934" y="1505"/>
                  </a:lnTo>
                  <a:lnTo>
                    <a:pt x="932" y="1505"/>
                  </a:lnTo>
                  <a:lnTo>
                    <a:pt x="932" y="1507"/>
                  </a:lnTo>
                  <a:lnTo>
                    <a:pt x="930" y="1507"/>
                  </a:lnTo>
                  <a:lnTo>
                    <a:pt x="930" y="1509"/>
                  </a:lnTo>
                  <a:lnTo>
                    <a:pt x="928" y="1509"/>
                  </a:lnTo>
                  <a:lnTo>
                    <a:pt x="928" y="1511"/>
                  </a:lnTo>
                  <a:lnTo>
                    <a:pt x="926" y="1511"/>
                  </a:lnTo>
                  <a:lnTo>
                    <a:pt x="926" y="1513"/>
                  </a:lnTo>
                  <a:lnTo>
                    <a:pt x="924" y="1513"/>
                  </a:lnTo>
                  <a:lnTo>
                    <a:pt x="923" y="1513"/>
                  </a:lnTo>
                  <a:lnTo>
                    <a:pt x="923" y="1514"/>
                  </a:lnTo>
                  <a:lnTo>
                    <a:pt x="921" y="1514"/>
                  </a:lnTo>
                  <a:lnTo>
                    <a:pt x="919" y="1514"/>
                  </a:lnTo>
                  <a:lnTo>
                    <a:pt x="917" y="1514"/>
                  </a:lnTo>
                  <a:lnTo>
                    <a:pt x="917" y="1516"/>
                  </a:lnTo>
                  <a:lnTo>
                    <a:pt x="917" y="1518"/>
                  </a:lnTo>
                  <a:lnTo>
                    <a:pt x="917" y="1520"/>
                  </a:lnTo>
                  <a:lnTo>
                    <a:pt x="915" y="1520"/>
                  </a:lnTo>
                  <a:lnTo>
                    <a:pt x="913" y="1520"/>
                  </a:lnTo>
                  <a:lnTo>
                    <a:pt x="912" y="1520"/>
                  </a:lnTo>
                  <a:lnTo>
                    <a:pt x="910" y="1520"/>
                  </a:lnTo>
                  <a:lnTo>
                    <a:pt x="910" y="1522"/>
                  </a:lnTo>
                  <a:lnTo>
                    <a:pt x="908" y="1522"/>
                  </a:lnTo>
                  <a:lnTo>
                    <a:pt x="906" y="1524"/>
                  </a:lnTo>
                  <a:lnTo>
                    <a:pt x="904" y="1526"/>
                  </a:lnTo>
                  <a:lnTo>
                    <a:pt x="902" y="1526"/>
                  </a:lnTo>
                  <a:lnTo>
                    <a:pt x="900" y="1526"/>
                  </a:lnTo>
                  <a:lnTo>
                    <a:pt x="899" y="1526"/>
                  </a:lnTo>
                  <a:lnTo>
                    <a:pt x="897" y="1526"/>
                  </a:lnTo>
                  <a:lnTo>
                    <a:pt x="895" y="1526"/>
                  </a:lnTo>
                  <a:lnTo>
                    <a:pt x="893" y="1524"/>
                  </a:lnTo>
                  <a:lnTo>
                    <a:pt x="891" y="1522"/>
                  </a:lnTo>
                  <a:lnTo>
                    <a:pt x="891" y="1520"/>
                  </a:lnTo>
                  <a:lnTo>
                    <a:pt x="889" y="1520"/>
                  </a:lnTo>
                  <a:lnTo>
                    <a:pt x="889" y="1522"/>
                  </a:lnTo>
                  <a:lnTo>
                    <a:pt x="887" y="1522"/>
                  </a:lnTo>
                  <a:lnTo>
                    <a:pt x="887" y="1524"/>
                  </a:lnTo>
                  <a:lnTo>
                    <a:pt x="886" y="1524"/>
                  </a:lnTo>
                  <a:lnTo>
                    <a:pt x="886" y="1526"/>
                  </a:lnTo>
                  <a:lnTo>
                    <a:pt x="884" y="1526"/>
                  </a:lnTo>
                  <a:lnTo>
                    <a:pt x="884" y="1529"/>
                  </a:lnTo>
                  <a:lnTo>
                    <a:pt x="884" y="1531"/>
                  </a:lnTo>
                  <a:lnTo>
                    <a:pt x="884" y="1533"/>
                  </a:lnTo>
                  <a:lnTo>
                    <a:pt x="884" y="1535"/>
                  </a:lnTo>
                  <a:lnTo>
                    <a:pt x="882" y="1535"/>
                  </a:lnTo>
                  <a:lnTo>
                    <a:pt x="882" y="1537"/>
                  </a:lnTo>
                  <a:lnTo>
                    <a:pt x="880" y="1537"/>
                  </a:lnTo>
                  <a:lnTo>
                    <a:pt x="880" y="1539"/>
                  </a:lnTo>
                  <a:lnTo>
                    <a:pt x="878" y="1540"/>
                  </a:lnTo>
                  <a:lnTo>
                    <a:pt x="876" y="1542"/>
                  </a:lnTo>
                  <a:lnTo>
                    <a:pt x="875" y="1544"/>
                  </a:lnTo>
                  <a:lnTo>
                    <a:pt x="875" y="1546"/>
                  </a:lnTo>
                  <a:lnTo>
                    <a:pt x="873" y="1546"/>
                  </a:lnTo>
                  <a:lnTo>
                    <a:pt x="873" y="1548"/>
                  </a:lnTo>
                  <a:lnTo>
                    <a:pt x="871" y="1548"/>
                  </a:lnTo>
                  <a:lnTo>
                    <a:pt x="869" y="1548"/>
                  </a:lnTo>
                  <a:lnTo>
                    <a:pt x="869" y="1550"/>
                  </a:lnTo>
                  <a:lnTo>
                    <a:pt x="867" y="1550"/>
                  </a:lnTo>
                  <a:lnTo>
                    <a:pt x="865" y="1550"/>
                  </a:lnTo>
                  <a:lnTo>
                    <a:pt x="863" y="1550"/>
                  </a:lnTo>
                  <a:lnTo>
                    <a:pt x="863" y="1551"/>
                  </a:lnTo>
                  <a:lnTo>
                    <a:pt x="863" y="1550"/>
                  </a:lnTo>
                  <a:lnTo>
                    <a:pt x="862" y="1551"/>
                  </a:lnTo>
                  <a:lnTo>
                    <a:pt x="862" y="1550"/>
                  </a:lnTo>
                  <a:lnTo>
                    <a:pt x="860" y="1550"/>
                  </a:lnTo>
                  <a:lnTo>
                    <a:pt x="860" y="1548"/>
                  </a:lnTo>
                  <a:lnTo>
                    <a:pt x="858" y="1548"/>
                  </a:lnTo>
                  <a:lnTo>
                    <a:pt x="858" y="1546"/>
                  </a:lnTo>
                  <a:lnTo>
                    <a:pt x="856" y="1546"/>
                  </a:lnTo>
                  <a:lnTo>
                    <a:pt x="856" y="1544"/>
                  </a:lnTo>
                  <a:lnTo>
                    <a:pt x="854" y="1544"/>
                  </a:lnTo>
                  <a:lnTo>
                    <a:pt x="854" y="1542"/>
                  </a:lnTo>
                  <a:lnTo>
                    <a:pt x="852" y="1542"/>
                  </a:lnTo>
                  <a:lnTo>
                    <a:pt x="851" y="1542"/>
                  </a:lnTo>
                  <a:lnTo>
                    <a:pt x="849" y="1540"/>
                  </a:lnTo>
                  <a:lnTo>
                    <a:pt x="847" y="1540"/>
                  </a:lnTo>
                  <a:lnTo>
                    <a:pt x="847" y="1539"/>
                  </a:lnTo>
                  <a:lnTo>
                    <a:pt x="845" y="1539"/>
                  </a:lnTo>
                  <a:lnTo>
                    <a:pt x="843" y="1539"/>
                  </a:lnTo>
                  <a:lnTo>
                    <a:pt x="841" y="1539"/>
                  </a:lnTo>
                  <a:lnTo>
                    <a:pt x="841" y="1537"/>
                  </a:lnTo>
                  <a:lnTo>
                    <a:pt x="839" y="1537"/>
                  </a:lnTo>
                  <a:lnTo>
                    <a:pt x="839" y="1535"/>
                  </a:lnTo>
                  <a:lnTo>
                    <a:pt x="838" y="1535"/>
                  </a:lnTo>
                  <a:lnTo>
                    <a:pt x="838" y="1537"/>
                  </a:lnTo>
                  <a:lnTo>
                    <a:pt x="836" y="1537"/>
                  </a:lnTo>
                  <a:lnTo>
                    <a:pt x="834" y="1537"/>
                  </a:lnTo>
                  <a:lnTo>
                    <a:pt x="832" y="1537"/>
                  </a:lnTo>
                  <a:lnTo>
                    <a:pt x="830" y="1537"/>
                  </a:lnTo>
                  <a:lnTo>
                    <a:pt x="830" y="1535"/>
                  </a:lnTo>
                  <a:lnTo>
                    <a:pt x="830" y="1533"/>
                  </a:lnTo>
                  <a:lnTo>
                    <a:pt x="828" y="1531"/>
                  </a:lnTo>
                  <a:lnTo>
                    <a:pt x="826" y="1531"/>
                  </a:lnTo>
                  <a:lnTo>
                    <a:pt x="826" y="1529"/>
                  </a:lnTo>
                  <a:lnTo>
                    <a:pt x="825" y="1529"/>
                  </a:lnTo>
                  <a:lnTo>
                    <a:pt x="825" y="1527"/>
                  </a:lnTo>
                  <a:lnTo>
                    <a:pt x="825" y="1526"/>
                  </a:lnTo>
                  <a:lnTo>
                    <a:pt x="825" y="1524"/>
                  </a:lnTo>
                  <a:lnTo>
                    <a:pt x="825" y="1522"/>
                  </a:lnTo>
                  <a:lnTo>
                    <a:pt x="825" y="1520"/>
                  </a:lnTo>
                  <a:lnTo>
                    <a:pt x="823" y="1520"/>
                  </a:lnTo>
                  <a:lnTo>
                    <a:pt x="819" y="1520"/>
                  </a:lnTo>
                  <a:lnTo>
                    <a:pt x="817" y="1520"/>
                  </a:lnTo>
                  <a:lnTo>
                    <a:pt x="815" y="1518"/>
                  </a:lnTo>
                  <a:lnTo>
                    <a:pt x="812" y="1516"/>
                  </a:lnTo>
                  <a:lnTo>
                    <a:pt x="808" y="1513"/>
                  </a:lnTo>
                  <a:lnTo>
                    <a:pt x="806" y="1514"/>
                  </a:lnTo>
                  <a:lnTo>
                    <a:pt x="804" y="1514"/>
                  </a:lnTo>
                  <a:lnTo>
                    <a:pt x="802" y="1516"/>
                  </a:lnTo>
                  <a:lnTo>
                    <a:pt x="801" y="1516"/>
                  </a:lnTo>
                  <a:lnTo>
                    <a:pt x="799" y="1516"/>
                  </a:lnTo>
                  <a:lnTo>
                    <a:pt x="799" y="1518"/>
                  </a:lnTo>
                  <a:lnTo>
                    <a:pt x="797" y="1518"/>
                  </a:lnTo>
                  <a:lnTo>
                    <a:pt x="795" y="1518"/>
                  </a:lnTo>
                  <a:lnTo>
                    <a:pt x="793" y="1518"/>
                  </a:lnTo>
                  <a:lnTo>
                    <a:pt x="793" y="1520"/>
                  </a:lnTo>
                  <a:lnTo>
                    <a:pt x="791" y="1520"/>
                  </a:lnTo>
                  <a:lnTo>
                    <a:pt x="791" y="1522"/>
                  </a:lnTo>
                  <a:lnTo>
                    <a:pt x="790" y="1522"/>
                  </a:lnTo>
                  <a:lnTo>
                    <a:pt x="788" y="1522"/>
                  </a:lnTo>
                  <a:lnTo>
                    <a:pt x="786" y="1522"/>
                  </a:lnTo>
                  <a:lnTo>
                    <a:pt x="784" y="1522"/>
                  </a:lnTo>
                  <a:lnTo>
                    <a:pt x="782" y="1522"/>
                  </a:lnTo>
                  <a:lnTo>
                    <a:pt x="780" y="1522"/>
                  </a:lnTo>
                  <a:lnTo>
                    <a:pt x="778" y="1522"/>
                  </a:lnTo>
                  <a:lnTo>
                    <a:pt x="777" y="1522"/>
                  </a:lnTo>
                  <a:lnTo>
                    <a:pt x="777" y="1520"/>
                  </a:lnTo>
                  <a:lnTo>
                    <a:pt x="775" y="1520"/>
                  </a:lnTo>
                  <a:lnTo>
                    <a:pt x="773" y="1520"/>
                  </a:lnTo>
                  <a:lnTo>
                    <a:pt x="771" y="1520"/>
                  </a:lnTo>
                  <a:lnTo>
                    <a:pt x="771" y="1518"/>
                  </a:lnTo>
                  <a:lnTo>
                    <a:pt x="771" y="1516"/>
                  </a:lnTo>
                  <a:lnTo>
                    <a:pt x="769" y="1514"/>
                  </a:lnTo>
                  <a:lnTo>
                    <a:pt x="769" y="1513"/>
                  </a:lnTo>
                  <a:lnTo>
                    <a:pt x="769" y="1511"/>
                  </a:lnTo>
                  <a:lnTo>
                    <a:pt x="769" y="1509"/>
                  </a:lnTo>
                  <a:lnTo>
                    <a:pt x="767" y="1509"/>
                  </a:lnTo>
                  <a:lnTo>
                    <a:pt x="765" y="1509"/>
                  </a:lnTo>
                  <a:lnTo>
                    <a:pt x="764" y="1511"/>
                  </a:lnTo>
                  <a:lnTo>
                    <a:pt x="762" y="1511"/>
                  </a:lnTo>
                  <a:lnTo>
                    <a:pt x="762" y="1509"/>
                  </a:lnTo>
                  <a:lnTo>
                    <a:pt x="760" y="1509"/>
                  </a:lnTo>
                  <a:lnTo>
                    <a:pt x="758" y="1509"/>
                  </a:lnTo>
                  <a:lnTo>
                    <a:pt x="756" y="1509"/>
                  </a:lnTo>
                  <a:lnTo>
                    <a:pt x="756" y="1507"/>
                  </a:lnTo>
                  <a:lnTo>
                    <a:pt x="754" y="1507"/>
                  </a:lnTo>
                  <a:lnTo>
                    <a:pt x="753" y="1507"/>
                  </a:lnTo>
                  <a:lnTo>
                    <a:pt x="751" y="1507"/>
                  </a:lnTo>
                  <a:lnTo>
                    <a:pt x="751" y="1509"/>
                  </a:lnTo>
                  <a:lnTo>
                    <a:pt x="749" y="1509"/>
                  </a:lnTo>
                  <a:lnTo>
                    <a:pt x="747" y="1509"/>
                  </a:lnTo>
                  <a:lnTo>
                    <a:pt x="747" y="1507"/>
                  </a:lnTo>
                  <a:lnTo>
                    <a:pt x="745" y="1507"/>
                  </a:lnTo>
                  <a:lnTo>
                    <a:pt x="745" y="1505"/>
                  </a:lnTo>
                  <a:lnTo>
                    <a:pt x="743" y="1505"/>
                  </a:lnTo>
                  <a:lnTo>
                    <a:pt x="743" y="1503"/>
                  </a:lnTo>
                  <a:lnTo>
                    <a:pt x="741" y="1503"/>
                  </a:lnTo>
                  <a:lnTo>
                    <a:pt x="741" y="1502"/>
                  </a:lnTo>
                  <a:lnTo>
                    <a:pt x="740" y="1502"/>
                  </a:lnTo>
                  <a:lnTo>
                    <a:pt x="740" y="1500"/>
                  </a:lnTo>
                  <a:lnTo>
                    <a:pt x="738" y="1500"/>
                  </a:lnTo>
                  <a:lnTo>
                    <a:pt x="736" y="1500"/>
                  </a:lnTo>
                  <a:lnTo>
                    <a:pt x="736" y="1502"/>
                  </a:lnTo>
                  <a:lnTo>
                    <a:pt x="734" y="1502"/>
                  </a:lnTo>
                  <a:lnTo>
                    <a:pt x="732" y="1502"/>
                  </a:lnTo>
                  <a:lnTo>
                    <a:pt x="732" y="1503"/>
                  </a:lnTo>
                  <a:lnTo>
                    <a:pt x="730" y="1503"/>
                  </a:lnTo>
                  <a:lnTo>
                    <a:pt x="730" y="1505"/>
                  </a:lnTo>
                  <a:lnTo>
                    <a:pt x="730" y="1507"/>
                  </a:lnTo>
                  <a:lnTo>
                    <a:pt x="730" y="1509"/>
                  </a:lnTo>
                  <a:lnTo>
                    <a:pt x="729" y="1509"/>
                  </a:lnTo>
                  <a:lnTo>
                    <a:pt x="727" y="1509"/>
                  </a:lnTo>
                  <a:lnTo>
                    <a:pt x="725" y="1511"/>
                  </a:lnTo>
                  <a:lnTo>
                    <a:pt x="725" y="1513"/>
                  </a:lnTo>
                  <a:lnTo>
                    <a:pt x="723" y="1513"/>
                  </a:lnTo>
                  <a:lnTo>
                    <a:pt x="723" y="1514"/>
                  </a:lnTo>
                  <a:lnTo>
                    <a:pt x="723" y="1516"/>
                  </a:lnTo>
                  <a:lnTo>
                    <a:pt x="723" y="1518"/>
                  </a:lnTo>
                  <a:lnTo>
                    <a:pt x="721" y="1518"/>
                  </a:lnTo>
                  <a:lnTo>
                    <a:pt x="721" y="1520"/>
                  </a:lnTo>
                  <a:lnTo>
                    <a:pt x="721" y="1522"/>
                  </a:lnTo>
                  <a:lnTo>
                    <a:pt x="719" y="1522"/>
                  </a:lnTo>
                  <a:lnTo>
                    <a:pt x="719" y="1524"/>
                  </a:lnTo>
                  <a:lnTo>
                    <a:pt x="719" y="1526"/>
                  </a:lnTo>
                  <a:lnTo>
                    <a:pt x="717" y="1526"/>
                  </a:lnTo>
                  <a:lnTo>
                    <a:pt x="717" y="1527"/>
                  </a:lnTo>
                  <a:lnTo>
                    <a:pt x="717" y="1529"/>
                  </a:lnTo>
                  <a:lnTo>
                    <a:pt x="717" y="1531"/>
                  </a:lnTo>
                  <a:lnTo>
                    <a:pt x="716" y="1531"/>
                  </a:lnTo>
                  <a:lnTo>
                    <a:pt x="716" y="1533"/>
                  </a:lnTo>
                  <a:lnTo>
                    <a:pt x="716" y="1535"/>
                  </a:lnTo>
                  <a:lnTo>
                    <a:pt x="714" y="1535"/>
                  </a:lnTo>
                  <a:lnTo>
                    <a:pt x="714" y="1537"/>
                  </a:lnTo>
                  <a:lnTo>
                    <a:pt x="714" y="1539"/>
                  </a:lnTo>
                  <a:lnTo>
                    <a:pt x="714" y="1540"/>
                  </a:lnTo>
                  <a:lnTo>
                    <a:pt x="712" y="1540"/>
                  </a:lnTo>
                  <a:lnTo>
                    <a:pt x="712" y="1542"/>
                  </a:lnTo>
                  <a:lnTo>
                    <a:pt x="710" y="1542"/>
                  </a:lnTo>
                  <a:lnTo>
                    <a:pt x="708" y="1542"/>
                  </a:lnTo>
                  <a:lnTo>
                    <a:pt x="706" y="1544"/>
                  </a:lnTo>
                  <a:lnTo>
                    <a:pt x="704" y="1544"/>
                  </a:lnTo>
                  <a:lnTo>
                    <a:pt x="703" y="1546"/>
                  </a:lnTo>
                  <a:lnTo>
                    <a:pt x="703" y="1548"/>
                  </a:lnTo>
                  <a:lnTo>
                    <a:pt x="701" y="1548"/>
                  </a:lnTo>
                  <a:lnTo>
                    <a:pt x="701" y="1550"/>
                  </a:lnTo>
                  <a:lnTo>
                    <a:pt x="699" y="1550"/>
                  </a:lnTo>
                  <a:lnTo>
                    <a:pt x="697" y="1550"/>
                  </a:lnTo>
                  <a:lnTo>
                    <a:pt x="697" y="1551"/>
                  </a:lnTo>
                  <a:lnTo>
                    <a:pt x="697" y="1553"/>
                  </a:lnTo>
                  <a:lnTo>
                    <a:pt x="697" y="1555"/>
                  </a:lnTo>
                  <a:lnTo>
                    <a:pt x="695" y="1555"/>
                  </a:lnTo>
                  <a:lnTo>
                    <a:pt x="695" y="1557"/>
                  </a:lnTo>
                  <a:lnTo>
                    <a:pt x="693" y="1557"/>
                  </a:lnTo>
                  <a:lnTo>
                    <a:pt x="692" y="1559"/>
                  </a:lnTo>
                  <a:lnTo>
                    <a:pt x="690" y="1561"/>
                  </a:lnTo>
                  <a:lnTo>
                    <a:pt x="688" y="1561"/>
                  </a:lnTo>
                  <a:lnTo>
                    <a:pt x="688" y="1563"/>
                  </a:lnTo>
                  <a:lnTo>
                    <a:pt x="686" y="1564"/>
                  </a:lnTo>
                  <a:lnTo>
                    <a:pt x="686" y="1566"/>
                  </a:lnTo>
                  <a:lnTo>
                    <a:pt x="684" y="1566"/>
                  </a:lnTo>
                  <a:lnTo>
                    <a:pt x="684" y="1568"/>
                  </a:lnTo>
                  <a:lnTo>
                    <a:pt x="682" y="1568"/>
                  </a:lnTo>
                  <a:lnTo>
                    <a:pt x="680" y="1568"/>
                  </a:lnTo>
                  <a:lnTo>
                    <a:pt x="679" y="1568"/>
                  </a:lnTo>
                  <a:lnTo>
                    <a:pt x="679" y="1566"/>
                  </a:lnTo>
                  <a:lnTo>
                    <a:pt x="679" y="1564"/>
                  </a:lnTo>
                  <a:lnTo>
                    <a:pt x="677" y="1564"/>
                  </a:lnTo>
                  <a:lnTo>
                    <a:pt x="677" y="1563"/>
                  </a:lnTo>
                  <a:lnTo>
                    <a:pt x="677" y="1561"/>
                  </a:lnTo>
                  <a:lnTo>
                    <a:pt x="677" y="1559"/>
                  </a:lnTo>
                  <a:lnTo>
                    <a:pt x="675" y="1559"/>
                  </a:lnTo>
                  <a:lnTo>
                    <a:pt x="673" y="1557"/>
                  </a:lnTo>
                  <a:lnTo>
                    <a:pt x="671" y="1557"/>
                  </a:lnTo>
                  <a:lnTo>
                    <a:pt x="669" y="1559"/>
                  </a:lnTo>
                  <a:lnTo>
                    <a:pt x="668" y="1559"/>
                  </a:lnTo>
                  <a:lnTo>
                    <a:pt x="669" y="1559"/>
                  </a:lnTo>
                  <a:lnTo>
                    <a:pt x="668" y="1561"/>
                  </a:lnTo>
                  <a:lnTo>
                    <a:pt x="666" y="1561"/>
                  </a:lnTo>
                  <a:lnTo>
                    <a:pt x="664" y="1561"/>
                  </a:lnTo>
                  <a:lnTo>
                    <a:pt x="662" y="1563"/>
                  </a:lnTo>
                  <a:lnTo>
                    <a:pt x="660" y="1563"/>
                  </a:lnTo>
                  <a:lnTo>
                    <a:pt x="660" y="1564"/>
                  </a:lnTo>
                  <a:lnTo>
                    <a:pt x="658" y="1564"/>
                  </a:lnTo>
                  <a:lnTo>
                    <a:pt x="658" y="1563"/>
                  </a:lnTo>
                  <a:lnTo>
                    <a:pt x="656" y="1563"/>
                  </a:lnTo>
                  <a:lnTo>
                    <a:pt x="656" y="1564"/>
                  </a:lnTo>
                  <a:lnTo>
                    <a:pt x="656" y="1563"/>
                  </a:lnTo>
                  <a:lnTo>
                    <a:pt x="655" y="1564"/>
                  </a:lnTo>
                  <a:lnTo>
                    <a:pt x="655" y="1563"/>
                  </a:lnTo>
                  <a:lnTo>
                    <a:pt x="653" y="1563"/>
                  </a:lnTo>
                  <a:lnTo>
                    <a:pt x="651" y="1563"/>
                  </a:lnTo>
                  <a:lnTo>
                    <a:pt x="651" y="1561"/>
                  </a:lnTo>
                  <a:lnTo>
                    <a:pt x="649" y="1561"/>
                  </a:lnTo>
                  <a:lnTo>
                    <a:pt x="647" y="1561"/>
                  </a:lnTo>
                  <a:lnTo>
                    <a:pt x="645" y="1559"/>
                  </a:lnTo>
                  <a:lnTo>
                    <a:pt x="643" y="1559"/>
                  </a:lnTo>
                  <a:lnTo>
                    <a:pt x="643" y="1561"/>
                  </a:lnTo>
                  <a:lnTo>
                    <a:pt x="643" y="1559"/>
                  </a:lnTo>
                  <a:lnTo>
                    <a:pt x="642" y="1561"/>
                  </a:lnTo>
                  <a:lnTo>
                    <a:pt x="642" y="1563"/>
                  </a:lnTo>
                  <a:lnTo>
                    <a:pt x="640" y="1563"/>
                  </a:lnTo>
                  <a:lnTo>
                    <a:pt x="640" y="1564"/>
                  </a:lnTo>
                  <a:lnTo>
                    <a:pt x="638" y="1564"/>
                  </a:lnTo>
                  <a:lnTo>
                    <a:pt x="636" y="1564"/>
                  </a:lnTo>
                  <a:lnTo>
                    <a:pt x="636" y="1563"/>
                  </a:lnTo>
                  <a:lnTo>
                    <a:pt x="634" y="1563"/>
                  </a:lnTo>
                  <a:lnTo>
                    <a:pt x="634" y="1564"/>
                  </a:lnTo>
                  <a:lnTo>
                    <a:pt x="632" y="1564"/>
                  </a:lnTo>
                  <a:lnTo>
                    <a:pt x="631" y="1564"/>
                  </a:lnTo>
                  <a:lnTo>
                    <a:pt x="629" y="1566"/>
                  </a:lnTo>
                  <a:lnTo>
                    <a:pt x="627" y="1566"/>
                  </a:lnTo>
                  <a:lnTo>
                    <a:pt x="627" y="1568"/>
                  </a:lnTo>
                  <a:lnTo>
                    <a:pt x="625" y="1568"/>
                  </a:lnTo>
                  <a:lnTo>
                    <a:pt x="625" y="1570"/>
                  </a:lnTo>
                  <a:lnTo>
                    <a:pt x="625" y="1572"/>
                  </a:lnTo>
                  <a:lnTo>
                    <a:pt x="625" y="1574"/>
                  </a:lnTo>
                  <a:lnTo>
                    <a:pt x="625" y="1575"/>
                  </a:lnTo>
                  <a:lnTo>
                    <a:pt x="623" y="1577"/>
                  </a:lnTo>
                  <a:lnTo>
                    <a:pt x="621" y="1577"/>
                  </a:lnTo>
                  <a:lnTo>
                    <a:pt x="621" y="1579"/>
                  </a:lnTo>
                  <a:lnTo>
                    <a:pt x="619" y="1579"/>
                  </a:lnTo>
                  <a:lnTo>
                    <a:pt x="618" y="1579"/>
                  </a:lnTo>
                  <a:lnTo>
                    <a:pt x="618" y="1581"/>
                  </a:lnTo>
                  <a:lnTo>
                    <a:pt x="618" y="1583"/>
                  </a:lnTo>
                  <a:lnTo>
                    <a:pt x="616" y="1583"/>
                  </a:lnTo>
                  <a:lnTo>
                    <a:pt x="614" y="1583"/>
                  </a:lnTo>
                  <a:lnTo>
                    <a:pt x="612" y="1583"/>
                  </a:lnTo>
                  <a:lnTo>
                    <a:pt x="610" y="1585"/>
                  </a:lnTo>
                  <a:lnTo>
                    <a:pt x="610" y="1587"/>
                  </a:lnTo>
                  <a:lnTo>
                    <a:pt x="608" y="1588"/>
                  </a:lnTo>
                  <a:lnTo>
                    <a:pt x="608" y="1590"/>
                  </a:lnTo>
                  <a:lnTo>
                    <a:pt x="608" y="1592"/>
                  </a:lnTo>
                  <a:lnTo>
                    <a:pt x="607" y="1592"/>
                  </a:lnTo>
                  <a:lnTo>
                    <a:pt x="605" y="1592"/>
                  </a:lnTo>
                  <a:lnTo>
                    <a:pt x="605" y="1594"/>
                  </a:lnTo>
                  <a:lnTo>
                    <a:pt x="603" y="1594"/>
                  </a:lnTo>
                  <a:lnTo>
                    <a:pt x="603" y="1592"/>
                  </a:lnTo>
                  <a:lnTo>
                    <a:pt x="603" y="1594"/>
                  </a:lnTo>
                  <a:lnTo>
                    <a:pt x="603" y="1596"/>
                  </a:lnTo>
                  <a:lnTo>
                    <a:pt x="603" y="1598"/>
                  </a:lnTo>
                  <a:lnTo>
                    <a:pt x="601" y="1600"/>
                  </a:lnTo>
                  <a:lnTo>
                    <a:pt x="601" y="1601"/>
                  </a:lnTo>
                  <a:lnTo>
                    <a:pt x="599" y="1601"/>
                  </a:lnTo>
                  <a:lnTo>
                    <a:pt x="599" y="1603"/>
                  </a:lnTo>
                  <a:lnTo>
                    <a:pt x="599" y="1605"/>
                  </a:lnTo>
                  <a:lnTo>
                    <a:pt x="601" y="1607"/>
                  </a:lnTo>
                  <a:lnTo>
                    <a:pt x="601" y="1609"/>
                  </a:lnTo>
                  <a:lnTo>
                    <a:pt x="601" y="1611"/>
                  </a:lnTo>
                  <a:lnTo>
                    <a:pt x="601" y="1612"/>
                  </a:lnTo>
                  <a:lnTo>
                    <a:pt x="601" y="1614"/>
                  </a:lnTo>
                  <a:lnTo>
                    <a:pt x="603" y="1614"/>
                  </a:lnTo>
                  <a:lnTo>
                    <a:pt x="603" y="1616"/>
                  </a:lnTo>
                  <a:lnTo>
                    <a:pt x="603" y="1618"/>
                  </a:lnTo>
                  <a:lnTo>
                    <a:pt x="605" y="1618"/>
                  </a:lnTo>
                  <a:lnTo>
                    <a:pt x="603" y="1618"/>
                  </a:lnTo>
                  <a:lnTo>
                    <a:pt x="603" y="1620"/>
                  </a:lnTo>
                  <a:lnTo>
                    <a:pt x="601" y="1620"/>
                  </a:lnTo>
                  <a:lnTo>
                    <a:pt x="601" y="1622"/>
                  </a:lnTo>
                  <a:lnTo>
                    <a:pt x="599" y="1622"/>
                  </a:lnTo>
                  <a:lnTo>
                    <a:pt x="599" y="1624"/>
                  </a:lnTo>
                  <a:lnTo>
                    <a:pt x="597" y="1624"/>
                  </a:lnTo>
                  <a:lnTo>
                    <a:pt x="595" y="1624"/>
                  </a:lnTo>
                  <a:lnTo>
                    <a:pt x="595" y="1625"/>
                  </a:lnTo>
                  <a:lnTo>
                    <a:pt x="594" y="1625"/>
                  </a:lnTo>
                  <a:lnTo>
                    <a:pt x="592" y="1625"/>
                  </a:lnTo>
                  <a:lnTo>
                    <a:pt x="590" y="1625"/>
                  </a:lnTo>
                  <a:lnTo>
                    <a:pt x="590" y="1627"/>
                  </a:lnTo>
                  <a:lnTo>
                    <a:pt x="588" y="1627"/>
                  </a:lnTo>
                  <a:lnTo>
                    <a:pt x="586" y="1627"/>
                  </a:lnTo>
                  <a:lnTo>
                    <a:pt x="586" y="1625"/>
                  </a:lnTo>
                  <a:lnTo>
                    <a:pt x="584" y="1625"/>
                  </a:lnTo>
                  <a:lnTo>
                    <a:pt x="584" y="1624"/>
                  </a:lnTo>
                  <a:lnTo>
                    <a:pt x="582" y="1624"/>
                  </a:lnTo>
                  <a:lnTo>
                    <a:pt x="581" y="1625"/>
                  </a:lnTo>
                  <a:lnTo>
                    <a:pt x="581" y="1624"/>
                  </a:lnTo>
                  <a:lnTo>
                    <a:pt x="579" y="1624"/>
                  </a:lnTo>
                  <a:lnTo>
                    <a:pt x="579" y="1622"/>
                  </a:lnTo>
                  <a:lnTo>
                    <a:pt x="577" y="1622"/>
                  </a:lnTo>
                  <a:lnTo>
                    <a:pt x="577" y="1620"/>
                  </a:lnTo>
                  <a:lnTo>
                    <a:pt x="575" y="1620"/>
                  </a:lnTo>
                  <a:lnTo>
                    <a:pt x="575" y="1618"/>
                  </a:lnTo>
                  <a:lnTo>
                    <a:pt x="573" y="1618"/>
                  </a:lnTo>
                  <a:lnTo>
                    <a:pt x="573" y="1616"/>
                  </a:lnTo>
                  <a:lnTo>
                    <a:pt x="573" y="1618"/>
                  </a:lnTo>
                  <a:lnTo>
                    <a:pt x="571" y="1618"/>
                  </a:lnTo>
                  <a:lnTo>
                    <a:pt x="570" y="1618"/>
                  </a:lnTo>
                  <a:lnTo>
                    <a:pt x="568" y="1618"/>
                  </a:lnTo>
                  <a:lnTo>
                    <a:pt x="555" y="1607"/>
                  </a:lnTo>
                  <a:lnTo>
                    <a:pt x="549" y="1601"/>
                  </a:lnTo>
                  <a:lnTo>
                    <a:pt x="547" y="1601"/>
                  </a:lnTo>
                  <a:lnTo>
                    <a:pt x="547" y="1600"/>
                  </a:lnTo>
                  <a:lnTo>
                    <a:pt x="549" y="1600"/>
                  </a:lnTo>
                  <a:lnTo>
                    <a:pt x="549" y="1598"/>
                  </a:lnTo>
                  <a:lnTo>
                    <a:pt x="551" y="1598"/>
                  </a:lnTo>
                  <a:lnTo>
                    <a:pt x="551" y="1596"/>
                  </a:lnTo>
                  <a:lnTo>
                    <a:pt x="553" y="1596"/>
                  </a:lnTo>
                  <a:lnTo>
                    <a:pt x="553" y="1594"/>
                  </a:lnTo>
                  <a:lnTo>
                    <a:pt x="551" y="1594"/>
                  </a:lnTo>
                  <a:lnTo>
                    <a:pt x="553" y="1592"/>
                  </a:lnTo>
                  <a:lnTo>
                    <a:pt x="551" y="1592"/>
                  </a:lnTo>
                  <a:lnTo>
                    <a:pt x="551" y="1590"/>
                  </a:lnTo>
                  <a:lnTo>
                    <a:pt x="549" y="1590"/>
                  </a:lnTo>
                  <a:lnTo>
                    <a:pt x="549" y="1588"/>
                  </a:lnTo>
                  <a:lnTo>
                    <a:pt x="547" y="1588"/>
                  </a:lnTo>
                  <a:lnTo>
                    <a:pt x="547" y="1587"/>
                  </a:lnTo>
                  <a:lnTo>
                    <a:pt x="546" y="1587"/>
                  </a:lnTo>
                  <a:lnTo>
                    <a:pt x="544" y="1587"/>
                  </a:lnTo>
                  <a:lnTo>
                    <a:pt x="542" y="1587"/>
                  </a:lnTo>
                  <a:lnTo>
                    <a:pt x="542" y="1585"/>
                  </a:lnTo>
                  <a:lnTo>
                    <a:pt x="540" y="1585"/>
                  </a:lnTo>
                  <a:lnTo>
                    <a:pt x="538" y="1585"/>
                  </a:lnTo>
                  <a:lnTo>
                    <a:pt x="536" y="1585"/>
                  </a:lnTo>
                  <a:lnTo>
                    <a:pt x="536" y="1587"/>
                  </a:lnTo>
                  <a:lnTo>
                    <a:pt x="534" y="1587"/>
                  </a:lnTo>
                  <a:lnTo>
                    <a:pt x="534" y="1588"/>
                  </a:lnTo>
                  <a:lnTo>
                    <a:pt x="533" y="1588"/>
                  </a:lnTo>
                  <a:lnTo>
                    <a:pt x="531" y="1588"/>
                  </a:lnTo>
                  <a:lnTo>
                    <a:pt x="529" y="1588"/>
                  </a:lnTo>
                  <a:lnTo>
                    <a:pt x="529" y="1590"/>
                  </a:lnTo>
                  <a:lnTo>
                    <a:pt x="527" y="1590"/>
                  </a:lnTo>
                  <a:lnTo>
                    <a:pt x="527" y="1592"/>
                  </a:lnTo>
                  <a:lnTo>
                    <a:pt x="525" y="1592"/>
                  </a:lnTo>
                  <a:lnTo>
                    <a:pt x="523" y="1592"/>
                  </a:lnTo>
                  <a:lnTo>
                    <a:pt x="521" y="1592"/>
                  </a:lnTo>
                  <a:lnTo>
                    <a:pt x="520" y="1592"/>
                  </a:lnTo>
                  <a:lnTo>
                    <a:pt x="518" y="1594"/>
                  </a:lnTo>
                  <a:lnTo>
                    <a:pt x="518" y="1596"/>
                  </a:lnTo>
                  <a:lnTo>
                    <a:pt x="516" y="1596"/>
                  </a:lnTo>
                  <a:lnTo>
                    <a:pt x="514" y="1598"/>
                  </a:lnTo>
                  <a:lnTo>
                    <a:pt x="512" y="1598"/>
                  </a:lnTo>
                  <a:lnTo>
                    <a:pt x="510" y="1598"/>
                  </a:lnTo>
                  <a:lnTo>
                    <a:pt x="510" y="1600"/>
                  </a:lnTo>
                  <a:lnTo>
                    <a:pt x="509" y="1601"/>
                  </a:lnTo>
                  <a:lnTo>
                    <a:pt x="509" y="1603"/>
                  </a:lnTo>
                  <a:lnTo>
                    <a:pt x="509" y="1605"/>
                  </a:lnTo>
                  <a:lnTo>
                    <a:pt x="509" y="1607"/>
                  </a:lnTo>
                  <a:lnTo>
                    <a:pt x="507" y="1607"/>
                  </a:lnTo>
                  <a:lnTo>
                    <a:pt x="507" y="1609"/>
                  </a:lnTo>
                  <a:lnTo>
                    <a:pt x="505" y="1609"/>
                  </a:lnTo>
                  <a:lnTo>
                    <a:pt x="505" y="1611"/>
                  </a:lnTo>
                  <a:lnTo>
                    <a:pt x="503" y="1611"/>
                  </a:lnTo>
                  <a:lnTo>
                    <a:pt x="501" y="1612"/>
                  </a:lnTo>
                  <a:lnTo>
                    <a:pt x="501" y="1614"/>
                  </a:lnTo>
                  <a:lnTo>
                    <a:pt x="499" y="1614"/>
                  </a:lnTo>
                  <a:lnTo>
                    <a:pt x="497" y="1614"/>
                  </a:lnTo>
                  <a:lnTo>
                    <a:pt x="497" y="1616"/>
                  </a:lnTo>
                  <a:lnTo>
                    <a:pt x="496" y="1616"/>
                  </a:lnTo>
                  <a:lnTo>
                    <a:pt x="494" y="1616"/>
                  </a:lnTo>
                  <a:lnTo>
                    <a:pt x="494" y="1618"/>
                  </a:lnTo>
                  <a:lnTo>
                    <a:pt x="492" y="1618"/>
                  </a:lnTo>
                  <a:lnTo>
                    <a:pt x="492" y="1620"/>
                  </a:lnTo>
                  <a:lnTo>
                    <a:pt x="490" y="1620"/>
                  </a:lnTo>
                  <a:lnTo>
                    <a:pt x="490" y="1622"/>
                  </a:lnTo>
                  <a:lnTo>
                    <a:pt x="488" y="1622"/>
                  </a:lnTo>
                  <a:lnTo>
                    <a:pt x="488" y="1624"/>
                  </a:lnTo>
                  <a:lnTo>
                    <a:pt x="488" y="1625"/>
                  </a:lnTo>
                  <a:lnTo>
                    <a:pt x="486" y="1625"/>
                  </a:lnTo>
                  <a:lnTo>
                    <a:pt x="485" y="1625"/>
                  </a:lnTo>
                  <a:lnTo>
                    <a:pt x="483" y="1625"/>
                  </a:lnTo>
                  <a:lnTo>
                    <a:pt x="481" y="1625"/>
                  </a:lnTo>
                  <a:lnTo>
                    <a:pt x="479" y="1625"/>
                  </a:lnTo>
                  <a:lnTo>
                    <a:pt x="477" y="1625"/>
                  </a:lnTo>
                  <a:lnTo>
                    <a:pt x="475" y="1627"/>
                  </a:lnTo>
                  <a:lnTo>
                    <a:pt x="473" y="1627"/>
                  </a:lnTo>
                  <a:lnTo>
                    <a:pt x="472" y="1627"/>
                  </a:lnTo>
                  <a:lnTo>
                    <a:pt x="470" y="1627"/>
                  </a:lnTo>
                  <a:lnTo>
                    <a:pt x="468" y="1627"/>
                  </a:lnTo>
                  <a:lnTo>
                    <a:pt x="468" y="1625"/>
                  </a:lnTo>
                  <a:lnTo>
                    <a:pt x="466" y="1625"/>
                  </a:lnTo>
                  <a:lnTo>
                    <a:pt x="464" y="1625"/>
                  </a:lnTo>
                  <a:lnTo>
                    <a:pt x="462" y="1625"/>
                  </a:lnTo>
                  <a:lnTo>
                    <a:pt x="460" y="1625"/>
                  </a:lnTo>
                  <a:lnTo>
                    <a:pt x="460" y="1624"/>
                  </a:lnTo>
                  <a:lnTo>
                    <a:pt x="460" y="1622"/>
                  </a:lnTo>
                  <a:lnTo>
                    <a:pt x="459" y="1622"/>
                  </a:lnTo>
                  <a:lnTo>
                    <a:pt x="459" y="1620"/>
                  </a:lnTo>
                  <a:lnTo>
                    <a:pt x="457" y="1620"/>
                  </a:lnTo>
                  <a:lnTo>
                    <a:pt x="457" y="1618"/>
                  </a:lnTo>
                  <a:lnTo>
                    <a:pt x="457" y="1616"/>
                  </a:lnTo>
                  <a:lnTo>
                    <a:pt x="457" y="1614"/>
                  </a:lnTo>
                  <a:lnTo>
                    <a:pt x="457" y="1612"/>
                  </a:lnTo>
                  <a:lnTo>
                    <a:pt x="457" y="1611"/>
                  </a:lnTo>
                  <a:lnTo>
                    <a:pt x="455" y="1611"/>
                  </a:lnTo>
                  <a:lnTo>
                    <a:pt x="455" y="1609"/>
                  </a:lnTo>
                  <a:lnTo>
                    <a:pt x="455" y="1607"/>
                  </a:lnTo>
                  <a:lnTo>
                    <a:pt x="453" y="1605"/>
                  </a:lnTo>
                  <a:lnTo>
                    <a:pt x="453" y="1603"/>
                  </a:lnTo>
                  <a:lnTo>
                    <a:pt x="453" y="1601"/>
                  </a:lnTo>
                  <a:lnTo>
                    <a:pt x="451" y="1601"/>
                  </a:lnTo>
                  <a:lnTo>
                    <a:pt x="451" y="1600"/>
                  </a:lnTo>
                  <a:lnTo>
                    <a:pt x="449" y="1600"/>
                  </a:lnTo>
                  <a:lnTo>
                    <a:pt x="449" y="1598"/>
                  </a:lnTo>
                  <a:lnTo>
                    <a:pt x="451" y="1596"/>
                  </a:lnTo>
                  <a:lnTo>
                    <a:pt x="451" y="1594"/>
                  </a:lnTo>
                  <a:lnTo>
                    <a:pt x="453" y="1592"/>
                  </a:lnTo>
                  <a:lnTo>
                    <a:pt x="453" y="1590"/>
                  </a:lnTo>
                  <a:lnTo>
                    <a:pt x="451" y="1590"/>
                  </a:lnTo>
                  <a:lnTo>
                    <a:pt x="451" y="1588"/>
                  </a:lnTo>
                  <a:lnTo>
                    <a:pt x="449" y="1587"/>
                  </a:lnTo>
                  <a:lnTo>
                    <a:pt x="448" y="1587"/>
                  </a:lnTo>
                  <a:lnTo>
                    <a:pt x="448" y="1585"/>
                  </a:lnTo>
                  <a:lnTo>
                    <a:pt x="446" y="1585"/>
                  </a:lnTo>
                  <a:lnTo>
                    <a:pt x="446" y="1583"/>
                  </a:lnTo>
                  <a:lnTo>
                    <a:pt x="446" y="1581"/>
                  </a:lnTo>
                  <a:lnTo>
                    <a:pt x="444" y="1581"/>
                  </a:lnTo>
                  <a:lnTo>
                    <a:pt x="442" y="1581"/>
                  </a:lnTo>
                  <a:lnTo>
                    <a:pt x="440" y="1579"/>
                  </a:lnTo>
                  <a:lnTo>
                    <a:pt x="440" y="1577"/>
                  </a:lnTo>
                  <a:lnTo>
                    <a:pt x="438" y="1575"/>
                  </a:lnTo>
                  <a:lnTo>
                    <a:pt x="436" y="1575"/>
                  </a:lnTo>
                  <a:lnTo>
                    <a:pt x="435" y="1575"/>
                  </a:lnTo>
                  <a:lnTo>
                    <a:pt x="433" y="1574"/>
                  </a:lnTo>
                  <a:lnTo>
                    <a:pt x="431" y="1572"/>
                  </a:lnTo>
                  <a:lnTo>
                    <a:pt x="431" y="1570"/>
                  </a:lnTo>
                  <a:lnTo>
                    <a:pt x="431" y="1568"/>
                  </a:lnTo>
                  <a:lnTo>
                    <a:pt x="431" y="1566"/>
                  </a:lnTo>
                  <a:lnTo>
                    <a:pt x="429" y="1566"/>
                  </a:lnTo>
                  <a:lnTo>
                    <a:pt x="429" y="1564"/>
                  </a:lnTo>
                  <a:lnTo>
                    <a:pt x="427" y="1564"/>
                  </a:lnTo>
                  <a:lnTo>
                    <a:pt x="427" y="1563"/>
                  </a:lnTo>
                  <a:lnTo>
                    <a:pt x="427" y="1561"/>
                  </a:lnTo>
                  <a:lnTo>
                    <a:pt x="427" y="1559"/>
                  </a:lnTo>
                  <a:lnTo>
                    <a:pt x="427" y="1557"/>
                  </a:lnTo>
                  <a:lnTo>
                    <a:pt x="427" y="1553"/>
                  </a:lnTo>
                  <a:lnTo>
                    <a:pt x="427" y="1551"/>
                  </a:lnTo>
                  <a:lnTo>
                    <a:pt x="427" y="1553"/>
                  </a:lnTo>
                  <a:lnTo>
                    <a:pt x="425" y="1553"/>
                  </a:lnTo>
                  <a:lnTo>
                    <a:pt x="424" y="1553"/>
                  </a:lnTo>
                  <a:lnTo>
                    <a:pt x="424" y="1551"/>
                  </a:lnTo>
                  <a:lnTo>
                    <a:pt x="422" y="1551"/>
                  </a:lnTo>
                  <a:lnTo>
                    <a:pt x="420" y="1551"/>
                  </a:lnTo>
                  <a:lnTo>
                    <a:pt x="420" y="1550"/>
                  </a:lnTo>
                  <a:lnTo>
                    <a:pt x="418" y="1548"/>
                  </a:lnTo>
                  <a:lnTo>
                    <a:pt x="418" y="1546"/>
                  </a:lnTo>
                  <a:lnTo>
                    <a:pt x="416" y="1546"/>
                  </a:lnTo>
                  <a:lnTo>
                    <a:pt x="414" y="1544"/>
                  </a:lnTo>
                  <a:lnTo>
                    <a:pt x="412" y="1542"/>
                  </a:lnTo>
                  <a:lnTo>
                    <a:pt x="411" y="1542"/>
                  </a:lnTo>
                  <a:lnTo>
                    <a:pt x="411" y="1540"/>
                  </a:lnTo>
                  <a:lnTo>
                    <a:pt x="411" y="1539"/>
                  </a:lnTo>
                  <a:lnTo>
                    <a:pt x="411" y="1537"/>
                  </a:lnTo>
                  <a:lnTo>
                    <a:pt x="409" y="1537"/>
                  </a:lnTo>
                  <a:lnTo>
                    <a:pt x="409" y="1535"/>
                  </a:lnTo>
                  <a:lnTo>
                    <a:pt x="411" y="1535"/>
                  </a:lnTo>
                  <a:lnTo>
                    <a:pt x="411" y="1533"/>
                  </a:lnTo>
                  <a:lnTo>
                    <a:pt x="409" y="1533"/>
                  </a:lnTo>
                  <a:lnTo>
                    <a:pt x="409" y="1531"/>
                  </a:lnTo>
                  <a:lnTo>
                    <a:pt x="409" y="1529"/>
                  </a:lnTo>
                  <a:lnTo>
                    <a:pt x="411" y="1527"/>
                  </a:lnTo>
                  <a:lnTo>
                    <a:pt x="411" y="1526"/>
                  </a:lnTo>
                  <a:lnTo>
                    <a:pt x="411" y="1524"/>
                  </a:lnTo>
                  <a:lnTo>
                    <a:pt x="411" y="1522"/>
                  </a:lnTo>
                  <a:lnTo>
                    <a:pt x="409" y="1522"/>
                  </a:lnTo>
                  <a:lnTo>
                    <a:pt x="409" y="1520"/>
                  </a:lnTo>
                  <a:lnTo>
                    <a:pt x="407" y="1520"/>
                  </a:lnTo>
                  <a:lnTo>
                    <a:pt x="407" y="1518"/>
                  </a:lnTo>
                  <a:lnTo>
                    <a:pt x="405" y="1516"/>
                  </a:lnTo>
                  <a:lnTo>
                    <a:pt x="405" y="1514"/>
                  </a:lnTo>
                  <a:lnTo>
                    <a:pt x="403" y="1514"/>
                  </a:lnTo>
                  <a:lnTo>
                    <a:pt x="401" y="1514"/>
                  </a:lnTo>
                  <a:lnTo>
                    <a:pt x="399" y="1514"/>
                  </a:lnTo>
                  <a:lnTo>
                    <a:pt x="399" y="1513"/>
                  </a:lnTo>
                  <a:lnTo>
                    <a:pt x="398" y="1513"/>
                  </a:lnTo>
                  <a:lnTo>
                    <a:pt x="396" y="1513"/>
                  </a:lnTo>
                  <a:lnTo>
                    <a:pt x="396" y="1511"/>
                  </a:lnTo>
                  <a:lnTo>
                    <a:pt x="394" y="1511"/>
                  </a:lnTo>
                  <a:lnTo>
                    <a:pt x="394" y="1509"/>
                  </a:lnTo>
                  <a:lnTo>
                    <a:pt x="392" y="1509"/>
                  </a:lnTo>
                  <a:lnTo>
                    <a:pt x="392" y="1507"/>
                  </a:lnTo>
                  <a:lnTo>
                    <a:pt x="390" y="1507"/>
                  </a:lnTo>
                  <a:lnTo>
                    <a:pt x="390" y="1505"/>
                  </a:lnTo>
                  <a:lnTo>
                    <a:pt x="388" y="1505"/>
                  </a:lnTo>
                  <a:lnTo>
                    <a:pt x="388" y="1503"/>
                  </a:lnTo>
                  <a:lnTo>
                    <a:pt x="387" y="1502"/>
                  </a:lnTo>
                  <a:lnTo>
                    <a:pt x="387" y="1500"/>
                  </a:lnTo>
                  <a:lnTo>
                    <a:pt x="385" y="1498"/>
                  </a:lnTo>
                  <a:lnTo>
                    <a:pt x="383" y="1498"/>
                  </a:lnTo>
                  <a:lnTo>
                    <a:pt x="383" y="1496"/>
                  </a:lnTo>
                  <a:lnTo>
                    <a:pt x="381" y="1494"/>
                  </a:lnTo>
                  <a:lnTo>
                    <a:pt x="381" y="1492"/>
                  </a:lnTo>
                  <a:lnTo>
                    <a:pt x="381" y="1490"/>
                  </a:lnTo>
                  <a:lnTo>
                    <a:pt x="381" y="1489"/>
                  </a:lnTo>
                  <a:lnTo>
                    <a:pt x="381" y="1487"/>
                  </a:lnTo>
                  <a:lnTo>
                    <a:pt x="379" y="1487"/>
                  </a:lnTo>
                  <a:lnTo>
                    <a:pt x="379" y="1485"/>
                  </a:lnTo>
                  <a:lnTo>
                    <a:pt x="379" y="1483"/>
                  </a:lnTo>
                  <a:lnTo>
                    <a:pt x="379" y="1481"/>
                  </a:lnTo>
                  <a:lnTo>
                    <a:pt x="379" y="1479"/>
                  </a:lnTo>
                  <a:lnTo>
                    <a:pt x="377" y="1479"/>
                  </a:lnTo>
                  <a:lnTo>
                    <a:pt x="379" y="1479"/>
                  </a:lnTo>
                  <a:lnTo>
                    <a:pt x="377" y="1479"/>
                  </a:lnTo>
                  <a:lnTo>
                    <a:pt x="377" y="1477"/>
                  </a:lnTo>
                  <a:lnTo>
                    <a:pt x="375" y="1477"/>
                  </a:lnTo>
                  <a:lnTo>
                    <a:pt x="375" y="1476"/>
                  </a:lnTo>
                  <a:lnTo>
                    <a:pt x="374" y="1476"/>
                  </a:lnTo>
                  <a:lnTo>
                    <a:pt x="374" y="1474"/>
                  </a:lnTo>
                  <a:lnTo>
                    <a:pt x="374" y="1472"/>
                  </a:lnTo>
                  <a:lnTo>
                    <a:pt x="374" y="1470"/>
                  </a:lnTo>
                  <a:lnTo>
                    <a:pt x="372" y="1470"/>
                  </a:lnTo>
                  <a:lnTo>
                    <a:pt x="372" y="1468"/>
                  </a:lnTo>
                  <a:lnTo>
                    <a:pt x="372" y="1466"/>
                  </a:lnTo>
                  <a:lnTo>
                    <a:pt x="370" y="1466"/>
                  </a:lnTo>
                  <a:lnTo>
                    <a:pt x="370" y="1465"/>
                  </a:lnTo>
                  <a:lnTo>
                    <a:pt x="370" y="1463"/>
                  </a:lnTo>
                  <a:lnTo>
                    <a:pt x="372" y="1461"/>
                  </a:lnTo>
                  <a:lnTo>
                    <a:pt x="372" y="1459"/>
                  </a:lnTo>
                  <a:lnTo>
                    <a:pt x="372" y="1457"/>
                  </a:lnTo>
                  <a:lnTo>
                    <a:pt x="372" y="1455"/>
                  </a:lnTo>
                  <a:lnTo>
                    <a:pt x="372" y="1453"/>
                  </a:lnTo>
                  <a:lnTo>
                    <a:pt x="372" y="1452"/>
                  </a:lnTo>
                  <a:lnTo>
                    <a:pt x="374" y="1452"/>
                  </a:lnTo>
                  <a:lnTo>
                    <a:pt x="374" y="1450"/>
                  </a:lnTo>
                  <a:lnTo>
                    <a:pt x="374" y="1448"/>
                  </a:lnTo>
                  <a:lnTo>
                    <a:pt x="374" y="1446"/>
                  </a:lnTo>
                  <a:lnTo>
                    <a:pt x="374" y="1444"/>
                  </a:lnTo>
                  <a:lnTo>
                    <a:pt x="372" y="1444"/>
                  </a:lnTo>
                  <a:lnTo>
                    <a:pt x="374" y="1444"/>
                  </a:lnTo>
                  <a:lnTo>
                    <a:pt x="374" y="1442"/>
                  </a:lnTo>
                  <a:lnTo>
                    <a:pt x="372" y="1442"/>
                  </a:lnTo>
                  <a:lnTo>
                    <a:pt x="374" y="1442"/>
                  </a:lnTo>
                  <a:lnTo>
                    <a:pt x="374" y="1440"/>
                  </a:lnTo>
                  <a:lnTo>
                    <a:pt x="372" y="1440"/>
                  </a:lnTo>
                  <a:lnTo>
                    <a:pt x="374" y="1439"/>
                  </a:lnTo>
                  <a:lnTo>
                    <a:pt x="372" y="1439"/>
                  </a:lnTo>
                  <a:lnTo>
                    <a:pt x="374" y="1439"/>
                  </a:lnTo>
                  <a:lnTo>
                    <a:pt x="372" y="1439"/>
                  </a:lnTo>
                  <a:lnTo>
                    <a:pt x="372" y="1437"/>
                  </a:lnTo>
                  <a:lnTo>
                    <a:pt x="372" y="1435"/>
                  </a:lnTo>
                  <a:lnTo>
                    <a:pt x="372" y="1433"/>
                  </a:lnTo>
                  <a:lnTo>
                    <a:pt x="372" y="1431"/>
                  </a:lnTo>
                  <a:lnTo>
                    <a:pt x="372" y="1429"/>
                  </a:lnTo>
                  <a:lnTo>
                    <a:pt x="370" y="1429"/>
                  </a:lnTo>
                  <a:lnTo>
                    <a:pt x="370" y="1428"/>
                  </a:lnTo>
                  <a:lnTo>
                    <a:pt x="368" y="1428"/>
                  </a:lnTo>
                  <a:lnTo>
                    <a:pt x="366" y="1428"/>
                  </a:lnTo>
                  <a:lnTo>
                    <a:pt x="364" y="1428"/>
                  </a:lnTo>
                  <a:lnTo>
                    <a:pt x="363" y="1428"/>
                  </a:lnTo>
                  <a:lnTo>
                    <a:pt x="363" y="1426"/>
                  </a:lnTo>
                  <a:lnTo>
                    <a:pt x="361" y="1426"/>
                  </a:lnTo>
                  <a:lnTo>
                    <a:pt x="359" y="1426"/>
                  </a:lnTo>
                  <a:lnTo>
                    <a:pt x="359" y="1424"/>
                  </a:lnTo>
                  <a:lnTo>
                    <a:pt x="357" y="1424"/>
                  </a:lnTo>
                  <a:lnTo>
                    <a:pt x="357" y="1426"/>
                  </a:lnTo>
                  <a:lnTo>
                    <a:pt x="357" y="1424"/>
                  </a:lnTo>
                  <a:lnTo>
                    <a:pt x="355" y="1424"/>
                  </a:lnTo>
                  <a:lnTo>
                    <a:pt x="353" y="1424"/>
                  </a:lnTo>
                  <a:lnTo>
                    <a:pt x="351" y="1424"/>
                  </a:lnTo>
                  <a:lnTo>
                    <a:pt x="351" y="1422"/>
                  </a:lnTo>
                  <a:lnTo>
                    <a:pt x="350" y="1422"/>
                  </a:lnTo>
                  <a:lnTo>
                    <a:pt x="348" y="1422"/>
                  </a:lnTo>
                  <a:lnTo>
                    <a:pt x="348" y="1420"/>
                  </a:lnTo>
                  <a:lnTo>
                    <a:pt x="348" y="1418"/>
                  </a:lnTo>
                  <a:lnTo>
                    <a:pt x="346" y="1418"/>
                  </a:lnTo>
                  <a:lnTo>
                    <a:pt x="344" y="1418"/>
                  </a:lnTo>
                  <a:lnTo>
                    <a:pt x="344" y="1416"/>
                  </a:lnTo>
                  <a:lnTo>
                    <a:pt x="342" y="1415"/>
                  </a:lnTo>
                  <a:lnTo>
                    <a:pt x="340" y="1415"/>
                  </a:lnTo>
                  <a:lnTo>
                    <a:pt x="340" y="1413"/>
                  </a:lnTo>
                  <a:lnTo>
                    <a:pt x="340" y="1411"/>
                  </a:lnTo>
                  <a:lnTo>
                    <a:pt x="338" y="1411"/>
                  </a:lnTo>
                  <a:lnTo>
                    <a:pt x="338" y="1409"/>
                  </a:lnTo>
                  <a:lnTo>
                    <a:pt x="337" y="1409"/>
                  </a:lnTo>
                  <a:lnTo>
                    <a:pt x="337" y="1407"/>
                  </a:lnTo>
                  <a:lnTo>
                    <a:pt x="337" y="1405"/>
                  </a:lnTo>
                  <a:lnTo>
                    <a:pt x="335" y="1405"/>
                  </a:lnTo>
                  <a:lnTo>
                    <a:pt x="335" y="1403"/>
                  </a:lnTo>
                  <a:lnTo>
                    <a:pt x="335" y="1402"/>
                  </a:lnTo>
                  <a:lnTo>
                    <a:pt x="333" y="1402"/>
                  </a:lnTo>
                  <a:lnTo>
                    <a:pt x="331" y="1402"/>
                  </a:lnTo>
                  <a:lnTo>
                    <a:pt x="331" y="1400"/>
                  </a:lnTo>
                  <a:lnTo>
                    <a:pt x="333" y="1398"/>
                  </a:lnTo>
                  <a:lnTo>
                    <a:pt x="333" y="1396"/>
                  </a:lnTo>
                  <a:lnTo>
                    <a:pt x="333" y="1394"/>
                  </a:lnTo>
                  <a:lnTo>
                    <a:pt x="333" y="1392"/>
                  </a:lnTo>
                  <a:lnTo>
                    <a:pt x="335" y="1392"/>
                  </a:lnTo>
                  <a:lnTo>
                    <a:pt x="337" y="1392"/>
                  </a:lnTo>
                  <a:lnTo>
                    <a:pt x="337" y="1391"/>
                  </a:lnTo>
                  <a:lnTo>
                    <a:pt x="338" y="1391"/>
                  </a:lnTo>
                  <a:lnTo>
                    <a:pt x="340" y="1391"/>
                  </a:lnTo>
                  <a:lnTo>
                    <a:pt x="340" y="1389"/>
                  </a:lnTo>
                  <a:lnTo>
                    <a:pt x="342" y="1389"/>
                  </a:lnTo>
                  <a:lnTo>
                    <a:pt x="344" y="1389"/>
                  </a:lnTo>
                  <a:lnTo>
                    <a:pt x="346" y="1389"/>
                  </a:lnTo>
                  <a:lnTo>
                    <a:pt x="346" y="1387"/>
                  </a:lnTo>
                  <a:lnTo>
                    <a:pt x="346" y="1389"/>
                  </a:lnTo>
                  <a:lnTo>
                    <a:pt x="346" y="1387"/>
                  </a:lnTo>
                  <a:lnTo>
                    <a:pt x="348" y="1387"/>
                  </a:lnTo>
                  <a:lnTo>
                    <a:pt x="350" y="1387"/>
                  </a:lnTo>
                  <a:lnTo>
                    <a:pt x="350" y="1385"/>
                  </a:lnTo>
                  <a:lnTo>
                    <a:pt x="351" y="1385"/>
                  </a:lnTo>
                  <a:lnTo>
                    <a:pt x="351" y="1383"/>
                  </a:lnTo>
                  <a:lnTo>
                    <a:pt x="351" y="1381"/>
                  </a:lnTo>
                  <a:lnTo>
                    <a:pt x="353" y="1381"/>
                  </a:lnTo>
                  <a:lnTo>
                    <a:pt x="353" y="1379"/>
                  </a:lnTo>
                  <a:lnTo>
                    <a:pt x="351" y="1379"/>
                  </a:lnTo>
                  <a:lnTo>
                    <a:pt x="351" y="1378"/>
                  </a:lnTo>
                  <a:lnTo>
                    <a:pt x="350" y="1378"/>
                  </a:lnTo>
                  <a:lnTo>
                    <a:pt x="350" y="1376"/>
                  </a:lnTo>
                  <a:lnTo>
                    <a:pt x="348" y="1376"/>
                  </a:lnTo>
                  <a:lnTo>
                    <a:pt x="348" y="1374"/>
                  </a:lnTo>
                  <a:lnTo>
                    <a:pt x="348" y="1372"/>
                  </a:lnTo>
                  <a:lnTo>
                    <a:pt x="348" y="1370"/>
                  </a:lnTo>
                  <a:lnTo>
                    <a:pt x="346" y="1370"/>
                  </a:lnTo>
                  <a:lnTo>
                    <a:pt x="344" y="1368"/>
                  </a:lnTo>
                  <a:lnTo>
                    <a:pt x="342" y="1366"/>
                  </a:lnTo>
                  <a:lnTo>
                    <a:pt x="342" y="1365"/>
                  </a:lnTo>
                  <a:lnTo>
                    <a:pt x="340" y="1365"/>
                  </a:lnTo>
                  <a:lnTo>
                    <a:pt x="338" y="1365"/>
                  </a:lnTo>
                  <a:lnTo>
                    <a:pt x="337" y="1365"/>
                  </a:lnTo>
                  <a:lnTo>
                    <a:pt x="337" y="1363"/>
                  </a:lnTo>
                  <a:lnTo>
                    <a:pt x="337" y="1361"/>
                  </a:lnTo>
                  <a:lnTo>
                    <a:pt x="337" y="1359"/>
                  </a:lnTo>
                  <a:lnTo>
                    <a:pt x="337" y="1355"/>
                  </a:lnTo>
                  <a:lnTo>
                    <a:pt x="337" y="1354"/>
                  </a:lnTo>
                  <a:lnTo>
                    <a:pt x="337" y="1352"/>
                  </a:lnTo>
                  <a:lnTo>
                    <a:pt x="335" y="1352"/>
                  </a:lnTo>
                  <a:lnTo>
                    <a:pt x="335" y="1350"/>
                  </a:lnTo>
                  <a:lnTo>
                    <a:pt x="335" y="1348"/>
                  </a:lnTo>
                  <a:lnTo>
                    <a:pt x="335" y="1346"/>
                  </a:lnTo>
                  <a:lnTo>
                    <a:pt x="335" y="1344"/>
                  </a:lnTo>
                  <a:lnTo>
                    <a:pt x="333" y="1342"/>
                  </a:lnTo>
                  <a:lnTo>
                    <a:pt x="333" y="1341"/>
                  </a:lnTo>
                  <a:lnTo>
                    <a:pt x="331" y="1341"/>
                  </a:lnTo>
                  <a:lnTo>
                    <a:pt x="329" y="1339"/>
                  </a:lnTo>
                  <a:lnTo>
                    <a:pt x="329" y="1337"/>
                  </a:lnTo>
                  <a:lnTo>
                    <a:pt x="327" y="1337"/>
                  </a:lnTo>
                  <a:lnTo>
                    <a:pt x="327" y="1335"/>
                  </a:lnTo>
                  <a:lnTo>
                    <a:pt x="326" y="1337"/>
                  </a:lnTo>
                  <a:lnTo>
                    <a:pt x="326" y="1339"/>
                  </a:lnTo>
                  <a:lnTo>
                    <a:pt x="324" y="1339"/>
                  </a:lnTo>
                  <a:lnTo>
                    <a:pt x="322" y="1339"/>
                  </a:lnTo>
                  <a:lnTo>
                    <a:pt x="322" y="1341"/>
                  </a:lnTo>
                  <a:lnTo>
                    <a:pt x="320" y="1341"/>
                  </a:lnTo>
                  <a:lnTo>
                    <a:pt x="318" y="1339"/>
                  </a:lnTo>
                  <a:lnTo>
                    <a:pt x="316" y="1339"/>
                  </a:lnTo>
                  <a:lnTo>
                    <a:pt x="314" y="1339"/>
                  </a:lnTo>
                  <a:lnTo>
                    <a:pt x="313" y="1339"/>
                  </a:lnTo>
                  <a:lnTo>
                    <a:pt x="313" y="1337"/>
                  </a:lnTo>
                  <a:lnTo>
                    <a:pt x="311" y="1335"/>
                  </a:lnTo>
                  <a:lnTo>
                    <a:pt x="309" y="1333"/>
                  </a:lnTo>
                  <a:lnTo>
                    <a:pt x="307" y="1333"/>
                  </a:lnTo>
                  <a:lnTo>
                    <a:pt x="307" y="1331"/>
                  </a:lnTo>
                  <a:lnTo>
                    <a:pt x="305" y="1331"/>
                  </a:lnTo>
                  <a:lnTo>
                    <a:pt x="303" y="1331"/>
                  </a:lnTo>
                  <a:lnTo>
                    <a:pt x="303" y="1329"/>
                  </a:lnTo>
                  <a:lnTo>
                    <a:pt x="303" y="1331"/>
                  </a:lnTo>
                  <a:lnTo>
                    <a:pt x="302" y="1331"/>
                  </a:lnTo>
                  <a:lnTo>
                    <a:pt x="302" y="1329"/>
                  </a:lnTo>
                  <a:lnTo>
                    <a:pt x="300" y="1329"/>
                  </a:lnTo>
                  <a:lnTo>
                    <a:pt x="298" y="1329"/>
                  </a:lnTo>
                  <a:lnTo>
                    <a:pt x="298" y="1328"/>
                  </a:lnTo>
                  <a:lnTo>
                    <a:pt x="298" y="1326"/>
                  </a:lnTo>
                  <a:lnTo>
                    <a:pt x="298" y="1324"/>
                  </a:lnTo>
                  <a:lnTo>
                    <a:pt x="298" y="1322"/>
                  </a:lnTo>
                  <a:lnTo>
                    <a:pt x="298" y="1320"/>
                  </a:lnTo>
                  <a:lnTo>
                    <a:pt x="298" y="1318"/>
                  </a:lnTo>
                  <a:lnTo>
                    <a:pt x="296" y="1318"/>
                  </a:lnTo>
                  <a:lnTo>
                    <a:pt x="296" y="1317"/>
                  </a:lnTo>
                  <a:lnTo>
                    <a:pt x="296" y="1315"/>
                  </a:lnTo>
                  <a:lnTo>
                    <a:pt x="296" y="1313"/>
                  </a:lnTo>
                  <a:lnTo>
                    <a:pt x="296" y="1311"/>
                  </a:lnTo>
                  <a:lnTo>
                    <a:pt x="296" y="1309"/>
                  </a:lnTo>
                  <a:lnTo>
                    <a:pt x="294" y="1307"/>
                  </a:lnTo>
                  <a:lnTo>
                    <a:pt x="294" y="1305"/>
                  </a:lnTo>
                  <a:lnTo>
                    <a:pt x="294" y="1304"/>
                  </a:lnTo>
                  <a:lnTo>
                    <a:pt x="292" y="1304"/>
                  </a:lnTo>
                  <a:lnTo>
                    <a:pt x="292" y="1302"/>
                  </a:lnTo>
                  <a:lnTo>
                    <a:pt x="292" y="1300"/>
                  </a:lnTo>
                  <a:lnTo>
                    <a:pt x="292" y="1298"/>
                  </a:lnTo>
                  <a:lnTo>
                    <a:pt x="294" y="1298"/>
                  </a:lnTo>
                  <a:lnTo>
                    <a:pt x="292" y="1298"/>
                  </a:lnTo>
                  <a:lnTo>
                    <a:pt x="292" y="1296"/>
                  </a:lnTo>
                  <a:lnTo>
                    <a:pt x="290" y="1296"/>
                  </a:lnTo>
                  <a:lnTo>
                    <a:pt x="290" y="1294"/>
                  </a:lnTo>
                  <a:lnTo>
                    <a:pt x="289" y="1294"/>
                  </a:lnTo>
                  <a:lnTo>
                    <a:pt x="287" y="1294"/>
                  </a:lnTo>
                  <a:lnTo>
                    <a:pt x="287" y="1292"/>
                  </a:lnTo>
                  <a:lnTo>
                    <a:pt x="285" y="1291"/>
                  </a:lnTo>
                  <a:lnTo>
                    <a:pt x="283" y="1289"/>
                  </a:lnTo>
                  <a:lnTo>
                    <a:pt x="281" y="1289"/>
                  </a:lnTo>
                  <a:lnTo>
                    <a:pt x="281" y="1287"/>
                  </a:lnTo>
                  <a:lnTo>
                    <a:pt x="279" y="1287"/>
                  </a:lnTo>
                  <a:lnTo>
                    <a:pt x="279" y="1285"/>
                  </a:lnTo>
                  <a:lnTo>
                    <a:pt x="277" y="1285"/>
                  </a:lnTo>
                  <a:lnTo>
                    <a:pt x="277" y="1283"/>
                  </a:lnTo>
                  <a:lnTo>
                    <a:pt x="272" y="1274"/>
                  </a:lnTo>
                  <a:lnTo>
                    <a:pt x="268" y="1276"/>
                  </a:lnTo>
                  <a:lnTo>
                    <a:pt x="265" y="1272"/>
                  </a:lnTo>
                  <a:lnTo>
                    <a:pt x="265" y="1268"/>
                  </a:lnTo>
                  <a:lnTo>
                    <a:pt x="261" y="1261"/>
                  </a:lnTo>
                  <a:lnTo>
                    <a:pt x="259" y="1259"/>
                  </a:lnTo>
                  <a:lnTo>
                    <a:pt x="255" y="1254"/>
                  </a:lnTo>
                  <a:lnTo>
                    <a:pt x="253" y="1244"/>
                  </a:lnTo>
                  <a:lnTo>
                    <a:pt x="252" y="1235"/>
                  </a:lnTo>
                  <a:lnTo>
                    <a:pt x="250" y="1233"/>
                  </a:lnTo>
                  <a:lnTo>
                    <a:pt x="248" y="1233"/>
                  </a:lnTo>
                  <a:lnTo>
                    <a:pt x="246" y="1233"/>
                  </a:lnTo>
                  <a:lnTo>
                    <a:pt x="244" y="1233"/>
                  </a:lnTo>
                  <a:lnTo>
                    <a:pt x="242" y="1233"/>
                  </a:lnTo>
                  <a:lnTo>
                    <a:pt x="242" y="1235"/>
                  </a:lnTo>
                  <a:lnTo>
                    <a:pt x="242" y="1233"/>
                  </a:lnTo>
                  <a:lnTo>
                    <a:pt x="240" y="1235"/>
                  </a:lnTo>
                  <a:lnTo>
                    <a:pt x="240" y="1233"/>
                  </a:lnTo>
                  <a:lnTo>
                    <a:pt x="239" y="1233"/>
                  </a:lnTo>
                  <a:lnTo>
                    <a:pt x="237" y="1231"/>
                  </a:lnTo>
                  <a:lnTo>
                    <a:pt x="235" y="1230"/>
                  </a:lnTo>
                  <a:lnTo>
                    <a:pt x="233" y="1230"/>
                  </a:lnTo>
                  <a:lnTo>
                    <a:pt x="233" y="1228"/>
                  </a:lnTo>
                  <a:lnTo>
                    <a:pt x="233" y="1226"/>
                  </a:lnTo>
                  <a:lnTo>
                    <a:pt x="231" y="1226"/>
                  </a:lnTo>
                  <a:lnTo>
                    <a:pt x="231" y="1224"/>
                  </a:lnTo>
                  <a:lnTo>
                    <a:pt x="231" y="1226"/>
                  </a:lnTo>
                  <a:lnTo>
                    <a:pt x="229" y="1226"/>
                  </a:lnTo>
                  <a:lnTo>
                    <a:pt x="229" y="1224"/>
                  </a:lnTo>
                  <a:lnTo>
                    <a:pt x="228" y="1224"/>
                  </a:lnTo>
                  <a:lnTo>
                    <a:pt x="228" y="1222"/>
                  </a:lnTo>
                  <a:lnTo>
                    <a:pt x="228" y="1220"/>
                  </a:lnTo>
                  <a:lnTo>
                    <a:pt x="228" y="1219"/>
                  </a:lnTo>
                  <a:lnTo>
                    <a:pt x="229" y="1219"/>
                  </a:lnTo>
                  <a:lnTo>
                    <a:pt x="229" y="1217"/>
                  </a:lnTo>
                  <a:lnTo>
                    <a:pt x="231" y="1215"/>
                  </a:lnTo>
                  <a:lnTo>
                    <a:pt x="229" y="1215"/>
                  </a:lnTo>
                  <a:lnTo>
                    <a:pt x="231" y="1213"/>
                  </a:lnTo>
                  <a:lnTo>
                    <a:pt x="231" y="1211"/>
                  </a:lnTo>
                  <a:lnTo>
                    <a:pt x="229" y="1211"/>
                  </a:lnTo>
                  <a:lnTo>
                    <a:pt x="229" y="1209"/>
                  </a:lnTo>
                  <a:lnTo>
                    <a:pt x="231" y="1209"/>
                  </a:lnTo>
                  <a:lnTo>
                    <a:pt x="233" y="1209"/>
                  </a:lnTo>
                  <a:lnTo>
                    <a:pt x="233" y="1207"/>
                  </a:lnTo>
                  <a:lnTo>
                    <a:pt x="231" y="1207"/>
                  </a:lnTo>
                  <a:lnTo>
                    <a:pt x="231" y="1206"/>
                  </a:lnTo>
                  <a:lnTo>
                    <a:pt x="229" y="1206"/>
                  </a:lnTo>
                  <a:lnTo>
                    <a:pt x="228" y="1204"/>
                  </a:lnTo>
                  <a:lnTo>
                    <a:pt x="224" y="1204"/>
                  </a:lnTo>
                  <a:lnTo>
                    <a:pt x="218" y="1206"/>
                  </a:lnTo>
                  <a:lnTo>
                    <a:pt x="213" y="1204"/>
                  </a:lnTo>
                  <a:lnTo>
                    <a:pt x="207" y="1211"/>
                  </a:lnTo>
                  <a:lnTo>
                    <a:pt x="207" y="1213"/>
                  </a:lnTo>
                  <a:lnTo>
                    <a:pt x="205" y="1213"/>
                  </a:lnTo>
                  <a:lnTo>
                    <a:pt x="205" y="1215"/>
                  </a:lnTo>
                  <a:lnTo>
                    <a:pt x="205" y="1217"/>
                  </a:lnTo>
                  <a:lnTo>
                    <a:pt x="204" y="1217"/>
                  </a:lnTo>
                  <a:lnTo>
                    <a:pt x="204" y="1219"/>
                  </a:lnTo>
                  <a:lnTo>
                    <a:pt x="202" y="1219"/>
                  </a:lnTo>
                  <a:lnTo>
                    <a:pt x="200" y="1220"/>
                  </a:lnTo>
                  <a:lnTo>
                    <a:pt x="200" y="1222"/>
                  </a:lnTo>
                  <a:lnTo>
                    <a:pt x="200" y="1224"/>
                  </a:lnTo>
                  <a:lnTo>
                    <a:pt x="198" y="1224"/>
                  </a:lnTo>
                  <a:lnTo>
                    <a:pt x="198" y="1226"/>
                  </a:lnTo>
                  <a:lnTo>
                    <a:pt x="196" y="1226"/>
                  </a:lnTo>
                  <a:lnTo>
                    <a:pt x="194" y="1226"/>
                  </a:lnTo>
                  <a:lnTo>
                    <a:pt x="194" y="1228"/>
                  </a:lnTo>
                  <a:lnTo>
                    <a:pt x="194" y="1230"/>
                  </a:lnTo>
                  <a:lnTo>
                    <a:pt x="194" y="1231"/>
                  </a:lnTo>
                  <a:lnTo>
                    <a:pt x="192" y="1231"/>
                  </a:lnTo>
                  <a:lnTo>
                    <a:pt x="192" y="1233"/>
                  </a:lnTo>
                  <a:lnTo>
                    <a:pt x="191" y="1235"/>
                  </a:lnTo>
                  <a:lnTo>
                    <a:pt x="189" y="1235"/>
                  </a:lnTo>
                  <a:lnTo>
                    <a:pt x="187" y="1235"/>
                  </a:lnTo>
                  <a:lnTo>
                    <a:pt x="185" y="1235"/>
                  </a:lnTo>
                  <a:lnTo>
                    <a:pt x="185" y="1237"/>
                  </a:lnTo>
                  <a:lnTo>
                    <a:pt x="183" y="1237"/>
                  </a:lnTo>
                  <a:lnTo>
                    <a:pt x="181" y="1237"/>
                  </a:lnTo>
                  <a:lnTo>
                    <a:pt x="179" y="1237"/>
                  </a:lnTo>
                  <a:lnTo>
                    <a:pt x="178" y="1237"/>
                  </a:lnTo>
                  <a:lnTo>
                    <a:pt x="178" y="1239"/>
                  </a:lnTo>
                  <a:lnTo>
                    <a:pt x="176" y="1239"/>
                  </a:lnTo>
                  <a:lnTo>
                    <a:pt x="174" y="1239"/>
                  </a:lnTo>
                  <a:lnTo>
                    <a:pt x="172" y="1239"/>
                  </a:lnTo>
                  <a:lnTo>
                    <a:pt x="170" y="1239"/>
                  </a:lnTo>
                  <a:lnTo>
                    <a:pt x="170" y="1241"/>
                  </a:lnTo>
                  <a:lnTo>
                    <a:pt x="168" y="1241"/>
                  </a:lnTo>
                  <a:lnTo>
                    <a:pt x="168" y="1243"/>
                  </a:lnTo>
                  <a:lnTo>
                    <a:pt x="167" y="1243"/>
                  </a:lnTo>
                  <a:lnTo>
                    <a:pt x="167" y="1244"/>
                  </a:lnTo>
                  <a:lnTo>
                    <a:pt x="167" y="1246"/>
                  </a:lnTo>
                  <a:lnTo>
                    <a:pt x="167" y="1248"/>
                  </a:lnTo>
                  <a:lnTo>
                    <a:pt x="167" y="1250"/>
                  </a:lnTo>
                  <a:lnTo>
                    <a:pt x="165" y="1250"/>
                  </a:lnTo>
                  <a:lnTo>
                    <a:pt x="163" y="1250"/>
                  </a:lnTo>
                  <a:lnTo>
                    <a:pt x="161" y="1250"/>
                  </a:lnTo>
                  <a:lnTo>
                    <a:pt x="161" y="1248"/>
                  </a:lnTo>
                  <a:lnTo>
                    <a:pt x="159" y="1248"/>
                  </a:lnTo>
                  <a:lnTo>
                    <a:pt x="159" y="1246"/>
                  </a:lnTo>
                  <a:lnTo>
                    <a:pt x="157" y="1246"/>
                  </a:lnTo>
                  <a:lnTo>
                    <a:pt x="155" y="1246"/>
                  </a:lnTo>
                  <a:lnTo>
                    <a:pt x="154" y="1246"/>
                  </a:lnTo>
                  <a:lnTo>
                    <a:pt x="154" y="1244"/>
                  </a:lnTo>
                  <a:lnTo>
                    <a:pt x="152" y="1244"/>
                  </a:lnTo>
                  <a:lnTo>
                    <a:pt x="150" y="1244"/>
                  </a:lnTo>
                  <a:lnTo>
                    <a:pt x="148" y="1244"/>
                  </a:lnTo>
                  <a:lnTo>
                    <a:pt x="148" y="1243"/>
                  </a:lnTo>
                  <a:lnTo>
                    <a:pt x="146" y="1243"/>
                  </a:lnTo>
                  <a:lnTo>
                    <a:pt x="148" y="1243"/>
                  </a:lnTo>
                  <a:lnTo>
                    <a:pt x="146" y="1243"/>
                  </a:lnTo>
                  <a:lnTo>
                    <a:pt x="146" y="1241"/>
                  </a:lnTo>
                  <a:lnTo>
                    <a:pt x="144" y="1241"/>
                  </a:lnTo>
                  <a:lnTo>
                    <a:pt x="144" y="1239"/>
                  </a:lnTo>
                  <a:lnTo>
                    <a:pt x="144" y="1237"/>
                  </a:lnTo>
                  <a:lnTo>
                    <a:pt x="144" y="1235"/>
                  </a:lnTo>
                  <a:lnTo>
                    <a:pt x="141" y="1233"/>
                  </a:lnTo>
                  <a:lnTo>
                    <a:pt x="139" y="1233"/>
                  </a:lnTo>
                  <a:lnTo>
                    <a:pt x="141" y="1231"/>
                  </a:lnTo>
                  <a:lnTo>
                    <a:pt x="139" y="1231"/>
                  </a:lnTo>
                  <a:lnTo>
                    <a:pt x="141" y="1230"/>
                  </a:lnTo>
                  <a:lnTo>
                    <a:pt x="141" y="1228"/>
                  </a:lnTo>
                  <a:lnTo>
                    <a:pt x="141" y="1226"/>
                  </a:lnTo>
                  <a:lnTo>
                    <a:pt x="141" y="1224"/>
                  </a:lnTo>
                  <a:lnTo>
                    <a:pt x="141" y="1222"/>
                  </a:lnTo>
                  <a:lnTo>
                    <a:pt x="143" y="1220"/>
                  </a:lnTo>
                  <a:lnTo>
                    <a:pt x="143" y="1219"/>
                  </a:lnTo>
                  <a:lnTo>
                    <a:pt x="144" y="1217"/>
                  </a:lnTo>
                  <a:lnTo>
                    <a:pt x="144" y="1215"/>
                  </a:lnTo>
                  <a:lnTo>
                    <a:pt x="144" y="1213"/>
                  </a:lnTo>
                  <a:lnTo>
                    <a:pt x="144" y="1211"/>
                  </a:lnTo>
                  <a:lnTo>
                    <a:pt x="146" y="1209"/>
                  </a:lnTo>
                  <a:lnTo>
                    <a:pt x="144" y="1209"/>
                  </a:lnTo>
                  <a:lnTo>
                    <a:pt x="146" y="1209"/>
                  </a:lnTo>
                  <a:lnTo>
                    <a:pt x="146" y="1207"/>
                  </a:lnTo>
                  <a:lnTo>
                    <a:pt x="146" y="1206"/>
                  </a:lnTo>
                  <a:lnTo>
                    <a:pt x="148" y="1206"/>
                  </a:lnTo>
                  <a:lnTo>
                    <a:pt x="148" y="1204"/>
                  </a:lnTo>
                  <a:lnTo>
                    <a:pt x="150" y="1204"/>
                  </a:lnTo>
                  <a:lnTo>
                    <a:pt x="148" y="1202"/>
                  </a:lnTo>
                  <a:lnTo>
                    <a:pt x="150" y="1202"/>
                  </a:lnTo>
                  <a:lnTo>
                    <a:pt x="150" y="1200"/>
                  </a:lnTo>
                  <a:lnTo>
                    <a:pt x="150" y="1198"/>
                  </a:lnTo>
                  <a:lnTo>
                    <a:pt x="150" y="1196"/>
                  </a:lnTo>
                  <a:lnTo>
                    <a:pt x="152" y="1196"/>
                  </a:lnTo>
                  <a:lnTo>
                    <a:pt x="152" y="1194"/>
                  </a:lnTo>
                  <a:lnTo>
                    <a:pt x="154" y="1194"/>
                  </a:lnTo>
                  <a:lnTo>
                    <a:pt x="155" y="1194"/>
                  </a:lnTo>
                  <a:lnTo>
                    <a:pt x="155" y="1193"/>
                  </a:lnTo>
                  <a:lnTo>
                    <a:pt x="157" y="1193"/>
                  </a:lnTo>
                  <a:lnTo>
                    <a:pt x="157" y="1191"/>
                  </a:lnTo>
                  <a:lnTo>
                    <a:pt x="159" y="1191"/>
                  </a:lnTo>
                  <a:lnTo>
                    <a:pt x="159" y="1189"/>
                  </a:lnTo>
                  <a:lnTo>
                    <a:pt x="161" y="1189"/>
                  </a:lnTo>
                  <a:lnTo>
                    <a:pt x="161" y="1187"/>
                  </a:lnTo>
                  <a:lnTo>
                    <a:pt x="163" y="1187"/>
                  </a:lnTo>
                  <a:lnTo>
                    <a:pt x="167" y="1187"/>
                  </a:lnTo>
                  <a:lnTo>
                    <a:pt x="167" y="1185"/>
                  </a:lnTo>
                  <a:lnTo>
                    <a:pt x="165" y="1183"/>
                  </a:lnTo>
                  <a:lnTo>
                    <a:pt x="165" y="1182"/>
                  </a:lnTo>
                  <a:lnTo>
                    <a:pt x="165" y="1180"/>
                  </a:lnTo>
                  <a:lnTo>
                    <a:pt x="163" y="1180"/>
                  </a:lnTo>
                  <a:lnTo>
                    <a:pt x="163" y="1178"/>
                  </a:lnTo>
                  <a:lnTo>
                    <a:pt x="163" y="1176"/>
                  </a:lnTo>
                  <a:lnTo>
                    <a:pt x="163" y="1174"/>
                  </a:lnTo>
                  <a:lnTo>
                    <a:pt x="165" y="1174"/>
                  </a:lnTo>
                  <a:lnTo>
                    <a:pt x="165" y="1172"/>
                  </a:lnTo>
                  <a:lnTo>
                    <a:pt x="165" y="1170"/>
                  </a:lnTo>
                  <a:lnTo>
                    <a:pt x="167" y="1170"/>
                  </a:lnTo>
                  <a:lnTo>
                    <a:pt x="167" y="1169"/>
                  </a:lnTo>
                  <a:lnTo>
                    <a:pt x="167" y="1167"/>
                  </a:lnTo>
                  <a:lnTo>
                    <a:pt x="167" y="1165"/>
                  </a:lnTo>
                  <a:lnTo>
                    <a:pt x="167" y="1163"/>
                  </a:lnTo>
                  <a:lnTo>
                    <a:pt x="165" y="1163"/>
                  </a:lnTo>
                  <a:lnTo>
                    <a:pt x="165" y="1161"/>
                  </a:lnTo>
                  <a:lnTo>
                    <a:pt x="163" y="1161"/>
                  </a:lnTo>
                  <a:lnTo>
                    <a:pt x="163" y="1159"/>
                  </a:lnTo>
                  <a:lnTo>
                    <a:pt x="163" y="1157"/>
                  </a:lnTo>
                  <a:lnTo>
                    <a:pt x="163" y="1156"/>
                  </a:lnTo>
                  <a:lnTo>
                    <a:pt x="161" y="1156"/>
                  </a:lnTo>
                  <a:lnTo>
                    <a:pt x="161" y="1154"/>
                  </a:lnTo>
                  <a:lnTo>
                    <a:pt x="159" y="1154"/>
                  </a:lnTo>
                  <a:lnTo>
                    <a:pt x="159" y="1152"/>
                  </a:lnTo>
                  <a:lnTo>
                    <a:pt x="159" y="1150"/>
                  </a:lnTo>
                  <a:lnTo>
                    <a:pt x="157" y="1148"/>
                  </a:lnTo>
                  <a:lnTo>
                    <a:pt x="155" y="1146"/>
                  </a:lnTo>
                  <a:lnTo>
                    <a:pt x="155" y="1145"/>
                  </a:lnTo>
                  <a:lnTo>
                    <a:pt x="154" y="1143"/>
                  </a:lnTo>
                  <a:lnTo>
                    <a:pt x="155" y="1143"/>
                  </a:lnTo>
                  <a:lnTo>
                    <a:pt x="155" y="1141"/>
                  </a:lnTo>
                  <a:lnTo>
                    <a:pt x="157" y="1141"/>
                  </a:lnTo>
                  <a:lnTo>
                    <a:pt x="159" y="1141"/>
                  </a:lnTo>
                  <a:lnTo>
                    <a:pt x="159" y="1139"/>
                  </a:lnTo>
                  <a:lnTo>
                    <a:pt x="159" y="1137"/>
                  </a:lnTo>
                  <a:lnTo>
                    <a:pt x="161" y="1137"/>
                  </a:lnTo>
                  <a:lnTo>
                    <a:pt x="161" y="1135"/>
                  </a:lnTo>
                  <a:lnTo>
                    <a:pt x="161" y="1133"/>
                  </a:lnTo>
                  <a:lnTo>
                    <a:pt x="161" y="1132"/>
                  </a:lnTo>
                  <a:lnTo>
                    <a:pt x="163" y="1132"/>
                  </a:lnTo>
                  <a:lnTo>
                    <a:pt x="165" y="1130"/>
                  </a:lnTo>
                  <a:lnTo>
                    <a:pt x="165" y="1128"/>
                  </a:lnTo>
                  <a:lnTo>
                    <a:pt x="167" y="1128"/>
                  </a:lnTo>
                  <a:lnTo>
                    <a:pt x="167" y="1126"/>
                  </a:lnTo>
                  <a:lnTo>
                    <a:pt x="168" y="1126"/>
                  </a:lnTo>
                  <a:lnTo>
                    <a:pt x="168" y="1124"/>
                  </a:lnTo>
                  <a:lnTo>
                    <a:pt x="168" y="1122"/>
                  </a:lnTo>
                  <a:lnTo>
                    <a:pt x="170" y="1122"/>
                  </a:lnTo>
                  <a:lnTo>
                    <a:pt x="168" y="1122"/>
                  </a:lnTo>
                  <a:lnTo>
                    <a:pt x="170" y="1122"/>
                  </a:lnTo>
                  <a:lnTo>
                    <a:pt x="170" y="1120"/>
                  </a:lnTo>
                  <a:lnTo>
                    <a:pt x="170" y="1119"/>
                  </a:lnTo>
                  <a:lnTo>
                    <a:pt x="172" y="1119"/>
                  </a:lnTo>
                  <a:lnTo>
                    <a:pt x="172" y="1117"/>
                  </a:lnTo>
                  <a:lnTo>
                    <a:pt x="172" y="1115"/>
                  </a:lnTo>
                  <a:lnTo>
                    <a:pt x="170" y="1113"/>
                  </a:lnTo>
                  <a:lnTo>
                    <a:pt x="170" y="1111"/>
                  </a:lnTo>
                  <a:lnTo>
                    <a:pt x="170" y="1109"/>
                  </a:lnTo>
                  <a:lnTo>
                    <a:pt x="170" y="1108"/>
                  </a:lnTo>
                  <a:lnTo>
                    <a:pt x="170" y="1106"/>
                  </a:lnTo>
                  <a:lnTo>
                    <a:pt x="170" y="1104"/>
                  </a:lnTo>
                  <a:lnTo>
                    <a:pt x="170" y="1102"/>
                  </a:lnTo>
                  <a:lnTo>
                    <a:pt x="172" y="1102"/>
                  </a:lnTo>
                  <a:lnTo>
                    <a:pt x="172" y="1100"/>
                  </a:lnTo>
                  <a:lnTo>
                    <a:pt x="174" y="1098"/>
                  </a:lnTo>
                  <a:lnTo>
                    <a:pt x="174" y="1096"/>
                  </a:lnTo>
                  <a:lnTo>
                    <a:pt x="174" y="1095"/>
                  </a:lnTo>
                  <a:lnTo>
                    <a:pt x="176" y="1095"/>
                  </a:lnTo>
                  <a:lnTo>
                    <a:pt x="176" y="1093"/>
                  </a:lnTo>
                  <a:lnTo>
                    <a:pt x="176" y="1091"/>
                  </a:lnTo>
                  <a:lnTo>
                    <a:pt x="176" y="1089"/>
                  </a:lnTo>
                  <a:lnTo>
                    <a:pt x="178" y="1087"/>
                  </a:lnTo>
                  <a:lnTo>
                    <a:pt x="178" y="1085"/>
                  </a:lnTo>
                  <a:lnTo>
                    <a:pt x="179" y="1085"/>
                  </a:lnTo>
                  <a:lnTo>
                    <a:pt x="179" y="1083"/>
                  </a:lnTo>
                  <a:lnTo>
                    <a:pt x="178" y="1083"/>
                  </a:lnTo>
                  <a:lnTo>
                    <a:pt x="176" y="1083"/>
                  </a:lnTo>
                  <a:lnTo>
                    <a:pt x="174" y="1085"/>
                  </a:lnTo>
                  <a:lnTo>
                    <a:pt x="172" y="1085"/>
                  </a:lnTo>
                  <a:lnTo>
                    <a:pt x="172" y="1083"/>
                  </a:lnTo>
                  <a:lnTo>
                    <a:pt x="170" y="1083"/>
                  </a:lnTo>
                  <a:lnTo>
                    <a:pt x="168" y="1083"/>
                  </a:lnTo>
                  <a:lnTo>
                    <a:pt x="168" y="1082"/>
                  </a:lnTo>
                  <a:lnTo>
                    <a:pt x="167" y="1082"/>
                  </a:lnTo>
                  <a:lnTo>
                    <a:pt x="165" y="1082"/>
                  </a:lnTo>
                  <a:lnTo>
                    <a:pt x="163" y="1083"/>
                  </a:lnTo>
                  <a:lnTo>
                    <a:pt x="161" y="1083"/>
                  </a:lnTo>
                  <a:lnTo>
                    <a:pt x="159" y="1085"/>
                  </a:lnTo>
                  <a:lnTo>
                    <a:pt x="157" y="1085"/>
                  </a:lnTo>
                  <a:lnTo>
                    <a:pt x="155" y="1085"/>
                  </a:lnTo>
                  <a:lnTo>
                    <a:pt x="155" y="1087"/>
                  </a:lnTo>
                  <a:lnTo>
                    <a:pt x="154" y="1085"/>
                  </a:lnTo>
                  <a:lnTo>
                    <a:pt x="152" y="1085"/>
                  </a:lnTo>
                  <a:lnTo>
                    <a:pt x="150" y="1085"/>
                  </a:lnTo>
                  <a:lnTo>
                    <a:pt x="148" y="1083"/>
                  </a:lnTo>
                  <a:lnTo>
                    <a:pt x="148" y="1082"/>
                  </a:lnTo>
                  <a:lnTo>
                    <a:pt x="146" y="1082"/>
                  </a:lnTo>
                  <a:lnTo>
                    <a:pt x="144" y="1082"/>
                  </a:lnTo>
                  <a:lnTo>
                    <a:pt x="143" y="1080"/>
                  </a:lnTo>
                  <a:lnTo>
                    <a:pt x="141" y="1080"/>
                  </a:lnTo>
                  <a:lnTo>
                    <a:pt x="139" y="1082"/>
                  </a:lnTo>
                  <a:lnTo>
                    <a:pt x="137" y="1082"/>
                  </a:lnTo>
                  <a:lnTo>
                    <a:pt x="135" y="1082"/>
                  </a:lnTo>
                  <a:lnTo>
                    <a:pt x="133" y="1082"/>
                  </a:lnTo>
                  <a:lnTo>
                    <a:pt x="131" y="1082"/>
                  </a:lnTo>
                  <a:lnTo>
                    <a:pt x="131" y="1080"/>
                  </a:lnTo>
                  <a:lnTo>
                    <a:pt x="131" y="1082"/>
                  </a:lnTo>
                  <a:lnTo>
                    <a:pt x="130" y="1082"/>
                  </a:lnTo>
                  <a:lnTo>
                    <a:pt x="130" y="1080"/>
                  </a:lnTo>
                  <a:lnTo>
                    <a:pt x="128" y="1080"/>
                  </a:lnTo>
                  <a:lnTo>
                    <a:pt x="126" y="1080"/>
                  </a:lnTo>
                  <a:lnTo>
                    <a:pt x="124" y="1080"/>
                  </a:lnTo>
                  <a:lnTo>
                    <a:pt x="122" y="1080"/>
                  </a:lnTo>
                  <a:lnTo>
                    <a:pt x="120" y="1080"/>
                  </a:lnTo>
                  <a:lnTo>
                    <a:pt x="118" y="1080"/>
                  </a:lnTo>
                  <a:lnTo>
                    <a:pt x="117" y="1080"/>
                  </a:lnTo>
                  <a:lnTo>
                    <a:pt x="117" y="1078"/>
                  </a:lnTo>
                  <a:lnTo>
                    <a:pt x="115" y="1078"/>
                  </a:lnTo>
                  <a:lnTo>
                    <a:pt x="113" y="1078"/>
                  </a:lnTo>
                  <a:lnTo>
                    <a:pt x="113" y="1080"/>
                  </a:lnTo>
                  <a:lnTo>
                    <a:pt x="113" y="1078"/>
                  </a:lnTo>
                  <a:lnTo>
                    <a:pt x="113" y="1080"/>
                  </a:lnTo>
                  <a:lnTo>
                    <a:pt x="111" y="1078"/>
                  </a:lnTo>
                  <a:lnTo>
                    <a:pt x="109" y="1078"/>
                  </a:lnTo>
                  <a:lnTo>
                    <a:pt x="107" y="1078"/>
                  </a:lnTo>
                  <a:lnTo>
                    <a:pt x="106" y="1078"/>
                  </a:lnTo>
                  <a:lnTo>
                    <a:pt x="106" y="1076"/>
                  </a:lnTo>
                  <a:lnTo>
                    <a:pt x="106" y="1078"/>
                  </a:lnTo>
                  <a:lnTo>
                    <a:pt x="106" y="1076"/>
                  </a:lnTo>
                  <a:lnTo>
                    <a:pt x="104" y="1076"/>
                  </a:lnTo>
                  <a:lnTo>
                    <a:pt x="102" y="1076"/>
                  </a:lnTo>
                  <a:lnTo>
                    <a:pt x="100" y="1074"/>
                  </a:lnTo>
                  <a:lnTo>
                    <a:pt x="98" y="1074"/>
                  </a:lnTo>
                  <a:lnTo>
                    <a:pt x="98" y="1072"/>
                  </a:lnTo>
                  <a:lnTo>
                    <a:pt x="98" y="1071"/>
                  </a:lnTo>
                  <a:lnTo>
                    <a:pt x="96" y="1071"/>
                  </a:lnTo>
                  <a:lnTo>
                    <a:pt x="96" y="1069"/>
                  </a:lnTo>
                  <a:lnTo>
                    <a:pt x="98" y="1069"/>
                  </a:lnTo>
                  <a:lnTo>
                    <a:pt x="98" y="1067"/>
                  </a:lnTo>
                  <a:lnTo>
                    <a:pt x="96" y="1067"/>
                  </a:lnTo>
                  <a:lnTo>
                    <a:pt x="94" y="1067"/>
                  </a:lnTo>
                  <a:lnTo>
                    <a:pt x="93" y="1067"/>
                  </a:lnTo>
                  <a:lnTo>
                    <a:pt x="93" y="1065"/>
                  </a:lnTo>
                  <a:lnTo>
                    <a:pt x="93" y="1067"/>
                  </a:lnTo>
                  <a:lnTo>
                    <a:pt x="91" y="1067"/>
                  </a:lnTo>
                  <a:lnTo>
                    <a:pt x="89" y="1067"/>
                  </a:lnTo>
                  <a:lnTo>
                    <a:pt x="87" y="1067"/>
                  </a:lnTo>
                  <a:lnTo>
                    <a:pt x="85" y="1067"/>
                  </a:lnTo>
                  <a:lnTo>
                    <a:pt x="83" y="1067"/>
                  </a:lnTo>
                  <a:lnTo>
                    <a:pt x="82" y="1067"/>
                  </a:lnTo>
                  <a:lnTo>
                    <a:pt x="80" y="1067"/>
                  </a:lnTo>
                  <a:lnTo>
                    <a:pt x="78" y="1067"/>
                  </a:lnTo>
                  <a:lnTo>
                    <a:pt x="78" y="1069"/>
                  </a:lnTo>
                  <a:lnTo>
                    <a:pt x="76" y="1069"/>
                  </a:lnTo>
                  <a:lnTo>
                    <a:pt x="76" y="1067"/>
                  </a:lnTo>
                  <a:lnTo>
                    <a:pt x="76" y="1069"/>
                  </a:lnTo>
                  <a:lnTo>
                    <a:pt x="74" y="1069"/>
                  </a:lnTo>
                  <a:lnTo>
                    <a:pt x="74" y="1067"/>
                  </a:lnTo>
                  <a:lnTo>
                    <a:pt x="72" y="1069"/>
                  </a:lnTo>
                  <a:lnTo>
                    <a:pt x="70" y="1069"/>
                  </a:lnTo>
                  <a:lnTo>
                    <a:pt x="69" y="1069"/>
                  </a:lnTo>
                  <a:lnTo>
                    <a:pt x="67" y="1069"/>
                  </a:lnTo>
                  <a:lnTo>
                    <a:pt x="65" y="1069"/>
                  </a:lnTo>
                  <a:lnTo>
                    <a:pt x="65" y="1071"/>
                  </a:lnTo>
                  <a:lnTo>
                    <a:pt x="63" y="1071"/>
                  </a:lnTo>
                  <a:lnTo>
                    <a:pt x="63" y="1072"/>
                  </a:lnTo>
                  <a:lnTo>
                    <a:pt x="61" y="1072"/>
                  </a:lnTo>
                  <a:lnTo>
                    <a:pt x="59" y="1072"/>
                  </a:lnTo>
                  <a:lnTo>
                    <a:pt x="57" y="1072"/>
                  </a:lnTo>
                  <a:lnTo>
                    <a:pt x="57" y="1071"/>
                  </a:lnTo>
                  <a:lnTo>
                    <a:pt x="57" y="1069"/>
                  </a:lnTo>
                  <a:lnTo>
                    <a:pt x="57" y="1067"/>
                  </a:lnTo>
                  <a:lnTo>
                    <a:pt x="56" y="1067"/>
                  </a:lnTo>
                  <a:lnTo>
                    <a:pt x="54" y="1067"/>
                  </a:lnTo>
                  <a:lnTo>
                    <a:pt x="54" y="1065"/>
                  </a:lnTo>
                  <a:lnTo>
                    <a:pt x="54" y="1063"/>
                  </a:lnTo>
                  <a:lnTo>
                    <a:pt x="52" y="1063"/>
                  </a:lnTo>
                  <a:lnTo>
                    <a:pt x="52" y="1061"/>
                  </a:lnTo>
                  <a:lnTo>
                    <a:pt x="50" y="1061"/>
                  </a:lnTo>
                  <a:lnTo>
                    <a:pt x="50" y="1059"/>
                  </a:lnTo>
                  <a:lnTo>
                    <a:pt x="48" y="1059"/>
                  </a:lnTo>
                  <a:lnTo>
                    <a:pt x="48" y="1058"/>
                  </a:lnTo>
                  <a:lnTo>
                    <a:pt x="46" y="1058"/>
                  </a:lnTo>
                  <a:lnTo>
                    <a:pt x="46" y="1059"/>
                  </a:lnTo>
                  <a:lnTo>
                    <a:pt x="45" y="1059"/>
                  </a:lnTo>
                  <a:lnTo>
                    <a:pt x="43" y="1059"/>
                  </a:lnTo>
                  <a:lnTo>
                    <a:pt x="41" y="1059"/>
                  </a:lnTo>
                  <a:lnTo>
                    <a:pt x="41" y="1061"/>
                  </a:lnTo>
                  <a:lnTo>
                    <a:pt x="39" y="1059"/>
                  </a:lnTo>
                  <a:lnTo>
                    <a:pt x="37" y="1059"/>
                  </a:lnTo>
                  <a:lnTo>
                    <a:pt x="35" y="1059"/>
                  </a:lnTo>
                  <a:lnTo>
                    <a:pt x="35" y="1058"/>
                  </a:lnTo>
                  <a:lnTo>
                    <a:pt x="35" y="1056"/>
                  </a:lnTo>
                  <a:lnTo>
                    <a:pt x="33" y="1056"/>
                  </a:lnTo>
                  <a:lnTo>
                    <a:pt x="35" y="1056"/>
                  </a:lnTo>
                  <a:lnTo>
                    <a:pt x="33" y="1054"/>
                  </a:lnTo>
                  <a:lnTo>
                    <a:pt x="33" y="1052"/>
                  </a:lnTo>
                  <a:lnTo>
                    <a:pt x="33" y="1050"/>
                  </a:lnTo>
                  <a:lnTo>
                    <a:pt x="33" y="1048"/>
                  </a:lnTo>
                  <a:lnTo>
                    <a:pt x="33" y="1046"/>
                  </a:lnTo>
                  <a:lnTo>
                    <a:pt x="32" y="1045"/>
                  </a:lnTo>
                  <a:lnTo>
                    <a:pt x="32" y="1043"/>
                  </a:lnTo>
                  <a:lnTo>
                    <a:pt x="32" y="1041"/>
                  </a:lnTo>
                  <a:lnTo>
                    <a:pt x="30" y="1039"/>
                  </a:lnTo>
                  <a:lnTo>
                    <a:pt x="30" y="1037"/>
                  </a:lnTo>
                  <a:lnTo>
                    <a:pt x="32" y="1037"/>
                  </a:lnTo>
                  <a:lnTo>
                    <a:pt x="30" y="1035"/>
                  </a:lnTo>
                  <a:lnTo>
                    <a:pt x="30" y="1034"/>
                  </a:lnTo>
                  <a:lnTo>
                    <a:pt x="30" y="1032"/>
                  </a:lnTo>
                  <a:lnTo>
                    <a:pt x="28" y="1032"/>
                  </a:lnTo>
                  <a:lnTo>
                    <a:pt x="28" y="1030"/>
                  </a:lnTo>
                  <a:lnTo>
                    <a:pt x="28" y="1028"/>
                  </a:lnTo>
                  <a:lnTo>
                    <a:pt x="26" y="1028"/>
                  </a:lnTo>
                  <a:lnTo>
                    <a:pt x="26" y="1026"/>
                  </a:lnTo>
                  <a:lnTo>
                    <a:pt x="26" y="1024"/>
                  </a:lnTo>
                  <a:lnTo>
                    <a:pt x="24" y="1022"/>
                  </a:lnTo>
                  <a:lnTo>
                    <a:pt x="24" y="1021"/>
                  </a:lnTo>
                  <a:lnTo>
                    <a:pt x="24" y="1019"/>
                  </a:lnTo>
                  <a:lnTo>
                    <a:pt x="26" y="1019"/>
                  </a:lnTo>
                  <a:lnTo>
                    <a:pt x="26" y="1017"/>
                  </a:lnTo>
                  <a:lnTo>
                    <a:pt x="26" y="1015"/>
                  </a:lnTo>
                  <a:lnTo>
                    <a:pt x="28" y="1013"/>
                  </a:lnTo>
                  <a:lnTo>
                    <a:pt x="26" y="1013"/>
                  </a:lnTo>
                  <a:lnTo>
                    <a:pt x="28" y="1013"/>
                  </a:lnTo>
                  <a:lnTo>
                    <a:pt x="28" y="1011"/>
                  </a:lnTo>
                  <a:lnTo>
                    <a:pt x="28" y="1009"/>
                  </a:lnTo>
                  <a:lnTo>
                    <a:pt x="28" y="1008"/>
                  </a:lnTo>
                  <a:lnTo>
                    <a:pt x="28" y="1006"/>
                  </a:lnTo>
                  <a:lnTo>
                    <a:pt x="26" y="1006"/>
                  </a:lnTo>
                  <a:lnTo>
                    <a:pt x="26" y="1004"/>
                  </a:lnTo>
                  <a:lnTo>
                    <a:pt x="28" y="1004"/>
                  </a:lnTo>
                  <a:lnTo>
                    <a:pt x="28" y="1002"/>
                  </a:lnTo>
                  <a:lnTo>
                    <a:pt x="30" y="1002"/>
                  </a:lnTo>
                  <a:lnTo>
                    <a:pt x="30" y="1000"/>
                  </a:lnTo>
                  <a:lnTo>
                    <a:pt x="30" y="998"/>
                  </a:lnTo>
                  <a:lnTo>
                    <a:pt x="32" y="998"/>
                  </a:lnTo>
                  <a:lnTo>
                    <a:pt x="32" y="997"/>
                  </a:lnTo>
                  <a:lnTo>
                    <a:pt x="33" y="997"/>
                  </a:lnTo>
                  <a:lnTo>
                    <a:pt x="33" y="995"/>
                  </a:lnTo>
                  <a:lnTo>
                    <a:pt x="35" y="995"/>
                  </a:lnTo>
                  <a:lnTo>
                    <a:pt x="35" y="993"/>
                  </a:lnTo>
                  <a:lnTo>
                    <a:pt x="37" y="993"/>
                  </a:lnTo>
                  <a:lnTo>
                    <a:pt x="39" y="993"/>
                  </a:lnTo>
                  <a:lnTo>
                    <a:pt x="39" y="991"/>
                  </a:lnTo>
                  <a:lnTo>
                    <a:pt x="41" y="991"/>
                  </a:lnTo>
                  <a:lnTo>
                    <a:pt x="41" y="989"/>
                  </a:lnTo>
                  <a:lnTo>
                    <a:pt x="41" y="987"/>
                  </a:lnTo>
                  <a:lnTo>
                    <a:pt x="43" y="987"/>
                  </a:lnTo>
                  <a:lnTo>
                    <a:pt x="43" y="985"/>
                  </a:lnTo>
                  <a:lnTo>
                    <a:pt x="45" y="985"/>
                  </a:lnTo>
                  <a:lnTo>
                    <a:pt x="46" y="985"/>
                  </a:lnTo>
                  <a:lnTo>
                    <a:pt x="46" y="984"/>
                  </a:lnTo>
                  <a:lnTo>
                    <a:pt x="46" y="982"/>
                  </a:lnTo>
                  <a:lnTo>
                    <a:pt x="46" y="980"/>
                  </a:lnTo>
                  <a:lnTo>
                    <a:pt x="48" y="980"/>
                  </a:lnTo>
                  <a:lnTo>
                    <a:pt x="46" y="980"/>
                  </a:lnTo>
                  <a:lnTo>
                    <a:pt x="46" y="978"/>
                  </a:lnTo>
                  <a:lnTo>
                    <a:pt x="48" y="978"/>
                  </a:lnTo>
                  <a:lnTo>
                    <a:pt x="48" y="976"/>
                  </a:lnTo>
                  <a:lnTo>
                    <a:pt x="48" y="974"/>
                  </a:lnTo>
                  <a:lnTo>
                    <a:pt x="48" y="972"/>
                  </a:lnTo>
                  <a:lnTo>
                    <a:pt x="50" y="971"/>
                  </a:lnTo>
                  <a:lnTo>
                    <a:pt x="52" y="971"/>
                  </a:lnTo>
                  <a:lnTo>
                    <a:pt x="52" y="969"/>
                  </a:lnTo>
                  <a:lnTo>
                    <a:pt x="54" y="969"/>
                  </a:lnTo>
                  <a:lnTo>
                    <a:pt x="56" y="969"/>
                  </a:lnTo>
                  <a:lnTo>
                    <a:pt x="56" y="967"/>
                  </a:lnTo>
                  <a:lnTo>
                    <a:pt x="57" y="967"/>
                  </a:lnTo>
                  <a:lnTo>
                    <a:pt x="52" y="950"/>
                  </a:lnTo>
                  <a:lnTo>
                    <a:pt x="52" y="945"/>
                  </a:lnTo>
                  <a:lnTo>
                    <a:pt x="50" y="939"/>
                  </a:lnTo>
                  <a:lnTo>
                    <a:pt x="48" y="935"/>
                  </a:lnTo>
                  <a:lnTo>
                    <a:pt x="48" y="932"/>
                  </a:lnTo>
                  <a:lnTo>
                    <a:pt x="45" y="923"/>
                  </a:lnTo>
                  <a:lnTo>
                    <a:pt x="45" y="921"/>
                  </a:lnTo>
                  <a:lnTo>
                    <a:pt x="45" y="919"/>
                  </a:lnTo>
                  <a:lnTo>
                    <a:pt x="45" y="917"/>
                  </a:lnTo>
                  <a:lnTo>
                    <a:pt x="46" y="917"/>
                  </a:lnTo>
                  <a:lnTo>
                    <a:pt x="46" y="915"/>
                  </a:lnTo>
                  <a:lnTo>
                    <a:pt x="48" y="915"/>
                  </a:lnTo>
                  <a:lnTo>
                    <a:pt x="48" y="913"/>
                  </a:lnTo>
                  <a:lnTo>
                    <a:pt x="50" y="913"/>
                  </a:lnTo>
                  <a:lnTo>
                    <a:pt x="50" y="911"/>
                  </a:lnTo>
                  <a:lnTo>
                    <a:pt x="50" y="910"/>
                  </a:lnTo>
                  <a:lnTo>
                    <a:pt x="50" y="908"/>
                  </a:lnTo>
                  <a:lnTo>
                    <a:pt x="50" y="906"/>
                  </a:lnTo>
                  <a:lnTo>
                    <a:pt x="52" y="906"/>
                  </a:lnTo>
                  <a:lnTo>
                    <a:pt x="52" y="904"/>
                  </a:lnTo>
                  <a:lnTo>
                    <a:pt x="54" y="904"/>
                  </a:lnTo>
                  <a:lnTo>
                    <a:pt x="54" y="902"/>
                  </a:lnTo>
                  <a:lnTo>
                    <a:pt x="54" y="900"/>
                  </a:lnTo>
                  <a:lnTo>
                    <a:pt x="54" y="898"/>
                  </a:lnTo>
                  <a:lnTo>
                    <a:pt x="56" y="898"/>
                  </a:lnTo>
                  <a:lnTo>
                    <a:pt x="57" y="898"/>
                  </a:lnTo>
                  <a:lnTo>
                    <a:pt x="59" y="897"/>
                  </a:lnTo>
                  <a:lnTo>
                    <a:pt x="57" y="897"/>
                  </a:lnTo>
                  <a:lnTo>
                    <a:pt x="59" y="897"/>
                  </a:lnTo>
                  <a:lnTo>
                    <a:pt x="59" y="895"/>
                  </a:lnTo>
                  <a:lnTo>
                    <a:pt x="61" y="893"/>
                  </a:lnTo>
                  <a:lnTo>
                    <a:pt x="61" y="891"/>
                  </a:lnTo>
                  <a:lnTo>
                    <a:pt x="61" y="889"/>
                  </a:lnTo>
                  <a:lnTo>
                    <a:pt x="63" y="889"/>
                  </a:lnTo>
                  <a:lnTo>
                    <a:pt x="63" y="887"/>
                  </a:lnTo>
                  <a:lnTo>
                    <a:pt x="65" y="887"/>
                  </a:lnTo>
                  <a:lnTo>
                    <a:pt x="65" y="886"/>
                  </a:lnTo>
                  <a:lnTo>
                    <a:pt x="67" y="886"/>
                  </a:lnTo>
                  <a:lnTo>
                    <a:pt x="69" y="886"/>
                  </a:lnTo>
                  <a:lnTo>
                    <a:pt x="69" y="884"/>
                  </a:lnTo>
                  <a:lnTo>
                    <a:pt x="70" y="882"/>
                  </a:lnTo>
                  <a:lnTo>
                    <a:pt x="70" y="880"/>
                  </a:lnTo>
                  <a:lnTo>
                    <a:pt x="70" y="878"/>
                  </a:lnTo>
                  <a:lnTo>
                    <a:pt x="70" y="876"/>
                  </a:lnTo>
                  <a:lnTo>
                    <a:pt x="70" y="874"/>
                  </a:lnTo>
                  <a:lnTo>
                    <a:pt x="70" y="873"/>
                  </a:lnTo>
                  <a:lnTo>
                    <a:pt x="70" y="871"/>
                  </a:lnTo>
                  <a:lnTo>
                    <a:pt x="70" y="869"/>
                  </a:lnTo>
                  <a:lnTo>
                    <a:pt x="69" y="869"/>
                  </a:lnTo>
                  <a:lnTo>
                    <a:pt x="70" y="869"/>
                  </a:lnTo>
                  <a:lnTo>
                    <a:pt x="69" y="869"/>
                  </a:lnTo>
                  <a:lnTo>
                    <a:pt x="69" y="867"/>
                  </a:lnTo>
                  <a:lnTo>
                    <a:pt x="69" y="865"/>
                  </a:lnTo>
                  <a:lnTo>
                    <a:pt x="69" y="863"/>
                  </a:lnTo>
                  <a:lnTo>
                    <a:pt x="70" y="863"/>
                  </a:lnTo>
                  <a:lnTo>
                    <a:pt x="70" y="862"/>
                  </a:lnTo>
                  <a:lnTo>
                    <a:pt x="72" y="862"/>
                  </a:lnTo>
                  <a:lnTo>
                    <a:pt x="74" y="862"/>
                  </a:lnTo>
                  <a:lnTo>
                    <a:pt x="74" y="860"/>
                  </a:lnTo>
                  <a:lnTo>
                    <a:pt x="76" y="860"/>
                  </a:lnTo>
                  <a:lnTo>
                    <a:pt x="78" y="860"/>
                  </a:lnTo>
                  <a:lnTo>
                    <a:pt x="80" y="860"/>
                  </a:lnTo>
                  <a:lnTo>
                    <a:pt x="82" y="860"/>
                  </a:lnTo>
                  <a:lnTo>
                    <a:pt x="83" y="860"/>
                  </a:lnTo>
                  <a:lnTo>
                    <a:pt x="85" y="858"/>
                  </a:lnTo>
                  <a:lnTo>
                    <a:pt x="85" y="856"/>
                  </a:lnTo>
                  <a:lnTo>
                    <a:pt x="87" y="854"/>
                  </a:lnTo>
                  <a:lnTo>
                    <a:pt x="87" y="852"/>
                  </a:lnTo>
                  <a:lnTo>
                    <a:pt x="89" y="852"/>
                  </a:lnTo>
                  <a:lnTo>
                    <a:pt x="89" y="850"/>
                  </a:lnTo>
                  <a:lnTo>
                    <a:pt x="89" y="849"/>
                  </a:lnTo>
                  <a:lnTo>
                    <a:pt x="91" y="849"/>
                  </a:lnTo>
                  <a:lnTo>
                    <a:pt x="91" y="847"/>
                  </a:lnTo>
                  <a:lnTo>
                    <a:pt x="93" y="847"/>
                  </a:lnTo>
                  <a:lnTo>
                    <a:pt x="93" y="845"/>
                  </a:lnTo>
                  <a:lnTo>
                    <a:pt x="93" y="843"/>
                  </a:lnTo>
                  <a:lnTo>
                    <a:pt x="93" y="841"/>
                  </a:lnTo>
                  <a:lnTo>
                    <a:pt x="93" y="839"/>
                  </a:lnTo>
                  <a:lnTo>
                    <a:pt x="94" y="839"/>
                  </a:lnTo>
                  <a:lnTo>
                    <a:pt x="93" y="839"/>
                  </a:lnTo>
                  <a:lnTo>
                    <a:pt x="93" y="837"/>
                  </a:lnTo>
                  <a:lnTo>
                    <a:pt x="94" y="836"/>
                  </a:lnTo>
                  <a:lnTo>
                    <a:pt x="96" y="832"/>
                  </a:lnTo>
                  <a:lnTo>
                    <a:pt x="96" y="830"/>
                  </a:lnTo>
                  <a:lnTo>
                    <a:pt x="98" y="830"/>
                  </a:lnTo>
                  <a:lnTo>
                    <a:pt x="100" y="830"/>
                  </a:lnTo>
                  <a:lnTo>
                    <a:pt x="106" y="828"/>
                  </a:lnTo>
                  <a:lnTo>
                    <a:pt x="111" y="825"/>
                  </a:lnTo>
                  <a:lnTo>
                    <a:pt x="113" y="823"/>
                  </a:lnTo>
                  <a:lnTo>
                    <a:pt x="117" y="819"/>
                  </a:lnTo>
                  <a:lnTo>
                    <a:pt x="118" y="817"/>
                  </a:lnTo>
                  <a:lnTo>
                    <a:pt x="118" y="813"/>
                  </a:lnTo>
                  <a:lnTo>
                    <a:pt x="117" y="808"/>
                  </a:lnTo>
                  <a:lnTo>
                    <a:pt x="118" y="808"/>
                  </a:lnTo>
                  <a:lnTo>
                    <a:pt x="118" y="806"/>
                  </a:lnTo>
                  <a:lnTo>
                    <a:pt x="120" y="802"/>
                  </a:lnTo>
                  <a:lnTo>
                    <a:pt x="122" y="800"/>
                  </a:lnTo>
                  <a:lnTo>
                    <a:pt x="124" y="797"/>
                  </a:lnTo>
                  <a:lnTo>
                    <a:pt x="126" y="795"/>
                  </a:lnTo>
                  <a:lnTo>
                    <a:pt x="124" y="789"/>
                  </a:lnTo>
                  <a:lnTo>
                    <a:pt x="124" y="782"/>
                  </a:lnTo>
                  <a:lnTo>
                    <a:pt x="124" y="778"/>
                  </a:lnTo>
                  <a:lnTo>
                    <a:pt x="124" y="776"/>
                  </a:lnTo>
                  <a:lnTo>
                    <a:pt x="126" y="775"/>
                  </a:lnTo>
                  <a:lnTo>
                    <a:pt x="128" y="773"/>
                  </a:lnTo>
                  <a:lnTo>
                    <a:pt x="128" y="771"/>
                  </a:lnTo>
                  <a:lnTo>
                    <a:pt x="130" y="771"/>
                  </a:lnTo>
                  <a:lnTo>
                    <a:pt x="130" y="769"/>
                  </a:lnTo>
                  <a:lnTo>
                    <a:pt x="131" y="767"/>
                  </a:lnTo>
                  <a:lnTo>
                    <a:pt x="131" y="765"/>
                  </a:lnTo>
                  <a:lnTo>
                    <a:pt x="131" y="763"/>
                  </a:lnTo>
                  <a:lnTo>
                    <a:pt x="131" y="762"/>
                  </a:lnTo>
                  <a:lnTo>
                    <a:pt x="131" y="760"/>
                  </a:lnTo>
                  <a:lnTo>
                    <a:pt x="130" y="758"/>
                  </a:lnTo>
                  <a:lnTo>
                    <a:pt x="130" y="756"/>
                  </a:lnTo>
                  <a:lnTo>
                    <a:pt x="128" y="754"/>
                  </a:lnTo>
                  <a:lnTo>
                    <a:pt x="126" y="754"/>
                  </a:lnTo>
                  <a:lnTo>
                    <a:pt x="124" y="749"/>
                  </a:lnTo>
                  <a:lnTo>
                    <a:pt x="124" y="747"/>
                  </a:lnTo>
                  <a:lnTo>
                    <a:pt x="124" y="745"/>
                  </a:lnTo>
                  <a:lnTo>
                    <a:pt x="122" y="743"/>
                  </a:lnTo>
                  <a:lnTo>
                    <a:pt x="120" y="743"/>
                  </a:lnTo>
                  <a:lnTo>
                    <a:pt x="120" y="741"/>
                  </a:lnTo>
                  <a:lnTo>
                    <a:pt x="118" y="741"/>
                  </a:lnTo>
                  <a:lnTo>
                    <a:pt x="117" y="741"/>
                  </a:lnTo>
                  <a:lnTo>
                    <a:pt x="115" y="741"/>
                  </a:lnTo>
                  <a:lnTo>
                    <a:pt x="113" y="743"/>
                  </a:lnTo>
                  <a:lnTo>
                    <a:pt x="113" y="745"/>
                  </a:lnTo>
                  <a:lnTo>
                    <a:pt x="111" y="745"/>
                  </a:lnTo>
                  <a:lnTo>
                    <a:pt x="109" y="745"/>
                  </a:lnTo>
                  <a:lnTo>
                    <a:pt x="109" y="747"/>
                  </a:lnTo>
                  <a:lnTo>
                    <a:pt x="107" y="747"/>
                  </a:lnTo>
                  <a:lnTo>
                    <a:pt x="107" y="745"/>
                  </a:lnTo>
                  <a:lnTo>
                    <a:pt x="106" y="745"/>
                  </a:lnTo>
                  <a:lnTo>
                    <a:pt x="106" y="743"/>
                  </a:lnTo>
                  <a:lnTo>
                    <a:pt x="104" y="741"/>
                  </a:lnTo>
                  <a:lnTo>
                    <a:pt x="104" y="739"/>
                  </a:lnTo>
                  <a:lnTo>
                    <a:pt x="102" y="739"/>
                  </a:lnTo>
                  <a:lnTo>
                    <a:pt x="104" y="738"/>
                  </a:lnTo>
                  <a:lnTo>
                    <a:pt x="102" y="738"/>
                  </a:lnTo>
                  <a:lnTo>
                    <a:pt x="100" y="738"/>
                  </a:lnTo>
                  <a:lnTo>
                    <a:pt x="100" y="736"/>
                  </a:lnTo>
                  <a:lnTo>
                    <a:pt x="98" y="736"/>
                  </a:lnTo>
                  <a:lnTo>
                    <a:pt x="96" y="736"/>
                  </a:lnTo>
                  <a:lnTo>
                    <a:pt x="96" y="734"/>
                  </a:lnTo>
                  <a:lnTo>
                    <a:pt x="94" y="734"/>
                  </a:lnTo>
                  <a:lnTo>
                    <a:pt x="94" y="732"/>
                  </a:lnTo>
                  <a:lnTo>
                    <a:pt x="93" y="732"/>
                  </a:lnTo>
                  <a:lnTo>
                    <a:pt x="93" y="730"/>
                  </a:lnTo>
                  <a:lnTo>
                    <a:pt x="91" y="730"/>
                  </a:lnTo>
                  <a:lnTo>
                    <a:pt x="91" y="728"/>
                  </a:lnTo>
                  <a:lnTo>
                    <a:pt x="91" y="726"/>
                  </a:lnTo>
                  <a:lnTo>
                    <a:pt x="89" y="726"/>
                  </a:lnTo>
                  <a:lnTo>
                    <a:pt x="91" y="726"/>
                  </a:lnTo>
                  <a:lnTo>
                    <a:pt x="89" y="725"/>
                  </a:lnTo>
                  <a:lnTo>
                    <a:pt x="89" y="726"/>
                  </a:lnTo>
                  <a:lnTo>
                    <a:pt x="87" y="726"/>
                  </a:lnTo>
                  <a:lnTo>
                    <a:pt x="85" y="726"/>
                  </a:lnTo>
                  <a:lnTo>
                    <a:pt x="83" y="725"/>
                  </a:lnTo>
                  <a:lnTo>
                    <a:pt x="83" y="723"/>
                  </a:lnTo>
                  <a:lnTo>
                    <a:pt x="82" y="723"/>
                  </a:lnTo>
                  <a:lnTo>
                    <a:pt x="82" y="721"/>
                  </a:lnTo>
                  <a:lnTo>
                    <a:pt x="80" y="721"/>
                  </a:lnTo>
                  <a:lnTo>
                    <a:pt x="82" y="719"/>
                  </a:lnTo>
                  <a:lnTo>
                    <a:pt x="82" y="717"/>
                  </a:lnTo>
                  <a:lnTo>
                    <a:pt x="82" y="715"/>
                  </a:lnTo>
                  <a:lnTo>
                    <a:pt x="83" y="714"/>
                  </a:lnTo>
                  <a:lnTo>
                    <a:pt x="83" y="712"/>
                  </a:lnTo>
                  <a:lnTo>
                    <a:pt x="82" y="712"/>
                  </a:lnTo>
                  <a:lnTo>
                    <a:pt x="82" y="710"/>
                  </a:lnTo>
                  <a:lnTo>
                    <a:pt x="80" y="710"/>
                  </a:lnTo>
                  <a:lnTo>
                    <a:pt x="80" y="708"/>
                  </a:lnTo>
                  <a:lnTo>
                    <a:pt x="80" y="706"/>
                  </a:lnTo>
                  <a:lnTo>
                    <a:pt x="78" y="706"/>
                  </a:lnTo>
                  <a:lnTo>
                    <a:pt x="78" y="704"/>
                  </a:lnTo>
                  <a:lnTo>
                    <a:pt x="78" y="702"/>
                  </a:lnTo>
                  <a:lnTo>
                    <a:pt x="76" y="701"/>
                  </a:lnTo>
                  <a:lnTo>
                    <a:pt x="74" y="701"/>
                  </a:lnTo>
                  <a:lnTo>
                    <a:pt x="74" y="699"/>
                  </a:lnTo>
                  <a:lnTo>
                    <a:pt x="74" y="701"/>
                  </a:lnTo>
                  <a:lnTo>
                    <a:pt x="72" y="701"/>
                  </a:lnTo>
                  <a:lnTo>
                    <a:pt x="72" y="699"/>
                  </a:lnTo>
                  <a:lnTo>
                    <a:pt x="70" y="697"/>
                  </a:lnTo>
                  <a:lnTo>
                    <a:pt x="70" y="695"/>
                  </a:lnTo>
                  <a:lnTo>
                    <a:pt x="69" y="693"/>
                  </a:lnTo>
                  <a:lnTo>
                    <a:pt x="67" y="693"/>
                  </a:lnTo>
                  <a:lnTo>
                    <a:pt x="65" y="693"/>
                  </a:lnTo>
                  <a:lnTo>
                    <a:pt x="63" y="693"/>
                  </a:lnTo>
                  <a:lnTo>
                    <a:pt x="63" y="691"/>
                  </a:lnTo>
                  <a:lnTo>
                    <a:pt x="61" y="691"/>
                  </a:lnTo>
                  <a:lnTo>
                    <a:pt x="59" y="689"/>
                  </a:lnTo>
                  <a:lnTo>
                    <a:pt x="59" y="688"/>
                  </a:lnTo>
                  <a:lnTo>
                    <a:pt x="57" y="688"/>
                  </a:lnTo>
                  <a:lnTo>
                    <a:pt x="57" y="686"/>
                  </a:lnTo>
                  <a:lnTo>
                    <a:pt x="56" y="686"/>
                  </a:lnTo>
                  <a:lnTo>
                    <a:pt x="52" y="682"/>
                  </a:lnTo>
                  <a:lnTo>
                    <a:pt x="50" y="682"/>
                  </a:lnTo>
                  <a:lnTo>
                    <a:pt x="50" y="684"/>
                  </a:lnTo>
                  <a:lnTo>
                    <a:pt x="48" y="684"/>
                  </a:lnTo>
                  <a:lnTo>
                    <a:pt x="46" y="684"/>
                  </a:lnTo>
                  <a:lnTo>
                    <a:pt x="45" y="684"/>
                  </a:lnTo>
                  <a:lnTo>
                    <a:pt x="45" y="686"/>
                  </a:lnTo>
                  <a:lnTo>
                    <a:pt x="45" y="684"/>
                  </a:lnTo>
                  <a:lnTo>
                    <a:pt x="43" y="686"/>
                  </a:lnTo>
                  <a:lnTo>
                    <a:pt x="43" y="684"/>
                  </a:lnTo>
                  <a:lnTo>
                    <a:pt x="41" y="684"/>
                  </a:lnTo>
                  <a:lnTo>
                    <a:pt x="41" y="682"/>
                  </a:lnTo>
                  <a:lnTo>
                    <a:pt x="41" y="680"/>
                  </a:lnTo>
                  <a:lnTo>
                    <a:pt x="39" y="680"/>
                  </a:lnTo>
                  <a:lnTo>
                    <a:pt x="39" y="678"/>
                  </a:lnTo>
                  <a:lnTo>
                    <a:pt x="37" y="671"/>
                  </a:lnTo>
                  <a:lnTo>
                    <a:pt x="39" y="669"/>
                  </a:lnTo>
                  <a:lnTo>
                    <a:pt x="39" y="665"/>
                  </a:lnTo>
                  <a:lnTo>
                    <a:pt x="39" y="662"/>
                  </a:lnTo>
                  <a:lnTo>
                    <a:pt x="37" y="662"/>
                  </a:lnTo>
                  <a:lnTo>
                    <a:pt x="35" y="662"/>
                  </a:lnTo>
                  <a:lnTo>
                    <a:pt x="37" y="658"/>
                  </a:lnTo>
                  <a:lnTo>
                    <a:pt x="35" y="658"/>
                  </a:lnTo>
                  <a:lnTo>
                    <a:pt x="33" y="658"/>
                  </a:lnTo>
                  <a:lnTo>
                    <a:pt x="32" y="658"/>
                  </a:lnTo>
                  <a:lnTo>
                    <a:pt x="30" y="658"/>
                  </a:lnTo>
                  <a:lnTo>
                    <a:pt x="28" y="658"/>
                  </a:lnTo>
                  <a:lnTo>
                    <a:pt x="28" y="660"/>
                  </a:lnTo>
                  <a:lnTo>
                    <a:pt x="26" y="658"/>
                  </a:lnTo>
                  <a:lnTo>
                    <a:pt x="24" y="660"/>
                  </a:lnTo>
                  <a:lnTo>
                    <a:pt x="22" y="660"/>
                  </a:lnTo>
                  <a:lnTo>
                    <a:pt x="22" y="658"/>
                  </a:lnTo>
                  <a:lnTo>
                    <a:pt x="21" y="658"/>
                  </a:lnTo>
                  <a:lnTo>
                    <a:pt x="19" y="658"/>
                  </a:lnTo>
                  <a:lnTo>
                    <a:pt x="19" y="656"/>
                  </a:lnTo>
                  <a:lnTo>
                    <a:pt x="21" y="654"/>
                  </a:lnTo>
                  <a:lnTo>
                    <a:pt x="21" y="652"/>
                  </a:lnTo>
                  <a:lnTo>
                    <a:pt x="19" y="651"/>
                  </a:lnTo>
                  <a:lnTo>
                    <a:pt x="21" y="651"/>
                  </a:lnTo>
                  <a:lnTo>
                    <a:pt x="19" y="649"/>
                  </a:lnTo>
                  <a:lnTo>
                    <a:pt x="17" y="647"/>
                  </a:lnTo>
                  <a:lnTo>
                    <a:pt x="17" y="645"/>
                  </a:lnTo>
                  <a:lnTo>
                    <a:pt x="15" y="643"/>
                  </a:lnTo>
                  <a:lnTo>
                    <a:pt x="15" y="641"/>
                  </a:lnTo>
                  <a:lnTo>
                    <a:pt x="13" y="641"/>
                  </a:lnTo>
                  <a:lnTo>
                    <a:pt x="13" y="640"/>
                  </a:lnTo>
                  <a:lnTo>
                    <a:pt x="13" y="638"/>
                  </a:lnTo>
                  <a:lnTo>
                    <a:pt x="13" y="636"/>
                  </a:lnTo>
                  <a:lnTo>
                    <a:pt x="11" y="636"/>
                  </a:lnTo>
                  <a:lnTo>
                    <a:pt x="11" y="634"/>
                  </a:lnTo>
                  <a:lnTo>
                    <a:pt x="9" y="630"/>
                  </a:lnTo>
                  <a:lnTo>
                    <a:pt x="6" y="628"/>
                  </a:lnTo>
                  <a:lnTo>
                    <a:pt x="6" y="627"/>
                  </a:lnTo>
                  <a:lnTo>
                    <a:pt x="4" y="625"/>
                  </a:lnTo>
                  <a:lnTo>
                    <a:pt x="4" y="623"/>
                  </a:lnTo>
                  <a:lnTo>
                    <a:pt x="2" y="623"/>
                  </a:lnTo>
                  <a:lnTo>
                    <a:pt x="2" y="621"/>
                  </a:lnTo>
                  <a:lnTo>
                    <a:pt x="2" y="619"/>
                  </a:lnTo>
                  <a:lnTo>
                    <a:pt x="2" y="617"/>
                  </a:lnTo>
                  <a:lnTo>
                    <a:pt x="2" y="615"/>
                  </a:lnTo>
                  <a:lnTo>
                    <a:pt x="0" y="615"/>
                  </a:lnTo>
                  <a:lnTo>
                    <a:pt x="0" y="614"/>
                  </a:lnTo>
                  <a:lnTo>
                    <a:pt x="0" y="612"/>
                  </a:lnTo>
                  <a:lnTo>
                    <a:pt x="0" y="604"/>
                  </a:lnTo>
                  <a:lnTo>
                    <a:pt x="2" y="601"/>
                  </a:lnTo>
                  <a:lnTo>
                    <a:pt x="2" y="599"/>
                  </a:lnTo>
                  <a:lnTo>
                    <a:pt x="4" y="599"/>
                  </a:lnTo>
                  <a:lnTo>
                    <a:pt x="6" y="597"/>
                  </a:lnTo>
                  <a:lnTo>
                    <a:pt x="6" y="595"/>
                  </a:lnTo>
                  <a:lnTo>
                    <a:pt x="8" y="595"/>
                  </a:lnTo>
                  <a:lnTo>
                    <a:pt x="9" y="593"/>
                  </a:lnTo>
                  <a:lnTo>
                    <a:pt x="11" y="593"/>
                  </a:lnTo>
                  <a:lnTo>
                    <a:pt x="13" y="591"/>
                  </a:lnTo>
                  <a:lnTo>
                    <a:pt x="13" y="590"/>
                  </a:lnTo>
                  <a:lnTo>
                    <a:pt x="15" y="590"/>
                  </a:lnTo>
                  <a:lnTo>
                    <a:pt x="17" y="588"/>
                  </a:lnTo>
                  <a:lnTo>
                    <a:pt x="17" y="590"/>
                  </a:lnTo>
                  <a:lnTo>
                    <a:pt x="19" y="588"/>
                  </a:lnTo>
                  <a:lnTo>
                    <a:pt x="21" y="588"/>
                  </a:lnTo>
                  <a:lnTo>
                    <a:pt x="21" y="590"/>
                  </a:lnTo>
                  <a:lnTo>
                    <a:pt x="22" y="590"/>
                  </a:lnTo>
                  <a:lnTo>
                    <a:pt x="24" y="590"/>
                  </a:lnTo>
                  <a:lnTo>
                    <a:pt x="24" y="588"/>
                  </a:lnTo>
                  <a:lnTo>
                    <a:pt x="26" y="588"/>
                  </a:lnTo>
                  <a:lnTo>
                    <a:pt x="28" y="588"/>
                  </a:lnTo>
                  <a:lnTo>
                    <a:pt x="28" y="590"/>
                  </a:lnTo>
                  <a:lnTo>
                    <a:pt x="28" y="588"/>
                  </a:lnTo>
                  <a:lnTo>
                    <a:pt x="30" y="588"/>
                  </a:lnTo>
                  <a:lnTo>
                    <a:pt x="32" y="588"/>
                  </a:lnTo>
                  <a:lnTo>
                    <a:pt x="32" y="586"/>
                  </a:lnTo>
                  <a:lnTo>
                    <a:pt x="33" y="586"/>
                  </a:lnTo>
                  <a:lnTo>
                    <a:pt x="33" y="584"/>
                  </a:lnTo>
                  <a:lnTo>
                    <a:pt x="35" y="584"/>
                  </a:lnTo>
                  <a:lnTo>
                    <a:pt x="35" y="582"/>
                  </a:lnTo>
                  <a:lnTo>
                    <a:pt x="35" y="580"/>
                  </a:lnTo>
                  <a:lnTo>
                    <a:pt x="37" y="580"/>
                  </a:lnTo>
                  <a:lnTo>
                    <a:pt x="37" y="578"/>
                  </a:lnTo>
                  <a:lnTo>
                    <a:pt x="39" y="578"/>
                  </a:lnTo>
                  <a:lnTo>
                    <a:pt x="39" y="577"/>
                  </a:lnTo>
                  <a:lnTo>
                    <a:pt x="39" y="575"/>
                  </a:lnTo>
                  <a:lnTo>
                    <a:pt x="41" y="575"/>
                  </a:lnTo>
                  <a:lnTo>
                    <a:pt x="41" y="573"/>
                  </a:lnTo>
                  <a:lnTo>
                    <a:pt x="43" y="573"/>
                  </a:lnTo>
                  <a:lnTo>
                    <a:pt x="43" y="571"/>
                  </a:lnTo>
                  <a:lnTo>
                    <a:pt x="45" y="571"/>
                  </a:lnTo>
                  <a:lnTo>
                    <a:pt x="45" y="569"/>
                  </a:lnTo>
                  <a:lnTo>
                    <a:pt x="46" y="569"/>
                  </a:lnTo>
                  <a:lnTo>
                    <a:pt x="48" y="569"/>
                  </a:lnTo>
                  <a:lnTo>
                    <a:pt x="48" y="567"/>
                  </a:lnTo>
                  <a:lnTo>
                    <a:pt x="50" y="566"/>
                  </a:lnTo>
                  <a:lnTo>
                    <a:pt x="50" y="564"/>
                  </a:lnTo>
                  <a:lnTo>
                    <a:pt x="50" y="562"/>
                  </a:lnTo>
                  <a:lnTo>
                    <a:pt x="50" y="560"/>
                  </a:lnTo>
                  <a:lnTo>
                    <a:pt x="50" y="558"/>
                  </a:lnTo>
                  <a:lnTo>
                    <a:pt x="50" y="556"/>
                  </a:lnTo>
                  <a:lnTo>
                    <a:pt x="52" y="556"/>
                  </a:lnTo>
                  <a:lnTo>
                    <a:pt x="50" y="556"/>
                  </a:lnTo>
                  <a:lnTo>
                    <a:pt x="50" y="554"/>
                  </a:lnTo>
                  <a:lnTo>
                    <a:pt x="48" y="554"/>
                  </a:lnTo>
                  <a:lnTo>
                    <a:pt x="46" y="553"/>
                  </a:lnTo>
                  <a:lnTo>
                    <a:pt x="46" y="551"/>
                  </a:lnTo>
                  <a:lnTo>
                    <a:pt x="45" y="551"/>
                  </a:lnTo>
                  <a:lnTo>
                    <a:pt x="45" y="549"/>
                  </a:lnTo>
                  <a:lnTo>
                    <a:pt x="45" y="547"/>
                  </a:lnTo>
                  <a:lnTo>
                    <a:pt x="45" y="545"/>
                  </a:lnTo>
                  <a:lnTo>
                    <a:pt x="45" y="543"/>
                  </a:lnTo>
                  <a:lnTo>
                    <a:pt x="46" y="543"/>
                  </a:lnTo>
                  <a:lnTo>
                    <a:pt x="46" y="542"/>
                  </a:lnTo>
                  <a:lnTo>
                    <a:pt x="46" y="540"/>
                  </a:lnTo>
                  <a:lnTo>
                    <a:pt x="46" y="538"/>
                  </a:lnTo>
                  <a:lnTo>
                    <a:pt x="46" y="536"/>
                  </a:lnTo>
                  <a:lnTo>
                    <a:pt x="48" y="536"/>
                  </a:lnTo>
                  <a:lnTo>
                    <a:pt x="48" y="534"/>
                  </a:lnTo>
                  <a:lnTo>
                    <a:pt x="50" y="534"/>
                  </a:lnTo>
                  <a:lnTo>
                    <a:pt x="50" y="532"/>
                  </a:lnTo>
                  <a:lnTo>
                    <a:pt x="72" y="466"/>
                  </a:lnTo>
                  <a:lnTo>
                    <a:pt x="74" y="466"/>
                  </a:lnTo>
                  <a:lnTo>
                    <a:pt x="74" y="468"/>
                  </a:lnTo>
                  <a:lnTo>
                    <a:pt x="76" y="469"/>
                  </a:lnTo>
                  <a:lnTo>
                    <a:pt x="78" y="471"/>
                  </a:lnTo>
                  <a:lnTo>
                    <a:pt x="120" y="525"/>
                  </a:lnTo>
                  <a:lnTo>
                    <a:pt x="120" y="527"/>
                  </a:lnTo>
                  <a:lnTo>
                    <a:pt x="122" y="529"/>
                  </a:lnTo>
                  <a:lnTo>
                    <a:pt x="124" y="530"/>
                  </a:lnTo>
                  <a:lnTo>
                    <a:pt x="124" y="532"/>
                  </a:lnTo>
                  <a:lnTo>
                    <a:pt x="126" y="532"/>
                  </a:lnTo>
                  <a:lnTo>
                    <a:pt x="128" y="536"/>
                  </a:lnTo>
                  <a:lnTo>
                    <a:pt x="128" y="538"/>
                  </a:lnTo>
                  <a:lnTo>
                    <a:pt x="130" y="540"/>
                  </a:lnTo>
                  <a:lnTo>
                    <a:pt x="131" y="542"/>
                  </a:lnTo>
                  <a:lnTo>
                    <a:pt x="133" y="543"/>
                  </a:lnTo>
                  <a:lnTo>
                    <a:pt x="141" y="551"/>
                  </a:lnTo>
                  <a:lnTo>
                    <a:pt x="143" y="553"/>
                  </a:lnTo>
                  <a:lnTo>
                    <a:pt x="143" y="554"/>
                  </a:lnTo>
                  <a:lnTo>
                    <a:pt x="144" y="554"/>
                  </a:lnTo>
                  <a:lnTo>
                    <a:pt x="146" y="558"/>
                  </a:lnTo>
                  <a:lnTo>
                    <a:pt x="148" y="558"/>
                  </a:lnTo>
                  <a:lnTo>
                    <a:pt x="148" y="560"/>
                  </a:lnTo>
                  <a:lnTo>
                    <a:pt x="152" y="562"/>
                  </a:lnTo>
                  <a:lnTo>
                    <a:pt x="154" y="562"/>
                  </a:lnTo>
                  <a:lnTo>
                    <a:pt x="155" y="566"/>
                  </a:lnTo>
                  <a:lnTo>
                    <a:pt x="157" y="566"/>
                  </a:lnTo>
                  <a:lnTo>
                    <a:pt x="159" y="567"/>
                  </a:lnTo>
                  <a:lnTo>
                    <a:pt x="159" y="569"/>
                  </a:lnTo>
                  <a:lnTo>
                    <a:pt x="161" y="569"/>
                  </a:lnTo>
                  <a:lnTo>
                    <a:pt x="161" y="571"/>
                  </a:lnTo>
                  <a:lnTo>
                    <a:pt x="163" y="571"/>
                  </a:lnTo>
                  <a:lnTo>
                    <a:pt x="163" y="575"/>
                  </a:lnTo>
                  <a:lnTo>
                    <a:pt x="163" y="578"/>
                  </a:lnTo>
                  <a:lnTo>
                    <a:pt x="165" y="580"/>
                  </a:lnTo>
                  <a:lnTo>
                    <a:pt x="165" y="584"/>
                  </a:lnTo>
                  <a:lnTo>
                    <a:pt x="165" y="588"/>
                  </a:lnTo>
                  <a:lnTo>
                    <a:pt x="165" y="591"/>
                  </a:lnTo>
                  <a:lnTo>
                    <a:pt x="165" y="593"/>
                  </a:lnTo>
                  <a:lnTo>
                    <a:pt x="165" y="595"/>
                  </a:lnTo>
                  <a:lnTo>
                    <a:pt x="163" y="595"/>
                  </a:lnTo>
                  <a:lnTo>
                    <a:pt x="163" y="597"/>
                  </a:lnTo>
                  <a:lnTo>
                    <a:pt x="163" y="599"/>
                  </a:lnTo>
                  <a:lnTo>
                    <a:pt x="163" y="601"/>
                  </a:lnTo>
                  <a:lnTo>
                    <a:pt x="157" y="610"/>
                  </a:lnTo>
                  <a:lnTo>
                    <a:pt x="157" y="612"/>
                  </a:lnTo>
                  <a:lnTo>
                    <a:pt x="157" y="614"/>
                  </a:lnTo>
                  <a:lnTo>
                    <a:pt x="157" y="615"/>
                  </a:lnTo>
                  <a:lnTo>
                    <a:pt x="157" y="617"/>
                  </a:lnTo>
                  <a:lnTo>
                    <a:pt x="159" y="617"/>
                  </a:lnTo>
                  <a:lnTo>
                    <a:pt x="159" y="619"/>
                  </a:lnTo>
                  <a:lnTo>
                    <a:pt x="161" y="621"/>
                  </a:lnTo>
                  <a:lnTo>
                    <a:pt x="163" y="623"/>
                  </a:lnTo>
                  <a:lnTo>
                    <a:pt x="165" y="623"/>
                  </a:lnTo>
                  <a:lnTo>
                    <a:pt x="165" y="625"/>
                  </a:lnTo>
                  <a:lnTo>
                    <a:pt x="167" y="625"/>
                  </a:lnTo>
                  <a:lnTo>
                    <a:pt x="168" y="628"/>
                  </a:lnTo>
                  <a:lnTo>
                    <a:pt x="168" y="630"/>
                  </a:lnTo>
                  <a:lnTo>
                    <a:pt x="170" y="630"/>
                  </a:lnTo>
                  <a:lnTo>
                    <a:pt x="170" y="632"/>
                  </a:lnTo>
                  <a:lnTo>
                    <a:pt x="174" y="640"/>
                  </a:lnTo>
                  <a:lnTo>
                    <a:pt x="174" y="641"/>
                  </a:lnTo>
                  <a:lnTo>
                    <a:pt x="176" y="641"/>
                  </a:lnTo>
                  <a:lnTo>
                    <a:pt x="176" y="643"/>
                  </a:lnTo>
                  <a:lnTo>
                    <a:pt x="178" y="643"/>
                  </a:lnTo>
                  <a:lnTo>
                    <a:pt x="179" y="645"/>
                  </a:lnTo>
                  <a:lnTo>
                    <a:pt x="181" y="645"/>
                  </a:lnTo>
                  <a:lnTo>
                    <a:pt x="181" y="647"/>
                  </a:lnTo>
                  <a:lnTo>
                    <a:pt x="183" y="647"/>
                  </a:lnTo>
                  <a:lnTo>
                    <a:pt x="185" y="647"/>
                  </a:lnTo>
                  <a:lnTo>
                    <a:pt x="187" y="647"/>
                  </a:lnTo>
                  <a:lnTo>
                    <a:pt x="189" y="647"/>
                  </a:lnTo>
                  <a:lnTo>
                    <a:pt x="200" y="645"/>
                  </a:lnTo>
                  <a:lnTo>
                    <a:pt x="204" y="645"/>
                  </a:lnTo>
                  <a:lnTo>
                    <a:pt x="205" y="645"/>
                  </a:lnTo>
                  <a:lnTo>
                    <a:pt x="207" y="645"/>
                  </a:lnTo>
                  <a:lnTo>
                    <a:pt x="209" y="647"/>
                  </a:lnTo>
                  <a:lnTo>
                    <a:pt x="211" y="647"/>
                  </a:lnTo>
                  <a:lnTo>
                    <a:pt x="211" y="649"/>
                  </a:lnTo>
                  <a:lnTo>
                    <a:pt x="213" y="649"/>
                  </a:lnTo>
                  <a:lnTo>
                    <a:pt x="224" y="664"/>
                  </a:lnTo>
                  <a:lnTo>
                    <a:pt x="224" y="665"/>
                  </a:lnTo>
                  <a:lnTo>
                    <a:pt x="226" y="665"/>
                  </a:lnTo>
                  <a:lnTo>
                    <a:pt x="226" y="667"/>
                  </a:lnTo>
                  <a:lnTo>
                    <a:pt x="226" y="669"/>
                  </a:lnTo>
                  <a:lnTo>
                    <a:pt x="228" y="675"/>
                  </a:lnTo>
                  <a:lnTo>
                    <a:pt x="228" y="677"/>
                  </a:lnTo>
                  <a:lnTo>
                    <a:pt x="228" y="678"/>
                  </a:lnTo>
                  <a:lnTo>
                    <a:pt x="228" y="680"/>
                  </a:lnTo>
                  <a:lnTo>
                    <a:pt x="228" y="682"/>
                  </a:lnTo>
                  <a:lnTo>
                    <a:pt x="228" y="686"/>
                  </a:lnTo>
                  <a:lnTo>
                    <a:pt x="228" y="689"/>
                  </a:lnTo>
                  <a:lnTo>
                    <a:pt x="228" y="691"/>
                  </a:lnTo>
                  <a:lnTo>
                    <a:pt x="228" y="693"/>
                  </a:lnTo>
                  <a:lnTo>
                    <a:pt x="228" y="695"/>
                  </a:lnTo>
                  <a:lnTo>
                    <a:pt x="228" y="697"/>
                  </a:lnTo>
                  <a:lnTo>
                    <a:pt x="229" y="701"/>
                  </a:lnTo>
                  <a:lnTo>
                    <a:pt x="229" y="702"/>
                  </a:lnTo>
                  <a:lnTo>
                    <a:pt x="229" y="706"/>
                  </a:lnTo>
                  <a:lnTo>
                    <a:pt x="229" y="708"/>
                  </a:lnTo>
                  <a:lnTo>
                    <a:pt x="231" y="710"/>
                  </a:lnTo>
                  <a:lnTo>
                    <a:pt x="231" y="712"/>
                  </a:lnTo>
                  <a:lnTo>
                    <a:pt x="233" y="715"/>
                  </a:lnTo>
                  <a:lnTo>
                    <a:pt x="233" y="717"/>
                  </a:lnTo>
                  <a:lnTo>
                    <a:pt x="233" y="719"/>
                  </a:lnTo>
                  <a:lnTo>
                    <a:pt x="233" y="725"/>
                  </a:lnTo>
                  <a:lnTo>
                    <a:pt x="233" y="726"/>
                  </a:lnTo>
                  <a:lnTo>
                    <a:pt x="233" y="728"/>
                  </a:lnTo>
                  <a:lnTo>
                    <a:pt x="233" y="730"/>
                  </a:lnTo>
                  <a:lnTo>
                    <a:pt x="235" y="732"/>
                  </a:lnTo>
                  <a:lnTo>
                    <a:pt x="235" y="734"/>
                  </a:lnTo>
                  <a:lnTo>
                    <a:pt x="237" y="734"/>
                  </a:lnTo>
                  <a:lnTo>
                    <a:pt x="240" y="738"/>
                  </a:lnTo>
                  <a:lnTo>
                    <a:pt x="242" y="739"/>
                  </a:lnTo>
                  <a:lnTo>
                    <a:pt x="248" y="741"/>
                  </a:lnTo>
                  <a:lnTo>
                    <a:pt x="250" y="743"/>
                  </a:lnTo>
                  <a:lnTo>
                    <a:pt x="252" y="743"/>
                  </a:lnTo>
                  <a:lnTo>
                    <a:pt x="252" y="745"/>
                  </a:lnTo>
                  <a:lnTo>
                    <a:pt x="253" y="745"/>
                  </a:lnTo>
                  <a:lnTo>
                    <a:pt x="253" y="747"/>
                  </a:lnTo>
                  <a:lnTo>
                    <a:pt x="265" y="756"/>
                  </a:lnTo>
                  <a:lnTo>
                    <a:pt x="265" y="758"/>
                  </a:lnTo>
                  <a:lnTo>
                    <a:pt x="266" y="758"/>
                  </a:lnTo>
                  <a:lnTo>
                    <a:pt x="266" y="760"/>
                  </a:lnTo>
                  <a:lnTo>
                    <a:pt x="266" y="762"/>
                  </a:lnTo>
                  <a:lnTo>
                    <a:pt x="268" y="762"/>
                  </a:lnTo>
                  <a:lnTo>
                    <a:pt x="268" y="763"/>
                  </a:lnTo>
                  <a:lnTo>
                    <a:pt x="268" y="767"/>
                  </a:lnTo>
                  <a:lnTo>
                    <a:pt x="270" y="771"/>
                  </a:lnTo>
                  <a:lnTo>
                    <a:pt x="270" y="775"/>
                  </a:lnTo>
                  <a:lnTo>
                    <a:pt x="270" y="776"/>
                  </a:lnTo>
                  <a:lnTo>
                    <a:pt x="272" y="778"/>
                  </a:lnTo>
                  <a:lnTo>
                    <a:pt x="272" y="780"/>
                  </a:lnTo>
                  <a:lnTo>
                    <a:pt x="272" y="784"/>
                  </a:lnTo>
                  <a:lnTo>
                    <a:pt x="272" y="786"/>
                  </a:lnTo>
                  <a:lnTo>
                    <a:pt x="272" y="788"/>
                  </a:lnTo>
                  <a:lnTo>
                    <a:pt x="274" y="789"/>
                  </a:lnTo>
                  <a:lnTo>
                    <a:pt x="274" y="791"/>
                  </a:lnTo>
                  <a:lnTo>
                    <a:pt x="276" y="793"/>
                  </a:lnTo>
                  <a:lnTo>
                    <a:pt x="281" y="800"/>
                  </a:lnTo>
                  <a:lnTo>
                    <a:pt x="287" y="806"/>
                  </a:lnTo>
                  <a:lnTo>
                    <a:pt x="287" y="808"/>
                  </a:lnTo>
                  <a:lnTo>
                    <a:pt x="289" y="810"/>
                  </a:lnTo>
                  <a:lnTo>
                    <a:pt x="294" y="813"/>
                  </a:lnTo>
                  <a:lnTo>
                    <a:pt x="294" y="815"/>
                  </a:lnTo>
                  <a:lnTo>
                    <a:pt x="296" y="815"/>
                  </a:lnTo>
                  <a:lnTo>
                    <a:pt x="296" y="817"/>
                  </a:lnTo>
                  <a:lnTo>
                    <a:pt x="302" y="821"/>
                  </a:lnTo>
                  <a:lnTo>
                    <a:pt x="303" y="821"/>
                  </a:lnTo>
                  <a:lnTo>
                    <a:pt x="303" y="823"/>
                  </a:lnTo>
                  <a:lnTo>
                    <a:pt x="305" y="823"/>
                  </a:lnTo>
                  <a:lnTo>
                    <a:pt x="305" y="825"/>
                  </a:lnTo>
                  <a:lnTo>
                    <a:pt x="305" y="826"/>
                  </a:lnTo>
                  <a:lnTo>
                    <a:pt x="307" y="837"/>
                  </a:lnTo>
                  <a:lnTo>
                    <a:pt x="307" y="839"/>
                  </a:lnTo>
                  <a:lnTo>
                    <a:pt x="307" y="841"/>
                  </a:lnTo>
                  <a:lnTo>
                    <a:pt x="309" y="841"/>
                  </a:lnTo>
                  <a:lnTo>
                    <a:pt x="309" y="843"/>
                  </a:lnTo>
                  <a:lnTo>
                    <a:pt x="313" y="847"/>
                  </a:lnTo>
                  <a:lnTo>
                    <a:pt x="313" y="849"/>
                  </a:lnTo>
                  <a:lnTo>
                    <a:pt x="314" y="849"/>
                  </a:lnTo>
                  <a:lnTo>
                    <a:pt x="314" y="850"/>
                  </a:lnTo>
                  <a:lnTo>
                    <a:pt x="314" y="852"/>
                  </a:lnTo>
                  <a:lnTo>
                    <a:pt x="316" y="852"/>
                  </a:lnTo>
                  <a:lnTo>
                    <a:pt x="316" y="854"/>
                  </a:lnTo>
                  <a:lnTo>
                    <a:pt x="316" y="856"/>
                  </a:lnTo>
                  <a:lnTo>
                    <a:pt x="318" y="856"/>
                  </a:lnTo>
                  <a:lnTo>
                    <a:pt x="318" y="858"/>
                  </a:lnTo>
                  <a:lnTo>
                    <a:pt x="320" y="858"/>
                  </a:lnTo>
                  <a:lnTo>
                    <a:pt x="322" y="860"/>
                  </a:lnTo>
                  <a:lnTo>
                    <a:pt x="324" y="860"/>
                  </a:lnTo>
                  <a:lnTo>
                    <a:pt x="324" y="862"/>
                  </a:lnTo>
                  <a:lnTo>
                    <a:pt x="326" y="863"/>
                  </a:lnTo>
                  <a:lnTo>
                    <a:pt x="326" y="865"/>
                  </a:lnTo>
                  <a:lnTo>
                    <a:pt x="326" y="867"/>
                  </a:lnTo>
                  <a:lnTo>
                    <a:pt x="326" y="871"/>
                  </a:lnTo>
                  <a:lnTo>
                    <a:pt x="326" y="873"/>
                  </a:lnTo>
                  <a:lnTo>
                    <a:pt x="326" y="874"/>
                  </a:lnTo>
                  <a:lnTo>
                    <a:pt x="326" y="876"/>
                  </a:lnTo>
                  <a:lnTo>
                    <a:pt x="326" y="878"/>
                  </a:lnTo>
                  <a:lnTo>
                    <a:pt x="326" y="880"/>
                  </a:lnTo>
                  <a:lnTo>
                    <a:pt x="327" y="882"/>
                  </a:lnTo>
                  <a:lnTo>
                    <a:pt x="327" y="884"/>
                  </a:lnTo>
                  <a:lnTo>
                    <a:pt x="329" y="884"/>
                  </a:lnTo>
                  <a:lnTo>
                    <a:pt x="329" y="886"/>
                  </a:lnTo>
                  <a:lnTo>
                    <a:pt x="331" y="886"/>
                  </a:lnTo>
                  <a:lnTo>
                    <a:pt x="333" y="887"/>
                  </a:lnTo>
                  <a:lnTo>
                    <a:pt x="333" y="889"/>
                  </a:lnTo>
                  <a:lnTo>
                    <a:pt x="335" y="893"/>
                  </a:lnTo>
                  <a:lnTo>
                    <a:pt x="335" y="895"/>
                  </a:lnTo>
                  <a:lnTo>
                    <a:pt x="335" y="897"/>
                  </a:lnTo>
                  <a:lnTo>
                    <a:pt x="335" y="898"/>
                  </a:lnTo>
                  <a:lnTo>
                    <a:pt x="337" y="900"/>
                  </a:lnTo>
                  <a:lnTo>
                    <a:pt x="337" y="908"/>
                  </a:lnTo>
                  <a:lnTo>
                    <a:pt x="337" y="910"/>
                  </a:lnTo>
                  <a:lnTo>
                    <a:pt x="338" y="911"/>
                  </a:lnTo>
                  <a:lnTo>
                    <a:pt x="338" y="913"/>
                  </a:lnTo>
                  <a:lnTo>
                    <a:pt x="338" y="915"/>
                  </a:lnTo>
                  <a:lnTo>
                    <a:pt x="338" y="917"/>
                  </a:lnTo>
                  <a:lnTo>
                    <a:pt x="338" y="919"/>
                  </a:lnTo>
                  <a:lnTo>
                    <a:pt x="338" y="921"/>
                  </a:lnTo>
                  <a:lnTo>
                    <a:pt x="340" y="921"/>
                  </a:lnTo>
                  <a:lnTo>
                    <a:pt x="342" y="923"/>
                  </a:lnTo>
                  <a:lnTo>
                    <a:pt x="344" y="923"/>
                  </a:lnTo>
                  <a:lnTo>
                    <a:pt x="346" y="923"/>
                  </a:lnTo>
                  <a:lnTo>
                    <a:pt x="346" y="924"/>
                  </a:lnTo>
                  <a:lnTo>
                    <a:pt x="348" y="924"/>
                  </a:lnTo>
                  <a:lnTo>
                    <a:pt x="348" y="926"/>
                  </a:lnTo>
                  <a:lnTo>
                    <a:pt x="350" y="926"/>
                  </a:lnTo>
                  <a:lnTo>
                    <a:pt x="351" y="928"/>
                  </a:lnTo>
                  <a:lnTo>
                    <a:pt x="351" y="930"/>
                  </a:lnTo>
                  <a:lnTo>
                    <a:pt x="353" y="930"/>
                  </a:lnTo>
                  <a:lnTo>
                    <a:pt x="353" y="932"/>
                  </a:lnTo>
                  <a:lnTo>
                    <a:pt x="355" y="932"/>
                  </a:lnTo>
                  <a:lnTo>
                    <a:pt x="355" y="934"/>
                  </a:lnTo>
                  <a:lnTo>
                    <a:pt x="357" y="935"/>
                  </a:lnTo>
                  <a:lnTo>
                    <a:pt x="359" y="937"/>
                  </a:lnTo>
                  <a:lnTo>
                    <a:pt x="359" y="939"/>
                  </a:lnTo>
                  <a:lnTo>
                    <a:pt x="359" y="941"/>
                  </a:lnTo>
                  <a:lnTo>
                    <a:pt x="361" y="941"/>
                  </a:lnTo>
                  <a:lnTo>
                    <a:pt x="361" y="943"/>
                  </a:lnTo>
                  <a:lnTo>
                    <a:pt x="363" y="947"/>
                  </a:lnTo>
                  <a:lnTo>
                    <a:pt x="363" y="948"/>
                  </a:lnTo>
                  <a:lnTo>
                    <a:pt x="364" y="948"/>
                  </a:lnTo>
                  <a:lnTo>
                    <a:pt x="366" y="950"/>
                  </a:lnTo>
                  <a:lnTo>
                    <a:pt x="366" y="952"/>
                  </a:lnTo>
                  <a:lnTo>
                    <a:pt x="368" y="954"/>
                  </a:lnTo>
                  <a:lnTo>
                    <a:pt x="368" y="956"/>
                  </a:lnTo>
                  <a:lnTo>
                    <a:pt x="368" y="958"/>
                  </a:lnTo>
                  <a:lnTo>
                    <a:pt x="370" y="956"/>
                  </a:lnTo>
                  <a:lnTo>
                    <a:pt x="372" y="956"/>
                  </a:lnTo>
                  <a:lnTo>
                    <a:pt x="374" y="956"/>
                  </a:lnTo>
                  <a:lnTo>
                    <a:pt x="375" y="956"/>
                  </a:lnTo>
                  <a:lnTo>
                    <a:pt x="375" y="954"/>
                  </a:lnTo>
                  <a:lnTo>
                    <a:pt x="377" y="954"/>
                  </a:lnTo>
                  <a:lnTo>
                    <a:pt x="379" y="954"/>
                  </a:lnTo>
                  <a:lnTo>
                    <a:pt x="379" y="952"/>
                  </a:lnTo>
                  <a:lnTo>
                    <a:pt x="381" y="952"/>
                  </a:lnTo>
                  <a:lnTo>
                    <a:pt x="383" y="952"/>
                  </a:lnTo>
                  <a:lnTo>
                    <a:pt x="385" y="950"/>
                  </a:lnTo>
                  <a:lnTo>
                    <a:pt x="387" y="950"/>
                  </a:lnTo>
                  <a:lnTo>
                    <a:pt x="387" y="948"/>
                  </a:lnTo>
                  <a:lnTo>
                    <a:pt x="388" y="948"/>
                  </a:lnTo>
                  <a:lnTo>
                    <a:pt x="390" y="947"/>
                  </a:lnTo>
                  <a:lnTo>
                    <a:pt x="392" y="947"/>
                  </a:lnTo>
                  <a:lnTo>
                    <a:pt x="394" y="947"/>
                  </a:lnTo>
                  <a:lnTo>
                    <a:pt x="394" y="945"/>
                  </a:lnTo>
                  <a:lnTo>
                    <a:pt x="396" y="945"/>
                  </a:lnTo>
                  <a:lnTo>
                    <a:pt x="396" y="943"/>
                  </a:lnTo>
                  <a:lnTo>
                    <a:pt x="398" y="943"/>
                  </a:lnTo>
                  <a:lnTo>
                    <a:pt x="398" y="941"/>
                  </a:lnTo>
                  <a:lnTo>
                    <a:pt x="399" y="941"/>
                  </a:lnTo>
                  <a:lnTo>
                    <a:pt x="401" y="941"/>
                  </a:lnTo>
                  <a:lnTo>
                    <a:pt x="401" y="939"/>
                  </a:lnTo>
                  <a:lnTo>
                    <a:pt x="403" y="939"/>
                  </a:lnTo>
                  <a:lnTo>
                    <a:pt x="405" y="939"/>
                  </a:lnTo>
                  <a:lnTo>
                    <a:pt x="407" y="939"/>
                  </a:lnTo>
                  <a:lnTo>
                    <a:pt x="407" y="937"/>
                  </a:lnTo>
                  <a:lnTo>
                    <a:pt x="407" y="935"/>
                  </a:lnTo>
                  <a:lnTo>
                    <a:pt x="409" y="935"/>
                  </a:lnTo>
                  <a:lnTo>
                    <a:pt x="411" y="934"/>
                  </a:lnTo>
                  <a:lnTo>
                    <a:pt x="412" y="932"/>
                  </a:lnTo>
                  <a:lnTo>
                    <a:pt x="414" y="932"/>
                  </a:lnTo>
                  <a:lnTo>
                    <a:pt x="424" y="928"/>
                  </a:lnTo>
                  <a:lnTo>
                    <a:pt x="424" y="930"/>
                  </a:lnTo>
                  <a:lnTo>
                    <a:pt x="425" y="930"/>
                  </a:lnTo>
                  <a:lnTo>
                    <a:pt x="425" y="932"/>
                  </a:lnTo>
                  <a:lnTo>
                    <a:pt x="427" y="932"/>
                  </a:lnTo>
                  <a:lnTo>
                    <a:pt x="429" y="932"/>
                  </a:lnTo>
                  <a:lnTo>
                    <a:pt x="431" y="932"/>
                  </a:lnTo>
                  <a:lnTo>
                    <a:pt x="431" y="934"/>
                  </a:lnTo>
                  <a:lnTo>
                    <a:pt x="433" y="934"/>
                  </a:lnTo>
                  <a:lnTo>
                    <a:pt x="433" y="932"/>
                  </a:lnTo>
                  <a:lnTo>
                    <a:pt x="435" y="932"/>
                  </a:lnTo>
                  <a:lnTo>
                    <a:pt x="436" y="932"/>
                  </a:lnTo>
                  <a:lnTo>
                    <a:pt x="438" y="932"/>
                  </a:lnTo>
                  <a:lnTo>
                    <a:pt x="438" y="930"/>
                  </a:lnTo>
                  <a:lnTo>
                    <a:pt x="440" y="930"/>
                  </a:lnTo>
                  <a:lnTo>
                    <a:pt x="442" y="930"/>
                  </a:lnTo>
                  <a:lnTo>
                    <a:pt x="442" y="928"/>
                  </a:lnTo>
                  <a:lnTo>
                    <a:pt x="444" y="928"/>
                  </a:lnTo>
                  <a:lnTo>
                    <a:pt x="446" y="928"/>
                  </a:lnTo>
                  <a:lnTo>
                    <a:pt x="448" y="928"/>
                  </a:lnTo>
                  <a:lnTo>
                    <a:pt x="449" y="926"/>
                  </a:lnTo>
                  <a:lnTo>
                    <a:pt x="451" y="924"/>
                  </a:lnTo>
                  <a:lnTo>
                    <a:pt x="453" y="923"/>
                  </a:lnTo>
                  <a:lnTo>
                    <a:pt x="453" y="921"/>
                  </a:lnTo>
                  <a:lnTo>
                    <a:pt x="455" y="921"/>
                  </a:lnTo>
                  <a:lnTo>
                    <a:pt x="455" y="919"/>
                  </a:lnTo>
                  <a:lnTo>
                    <a:pt x="457" y="919"/>
                  </a:lnTo>
                  <a:lnTo>
                    <a:pt x="457" y="917"/>
                  </a:lnTo>
                  <a:lnTo>
                    <a:pt x="459" y="915"/>
                  </a:lnTo>
                  <a:lnTo>
                    <a:pt x="460" y="915"/>
                  </a:lnTo>
                  <a:lnTo>
                    <a:pt x="462" y="915"/>
                  </a:lnTo>
                  <a:lnTo>
                    <a:pt x="464" y="913"/>
                  </a:lnTo>
                  <a:lnTo>
                    <a:pt x="466" y="913"/>
                  </a:lnTo>
                  <a:lnTo>
                    <a:pt x="466" y="911"/>
                  </a:lnTo>
                  <a:lnTo>
                    <a:pt x="468" y="911"/>
                  </a:lnTo>
                  <a:lnTo>
                    <a:pt x="468" y="910"/>
                  </a:lnTo>
                  <a:lnTo>
                    <a:pt x="468" y="911"/>
                  </a:lnTo>
                  <a:lnTo>
                    <a:pt x="468" y="910"/>
                  </a:lnTo>
                  <a:lnTo>
                    <a:pt x="470" y="910"/>
                  </a:lnTo>
                  <a:lnTo>
                    <a:pt x="472" y="910"/>
                  </a:lnTo>
                  <a:lnTo>
                    <a:pt x="473" y="908"/>
                  </a:lnTo>
                  <a:lnTo>
                    <a:pt x="475" y="906"/>
                  </a:lnTo>
                  <a:lnTo>
                    <a:pt x="477" y="904"/>
                  </a:lnTo>
                  <a:lnTo>
                    <a:pt x="479" y="904"/>
                  </a:lnTo>
                  <a:lnTo>
                    <a:pt x="479" y="902"/>
                  </a:lnTo>
                  <a:lnTo>
                    <a:pt x="479" y="900"/>
                  </a:lnTo>
                  <a:lnTo>
                    <a:pt x="481" y="900"/>
                  </a:lnTo>
                  <a:lnTo>
                    <a:pt x="481" y="898"/>
                  </a:lnTo>
                  <a:lnTo>
                    <a:pt x="483" y="898"/>
                  </a:lnTo>
                  <a:lnTo>
                    <a:pt x="483" y="897"/>
                  </a:lnTo>
                  <a:lnTo>
                    <a:pt x="485" y="897"/>
                  </a:lnTo>
                  <a:lnTo>
                    <a:pt x="486" y="895"/>
                  </a:lnTo>
                  <a:lnTo>
                    <a:pt x="485" y="895"/>
                  </a:lnTo>
                  <a:lnTo>
                    <a:pt x="486" y="891"/>
                  </a:lnTo>
                  <a:lnTo>
                    <a:pt x="488" y="891"/>
                  </a:lnTo>
                  <a:lnTo>
                    <a:pt x="488" y="889"/>
                  </a:lnTo>
                  <a:lnTo>
                    <a:pt x="490" y="889"/>
                  </a:lnTo>
                  <a:lnTo>
                    <a:pt x="490" y="887"/>
                  </a:lnTo>
                  <a:lnTo>
                    <a:pt x="490" y="886"/>
                  </a:lnTo>
                  <a:lnTo>
                    <a:pt x="492" y="886"/>
                  </a:lnTo>
                  <a:lnTo>
                    <a:pt x="494" y="884"/>
                  </a:lnTo>
                  <a:lnTo>
                    <a:pt x="496" y="884"/>
                  </a:lnTo>
                  <a:lnTo>
                    <a:pt x="496" y="882"/>
                  </a:lnTo>
                  <a:lnTo>
                    <a:pt x="494" y="882"/>
                  </a:lnTo>
                  <a:lnTo>
                    <a:pt x="494" y="880"/>
                  </a:lnTo>
                  <a:lnTo>
                    <a:pt x="494" y="878"/>
                  </a:lnTo>
                  <a:lnTo>
                    <a:pt x="494" y="874"/>
                  </a:lnTo>
                  <a:lnTo>
                    <a:pt x="494" y="871"/>
                  </a:lnTo>
                  <a:lnTo>
                    <a:pt x="496" y="869"/>
                  </a:lnTo>
                  <a:lnTo>
                    <a:pt x="496" y="867"/>
                  </a:lnTo>
                  <a:lnTo>
                    <a:pt x="496" y="865"/>
                  </a:lnTo>
                  <a:lnTo>
                    <a:pt x="497" y="865"/>
                  </a:lnTo>
                  <a:lnTo>
                    <a:pt x="497" y="863"/>
                  </a:lnTo>
                  <a:lnTo>
                    <a:pt x="497" y="862"/>
                  </a:lnTo>
                  <a:lnTo>
                    <a:pt x="497" y="860"/>
                  </a:lnTo>
                  <a:lnTo>
                    <a:pt x="497" y="858"/>
                  </a:lnTo>
                  <a:lnTo>
                    <a:pt x="499" y="858"/>
                  </a:lnTo>
                  <a:lnTo>
                    <a:pt x="499" y="856"/>
                  </a:lnTo>
                  <a:lnTo>
                    <a:pt x="501" y="856"/>
                  </a:lnTo>
                  <a:lnTo>
                    <a:pt x="503" y="856"/>
                  </a:lnTo>
                  <a:lnTo>
                    <a:pt x="505" y="856"/>
                  </a:lnTo>
                  <a:lnTo>
                    <a:pt x="507" y="856"/>
                  </a:lnTo>
                  <a:lnTo>
                    <a:pt x="509" y="856"/>
                  </a:lnTo>
                  <a:lnTo>
                    <a:pt x="510" y="856"/>
                  </a:lnTo>
                  <a:lnTo>
                    <a:pt x="512" y="856"/>
                  </a:lnTo>
                  <a:lnTo>
                    <a:pt x="514" y="858"/>
                  </a:lnTo>
                  <a:lnTo>
                    <a:pt x="514" y="856"/>
                  </a:lnTo>
                  <a:lnTo>
                    <a:pt x="516" y="856"/>
                  </a:lnTo>
                  <a:lnTo>
                    <a:pt x="518" y="856"/>
                  </a:lnTo>
                  <a:lnTo>
                    <a:pt x="520" y="856"/>
                  </a:lnTo>
                  <a:lnTo>
                    <a:pt x="521" y="854"/>
                  </a:lnTo>
                  <a:lnTo>
                    <a:pt x="523" y="852"/>
                  </a:lnTo>
                  <a:lnTo>
                    <a:pt x="525" y="850"/>
                  </a:lnTo>
                  <a:lnTo>
                    <a:pt x="525" y="849"/>
                  </a:lnTo>
                  <a:lnTo>
                    <a:pt x="527" y="849"/>
                  </a:lnTo>
                  <a:lnTo>
                    <a:pt x="527" y="847"/>
                  </a:lnTo>
                  <a:lnTo>
                    <a:pt x="529" y="847"/>
                  </a:lnTo>
                  <a:lnTo>
                    <a:pt x="531" y="847"/>
                  </a:lnTo>
                  <a:lnTo>
                    <a:pt x="531" y="845"/>
                  </a:lnTo>
                  <a:lnTo>
                    <a:pt x="533" y="845"/>
                  </a:lnTo>
                  <a:lnTo>
                    <a:pt x="534" y="845"/>
                  </a:lnTo>
                  <a:lnTo>
                    <a:pt x="534" y="843"/>
                  </a:lnTo>
                  <a:lnTo>
                    <a:pt x="534" y="841"/>
                  </a:lnTo>
                  <a:lnTo>
                    <a:pt x="536" y="841"/>
                  </a:lnTo>
                  <a:lnTo>
                    <a:pt x="536" y="839"/>
                  </a:lnTo>
                  <a:lnTo>
                    <a:pt x="536" y="837"/>
                  </a:lnTo>
                  <a:lnTo>
                    <a:pt x="536" y="836"/>
                  </a:lnTo>
                  <a:lnTo>
                    <a:pt x="536" y="834"/>
                  </a:lnTo>
                  <a:lnTo>
                    <a:pt x="538" y="832"/>
                  </a:lnTo>
                  <a:lnTo>
                    <a:pt x="538" y="830"/>
                  </a:lnTo>
                  <a:lnTo>
                    <a:pt x="540" y="828"/>
                  </a:lnTo>
                  <a:lnTo>
                    <a:pt x="540" y="826"/>
                  </a:lnTo>
                  <a:lnTo>
                    <a:pt x="542" y="825"/>
                  </a:lnTo>
                  <a:lnTo>
                    <a:pt x="544" y="825"/>
                  </a:lnTo>
                  <a:lnTo>
                    <a:pt x="546" y="825"/>
                  </a:lnTo>
                  <a:lnTo>
                    <a:pt x="546" y="823"/>
                  </a:lnTo>
                  <a:lnTo>
                    <a:pt x="547" y="823"/>
                  </a:lnTo>
                  <a:lnTo>
                    <a:pt x="549" y="823"/>
                  </a:lnTo>
                  <a:lnTo>
                    <a:pt x="551" y="823"/>
                  </a:lnTo>
                  <a:lnTo>
                    <a:pt x="551" y="821"/>
                  </a:lnTo>
                  <a:lnTo>
                    <a:pt x="553" y="821"/>
                  </a:lnTo>
                  <a:lnTo>
                    <a:pt x="553" y="819"/>
                  </a:lnTo>
                  <a:lnTo>
                    <a:pt x="555" y="819"/>
                  </a:lnTo>
                  <a:lnTo>
                    <a:pt x="555" y="817"/>
                  </a:lnTo>
                  <a:lnTo>
                    <a:pt x="557" y="817"/>
                  </a:lnTo>
                  <a:lnTo>
                    <a:pt x="557" y="815"/>
                  </a:lnTo>
                  <a:lnTo>
                    <a:pt x="557" y="813"/>
                  </a:lnTo>
                  <a:lnTo>
                    <a:pt x="558" y="813"/>
                  </a:lnTo>
                  <a:lnTo>
                    <a:pt x="558" y="812"/>
                  </a:lnTo>
                  <a:lnTo>
                    <a:pt x="560" y="810"/>
                  </a:lnTo>
                  <a:lnTo>
                    <a:pt x="562" y="810"/>
                  </a:lnTo>
                  <a:lnTo>
                    <a:pt x="562" y="808"/>
                  </a:lnTo>
                  <a:lnTo>
                    <a:pt x="564" y="808"/>
                  </a:lnTo>
                  <a:lnTo>
                    <a:pt x="566" y="806"/>
                  </a:lnTo>
                  <a:lnTo>
                    <a:pt x="566" y="804"/>
                  </a:lnTo>
                  <a:lnTo>
                    <a:pt x="566" y="802"/>
                  </a:lnTo>
                  <a:lnTo>
                    <a:pt x="568" y="802"/>
                  </a:lnTo>
                  <a:lnTo>
                    <a:pt x="568" y="800"/>
                  </a:lnTo>
                  <a:lnTo>
                    <a:pt x="570" y="799"/>
                  </a:lnTo>
                  <a:lnTo>
                    <a:pt x="571" y="797"/>
                  </a:lnTo>
                  <a:lnTo>
                    <a:pt x="571" y="795"/>
                  </a:lnTo>
                  <a:lnTo>
                    <a:pt x="573" y="795"/>
                  </a:lnTo>
                  <a:lnTo>
                    <a:pt x="573" y="793"/>
                  </a:lnTo>
                  <a:lnTo>
                    <a:pt x="575" y="791"/>
                  </a:lnTo>
                  <a:lnTo>
                    <a:pt x="577" y="791"/>
                  </a:lnTo>
                  <a:lnTo>
                    <a:pt x="579" y="791"/>
                  </a:lnTo>
                  <a:lnTo>
                    <a:pt x="579" y="793"/>
                  </a:lnTo>
                  <a:lnTo>
                    <a:pt x="579" y="791"/>
                  </a:lnTo>
                  <a:lnTo>
                    <a:pt x="581" y="793"/>
                  </a:lnTo>
                  <a:lnTo>
                    <a:pt x="582" y="793"/>
                  </a:lnTo>
                  <a:lnTo>
                    <a:pt x="584" y="791"/>
                  </a:lnTo>
                  <a:lnTo>
                    <a:pt x="586" y="791"/>
                  </a:lnTo>
                  <a:lnTo>
                    <a:pt x="586" y="789"/>
                  </a:lnTo>
                  <a:lnTo>
                    <a:pt x="588" y="789"/>
                  </a:lnTo>
                  <a:lnTo>
                    <a:pt x="588" y="788"/>
                  </a:lnTo>
                  <a:lnTo>
                    <a:pt x="590" y="788"/>
                  </a:lnTo>
                  <a:lnTo>
                    <a:pt x="590" y="786"/>
                  </a:lnTo>
                  <a:lnTo>
                    <a:pt x="590" y="784"/>
                  </a:lnTo>
                  <a:lnTo>
                    <a:pt x="590" y="782"/>
                  </a:lnTo>
                  <a:lnTo>
                    <a:pt x="588" y="773"/>
                  </a:lnTo>
                  <a:lnTo>
                    <a:pt x="586" y="765"/>
                  </a:lnTo>
                  <a:lnTo>
                    <a:pt x="586" y="763"/>
                  </a:lnTo>
                  <a:lnTo>
                    <a:pt x="586" y="762"/>
                  </a:lnTo>
                  <a:lnTo>
                    <a:pt x="588" y="762"/>
                  </a:lnTo>
                  <a:lnTo>
                    <a:pt x="590" y="760"/>
                  </a:lnTo>
                  <a:lnTo>
                    <a:pt x="592" y="758"/>
                  </a:lnTo>
                  <a:lnTo>
                    <a:pt x="595" y="758"/>
                  </a:lnTo>
                  <a:lnTo>
                    <a:pt x="597" y="758"/>
                  </a:lnTo>
                  <a:lnTo>
                    <a:pt x="597" y="754"/>
                  </a:lnTo>
                  <a:lnTo>
                    <a:pt x="597" y="752"/>
                  </a:lnTo>
                  <a:lnTo>
                    <a:pt x="597" y="751"/>
                  </a:lnTo>
                  <a:lnTo>
                    <a:pt x="601" y="751"/>
                  </a:lnTo>
                  <a:lnTo>
                    <a:pt x="599" y="749"/>
                  </a:lnTo>
                  <a:lnTo>
                    <a:pt x="597" y="745"/>
                  </a:lnTo>
                  <a:lnTo>
                    <a:pt x="590" y="738"/>
                  </a:lnTo>
                  <a:lnTo>
                    <a:pt x="590" y="721"/>
                  </a:lnTo>
                  <a:lnTo>
                    <a:pt x="607" y="701"/>
                  </a:lnTo>
                  <a:lnTo>
                    <a:pt x="636" y="669"/>
                  </a:lnTo>
                  <a:lnTo>
                    <a:pt x="638" y="669"/>
                  </a:lnTo>
                  <a:lnTo>
                    <a:pt x="640" y="669"/>
                  </a:lnTo>
                  <a:lnTo>
                    <a:pt x="640" y="671"/>
                  </a:lnTo>
                  <a:lnTo>
                    <a:pt x="642" y="671"/>
                  </a:lnTo>
                  <a:lnTo>
                    <a:pt x="643" y="671"/>
                  </a:lnTo>
                  <a:lnTo>
                    <a:pt x="645" y="673"/>
                  </a:lnTo>
                  <a:lnTo>
                    <a:pt x="647" y="673"/>
                  </a:lnTo>
                  <a:lnTo>
                    <a:pt x="649" y="673"/>
                  </a:lnTo>
                  <a:lnTo>
                    <a:pt x="651" y="675"/>
                  </a:lnTo>
                  <a:lnTo>
                    <a:pt x="653" y="675"/>
                  </a:lnTo>
                  <a:lnTo>
                    <a:pt x="655" y="675"/>
                  </a:lnTo>
                  <a:lnTo>
                    <a:pt x="658" y="673"/>
                  </a:lnTo>
                  <a:lnTo>
                    <a:pt x="660" y="673"/>
                  </a:lnTo>
                  <a:lnTo>
                    <a:pt x="662" y="673"/>
                  </a:lnTo>
                  <a:lnTo>
                    <a:pt x="664" y="673"/>
                  </a:lnTo>
                  <a:lnTo>
                    <a:pt x="666" y="671"/>
                  </a:lnTo>
                  <a:lnTo>
                    <a:pt x="668" y="671"/>
                  </a:lnTo>
                  <a:lnTo>
                    <a:pt x="669" y="671"/>
                  </a:lnTo>
                  <a:lnTo>
                    <a:pt x="671" y="671"/>
                  </a:lnTo>
                  <a:lnTo>
                    <a:pt x="673" y="669"/>
                  </a:lnTo>
                  <a:lnTo>
                    <a:pt x="675" y="667"/>
                  </a:lnTo>
                  <a:lnTo>
                    <a:pt x="677" y="667"/>
                  </a:lnTo>
                  <a:lnTo>
                    <a:pt x="679" y="667"/>
                  </a:lnTo>
                  <a:lnTo>
                    <a:pt x="680" y="665"/>
                  </a:lnTo>
                  <a:lnTo>
                    <a:pt x="682" y="664"/>
                  </a:lnTo>
                  <a:lnTo>
                    <a:pt x="684" y="662"/>
                  </a:lnTo>
                  <a:lnTo>
                    <a:pt x="686" y="660"/>
                  </a:lnTo>
                  <a:lnTo>
                    <a:pt x="686" y="658"/>
                  </a:lnTo>
                  <a:lnTo>
                    <a:pt x="688" y="656"/>
                  </a:lnTo>
                  <a:lnTo>
                    <a:pt x="690" y="654"/>
                  </a:lnTo>
                  <a:lnTo>
                    <a:pt x="692" y="652"/>
                  </a:lnTo>
                  <a:lnTo>
                    <a:pt x="693" y="652"/>
                  </a:lnTo>
                  <a:lnTo>
                    <a:pt x="693" y="651"/>
                  </a:lnTo>
                  <a:lnTo>
                    <a:pt x="693" y="649"/>
                  </a:lnTo>
                  <a:lnTo>
                    <a:pt x="692" y="647"/>
                  </a:lnTo>
                  <a:lnTo>
                    <a:pt x="692" y="645"/>
                  </a:lnTo>
                  <a:lnTo>
                    <a:pt x="692" y="641"/>
                  </a:lnTo>
                  <a:lnTo>
                    <a:pt x="692" y="640"/>
                  </a:lnTo>
                  <a:lnTo>
                    <a:pt x="690" y="638"/>
                  </a:lnTo>
                  <a:lnTo>
                    <a:pt x="692" y="636"/>
                  </a:lnTo>
                  <a:lnTo>
                    <a:pt x="692" y="634"/>
                  </a:lnTo>
                  <a:lnTo>
                    <a:pt x="693" y="634"/>
                  </a:lnTo>
                  <a:lnTo>
                    <a:pt x="692" y="634"/>
                  </a:lnTo>
                  <a:lnTo>
                    <a:pt x="692" y="632"/>
                  </a:lnTo>
                  <a:lnTo>
                    <a:pt x="692" y="630"/>
                  </a:lnTo>
                  <a:lnTo>
                    <a:pt x="692" y="628"/>
                  </a:lnTo>
                  <a:lnTo>
                    <a:pt x="693" y="628"/>
                  </a:lnTo>
                  <a:lnTo>
                    <a:pt x="693" y="627"/>
                  </a:lnTo>
                  <a:lnTo>
                    <a:pt x="692" y="625"/>
                  </a:lnTo>
                  <a:lnTo>
                    <a:pt x="692" y="623"/>
                  </a:lnTo>
                  <a:lnTo>
                    <a:pt x="693" y="621"/>
                  </a:lnTo>
                  <a:lnTo>
                    <a:pt x="692" y="619"/>
                  </a:lnTo>
                  <a:lnTo>
                    <a:pt x="692" y="617"/>
                  </a:lnTo>
                  <a:lnTo>
                    <a:pt x="690" y="617"/>
                  </a:lnTo>
                  <a:lnTo>
                    <a:pt x="692" y="617"/>
                  </a:lnTo>
                  <a:lnTo>
                    <a:pt x="692" y="615"/>
                  </a:lnTo>
                  <a:lnTo>
                    <a:pt x="692" y="614"/>
                  </a:lnTo>
                  <a:lnTo>
                    <a:pt x="693" y="612"/>
                  </a:lnTo>
                  <a:lnTo>
                    <a:pt x="693" y="610"/>
                  </a:lnTo>
                  <a:lnTo>
                    <a:pt x="730" y="595"/>
                  </a:lnTo>
                  <a:lnTo>
                    <a:pt x="730" y="593"/>
                  </a:lnTo>
                  <a:lnTo>
                    <a:pt x="732" y="591"/>
                  </a:lnTo>
                  <a:lnTo>
                    <a:pt x="734" y="591"/>
                  </a:lnTo>
                  <a:lnTo>
                    <a:pt x="738" y="593"/>
                  </a:lnTo>
                  <a:lnTo>
                    <a:pt x="740" y="595"/>
                  </a:lnTo>
                  <a:lnTo>
                    <a:pt x="743" y="593"/>
                  </a:lnTo>
                  <a:lnTo>
                    <a:pt x="745" y="593"/>
                  </a:lnTo>
                  <a:lnTo>
                    <a:pt x="762" y="575"/>
                  </a:lnTo>
                  <a:lnTo>
                    <a:pt x="762" y="577"/>
                  </a:lnTo>
                  <a:lnTo>
                    <a:pt x="762" y="578"/>
                  </a:lnTo>
                  <a:lnTo>
                    <a:pt x="764" y="580"/>
                  </a:lnTo>
                  <a:lnTo>
                    <a:pt x="764" y="582"/>
                  </a:lnTo>
                  <a:lnTo>
                    <a:pt x="764" y="584"/>
                  </a:lnTo>
                  <a:lnTo>
                    <a:pt x="765" y="584"/>
                  </a:lnTo>
                  <a:lnTo>
                    <a:pt x="765" y="586"/>
                  </a:lnTo>
                  <a:lnTo>
                    <a:pt x="765" y="588"/>
                  </a:lnTo>
                  <a:lnTo>
                    <a:pt x="764" y="588"/>
                  </a:lnTo>
                  <a:lnTo>
                    <a:pt x="764" y="590"/>
                  </a:lnTo>
                  <a:lnTo>
                    <a:pt x="764" y="591"/>
                  </a:lnTo>
                  <a:lnTo>
                    <a:pt x="765" y="591"/>
                  </a:lnTo>
                  <a:lnTo>
                    <a:pt x="764" y="591"/>
                  </a:lnTo>
                  <a:lnTo>
                    <a:pt x="764" y="593"/>
                  </a:lnTo>
                  <a:lnTo>
                    <a:pt x="764" y="595"/>
                  </a:lnTo>
                  <a:lnTo>
                    <a:pt x="765" y="597"/>
                  </a:lnTo>
                  <a:lnTo>
                    <a:pt x="764" y="599"/>
                  </a:lnTo>
                  <a:lnTo>
                    <a:pt x="764" y="601"/>
                  </a:lnTo>
                  <a:lnTo>
                    <a:pt x="762" y="601"/>
                  </a:lnTo>
                  <a:lnTo>
                    <a:pt x="762" y="603"/>
                  </a:lnTo>
                  <a:lnTo>
                    <a:pt x="762" y="604"/>
                  </a:lnTo>
                  <a:lnTo>
                    <a:pt x="762" y="606"/>
                  </a:lnTo>
                  <a:lnTo>
                    <a:pt x="760" y="606"/>
                  </a:lnTo>
                  <a:lnTo>
                    <a:pt x="760" y="608"/>
                  </a:lnTo>
                  <a:lnTo>
                    <a:pt x="758" y="608"/>
                  </a:lnTo>
                  <a:lnTo>
                    <a:pt x="760" y="612"/>
                  </a:lnTo>
                  <a:lnTo>
                    <a:pt x="760" y="614"/>
                  </a:lnTo>
                  <a:lnTo>
                    <a:pt x="760" y="615"/>
                  </a:lnTo>
                  <a:lnTo>
                    <a:pt x="760" y="617"/>
                  </a:lnTo>
                  <a:lnTo>
                    <a:pt x="758" y="619"/>
                  </a:lnTo>
                  <a:lnTo>
                    <a:pt x="758" y="621"/>
                  </a:lnTo>
                  <a:lnTo>
                    <a:pt x="758" y="623"/>
                  </a:lnTo>
                  <a:lnTo>
                    <a:pt x="758" y="625"/>
                  </a:lnTo>
                  <a:lnTo>
                    <a:pt x="760" y="625"/>
                  </a:lnTo>
                  <a:lnTo>
                    <a:pt x="760" y="627"/>
                  </a:lnTo>
                  <a:lnTo>
                    <a:pt x="762" y="627"/>
                  </a:lnTo>
                  <a:lnTo>
                    <a:pt x="762" y="628"/>
                  </a:lnTo>
                  <a:lnTo>
                    <a:pt x="762" y="630"/>
                  </a:lnTo>
                  <a:lnTo>
                    <a:pt x="764" y="632"/>
                  </a:lnTo>
                  <a:lnTo>
                    <a:pt x="765" y="634"/>
                  </a:lnTo>
                  <a:lnTo>
                    <a:pt x="767" y="638"/>
                  </a:lnTo>
                  <a:lnTo>
                    <a:pt x="767" y="640"/>
                  </a:lnTo>
                  <a:lnTo>
                    <a:pt x="769" y="640"/>
                  </a:lnTo>
                  <a:lnTo>
                    <a:pt x="773" y="640"/>
                  </a:lnTo>
                  <a:lnTo>
                    <a:pt x="775" y="640"/>
                  </a:lnTo>
                  <a:lnTo>
                    <a:pt x="777" y="638"/>
                  </a:lnTo>
                  <a:lnTo>
                    <a:pt x="778" y="638"/>
                  </a:lnTo>
                  <a:lnTo>
                    <a:pt x="780" y="638"/>
                  </a:lnTo>
                  <a:lnTo>
                    <a:pt x="782" y="638"/>
                  </a:lnTo>
                  <a:lnTo>
                    <a:pt x="784" y="638"/>
                  </a:lnTo>
                  <a:lnTo>
                    <a:pt x="786" y="636"/>
                  </a:lnTo>
                  <a:lnTo>
                    <a:pt x="788" y="636"/>
                  </a:lnTo>
                  <a:lnTo>
                    <a:pt x="790" y="634"/>
                  </a:lnTo>
                  <a:lnTo>
                    <a:pt x="791" y="634"/>
                  </a:lnTo>
                  <a:lnTo>
                    <a:pt x="793" y="634"/>
                  </a:lnTo>
                  <a:lnTo>
                    <a:pt x="795" y="634"/>
                  </a:lnTo>
                  <a:lnTo>
                    <a:pt x="797" y="634"/>
                  </a:lnTo>
                  <a:lnTo>
                    <a:pt x="797" y="632"/>
                  </a:lnTo>
                  <a:lnTo>
                    <a:pt x="799" y="632"/>
                  </a:lnTo>
                  <a:lnTo>
                    <a:pt x="801" y="632"/>
                  </a:lnTo>
                  <a:lnTo>
                    <a:pt x="802" y="632"/>
                  </a:lnTo>
                  <a:lnTo>
                    <a:pt x="804" y="630"/>
                  </a:lnTo>
                  <a:lnTo>
                    <a:pt x="806" y="630"/>
                  </a:lnTo>
                  <a:lnTo>
                    <a:pt x="810" y="628"/>
                  </a:lnTo>
                  <a:lnTo>
                    <a:pt x="812" y="627"/>
                  </a:lnTo>
                  <a:lnTo>
                    <a:pt x="814" y="627"/>
                  </a:lnTo>
                  <a:lnTo>
                    <a:pt x="815" y="627"/>
                  </a:lnTo>
                  <a:lnTo>
                    <a:pt x="817" y="625"/>
                  </a:lnTo>
                  <a:lnTo>
                    <a:pt x="819" y="625"/>
                  </a:lnTo>
                  <a:lnTo>
                    <a:pt x="821" y="625"/>
                  </a:lnTo>
                  <a:lnTo>
                    <a:pt x="823" y="625"/>
                  </a:lnTo>
                  <a:lnTo>
                    <a:pt x="825" y="625"/>
                  </a:lnTo>
                  <a:lnTo>
                    <a:pt x="826" y="623"/>
                  </a:lnTo>
                  <a:lnTo>
                    <a:pt x="828" y="621"/>
                  </a:lnTo>
                  <a:lnTo>
                    <a:pt x="830" y="621"/>
                  </a:lnTo>
                  <a:lnTo>
                    <a:pt x="830" y="619"/>
                  </a:lnTo>
                  <a:lnTo>
                    <a:pt x="832" y="617"/>
                  </a:lnTo>
                  <a:lnTo>
                    <a:pt x="834" y="615"/>
                  </a:lnTo>
                  <a:lnTo>
                    <a:pt x="834" y="614"/>
                  </a:lnTo>
                  <a:lnTo>
                    <a:pt x="836" y="614"/>
                  </a:lnTo>
                  <a:lnTo>
                    <a:pt x="838" y="612"/>
                  </a:lnTo>
                  <a:lnTo>
                    <a:pt x="839" y="612"/>
                  </a:lnTo>
                  <a:lnTo>
                    <a:pt x="841" y="612"/>
                  </a:lnTo>
                  <a:lnTo>
                    <a:pt x="843" y="610"/>
                  </a:lnTo>
                  <a:lnTo>
                    <a:pt x="845" y="608"/>
                  </a:lnTo>
                  <a:lnTo>
                    <a:pt x="849" y="606"/>
                  </a:lnTo>
                  <a:lnTo>
                    <a:pt x="851" y="606"/>
                  </a:lnTo>
                  <a:lnTo>
                    <a:pt x="852" y="603"/>
                  </a:lnTo>
                  <a:lnTo>
                    <a:pt x="854" y="599"/>
                  </a:lnTo>
                  <a:lnTo>
                    <a:pt x="856" y="599"/>
                  </a:lnTo>
                  <a:lnTo>
                    <a:pt x="858" y="599"/>
                  </a:lnTo>
                  <a:lnTo>
                    <a:pt x="860" y="599"/>
                  </a:lnTo>
                  <a:lnTo>
                    <a:pt x="862" y="597"/>
                  </a:lnTo>
                  <a:lnTo>
                    <a:pt x="863" y="595"/>
                  </a:lnTo>
                  <a:lnTo>
                    <a:pt x="863" y="593"/>
                  </a:lnTo>
                  <a:lnTo>
                    <a:pt x="865" y="593"/>
                  </a:lnTo>
                  <a:lnTo>
                    <a:pt x="865" y="591"/>
                  </a:lnTo>
                  <a:lnTo>
                    <a:pt x="865" y="590"/>
                  </a:lnTo>
                  <a:lnTo>
                    <a:pt x="867" y="590"/>
                  </a:lnTo>
                  <a:lnTo>
                    <a:pt x="867" y="588"/>
                  </a:lnTo>
                  <a:lnTo>
                    <a:pt x="867" y="590"/>
                  </a:lnTo>
                  <a:lnTo>
                    <a:pt x="867" y="588"/>
                  </a:lnTo>
                  <a:lnTo>
                    <a:pt x="869" y="588"/>
                  </a:lnTo>
                  <a:lnTo>
                    <a:pt x="871" y="588"/>
                  </a:lnTo>
                  <a:lnTo>
                    <a:pt x="873" y="588"/>
                  </a:lnTo>
                  <a:lnTo>
                    <a:pt x="873" y="586"/>
                  </a:lnTo>
                  <a:lnTo>
                    <a:pt x="873" y="584"/>
                  </a:lnTo>
                  <a:lnTo>
                    <a:pt x="875" y="584"/>
                  </a:lnTo>
                  <a:lnTo>
                    <a:pt x="876" y="582"/>
                  </a:lnTo>
                  <a:lnTo>
                    <a:pt x="876" y="580"/>
                  </a:lnTo>
                  <a:lnTo>
                    <a:pt x="878" y="580"/>
                  </a:lnTo>
                  <a:lnTo>
                    <a:pt x="878" y="578"/>
                  </a:lnTo>
                  <a:lnTo>
                    <a:pt x="880" y="578"/>
                  </a:lnTo>
                  <a:lnTo>
                    <a:pt x="880" y="577"/>
                  </a:lnTo>
                  <a:lnTo>
                    <a:pt x="882" y="577"/>
                  </a:lnTo>
                  <a:lnTo>
                    <a:pt x="884" y="577"/>
                  </a:lnTo>
                  <a:lnTo>
                    <a:pt x="884" y="575"/>
                  </a:lnTo>
                  <a:lnTo>
                    <a:pt x="886" y="575"/>
                  </a:lnTo>
                  <a:lnTo>
                    <a:pt x="886" y="573"/>
                  </a:lnTo>
                  <a:lnTo>
                    <a:pt x="887" y="573"/>
                  </a:lnTo>
                  <a:lnTo>
                    <a:pt x="889" y="575"/>
                  </a:lnTo>
                  <a:lnTo>
                    <a:pt x="889" y="577"/>
                  </a:lnTo>
                  <a:lnTo>
                    <a:pt x="891" y="577"/>
                  </a:lnTo>
                  <a:lnTo>
                    <a:pt x="891" y="575"/>
                  </a:lnTo>
                  <a:lnTo>
                    <a:pt x="893" y="575"/>
                  </a:lnTo>
                  <a:lnTo>
                    <a:pt x="893" y="573"/>
                  </a:lnTo>
                  <a:lnTo>
                    <a:pt x="895" y="573"/>
                  </a:lnTo>
                  <a:lnTo>
                    <a:pt x="897" y="573"/>
                  </a:lnTo>
                  <a:lnTo>
                    <a:pt x="899" y="573"/>
                  </a:lnTo>
                  <a:lnTo>
                    <a:pt x="899" y="571"/>
                  </a:lnTo>
                  <a:lnTo>
                    <a:pt x="900" y="571"/>
                  </a:lnTo>
                  <a:lnTo>
                    <a:pt x="902" y="571"/>
                  </a:lnTo>
                  <a:lnTo>
                    <a:pt x="902" y="569"/>
                  </a:lnTo>
                  <a:lnTo>
                    <a:pt x="904" y="569"/>
                  </a:lnTo>
                  <a:lnTo>
                    <a:pt x="906" y="567"/>
                  </a:lnTo>
                  <a:lnTo>
                    <a:pt x="908" y="567"/>
                  </a:lnTo>
                  <a:lnTo>
                    <a:pt x="910" y="567"/>
                  </a:lnTo>
                  <a:lnTo>
                    <a:pt x="912" y="566"/>
                  </a:lnTo>
                  <a:lnTo>
                    <a:pt x="913" y="566"/>
                  </a:lnTo>
                  <a:lnTo>
                    <a:pt x="915" y="566"/>
                  </a:lnTo>
                  <a:lnTo>
                    <a:pt x="917" y="564"/>
                  </a:lnTo>
                  <a:lnTo>
                    <a:pt x="919" y="564"/>
                  </a:lnTo>
                  <a:lnTo>
                    <a:pt x="919" y="566"/>
                  </a:lnTo>
                  <a:lnTo>
                    <a:pt x="921" y="564"/>
                  </a:lnTo>
                  <a:lnTo>
                    <a:pt x="923" y="564"/>
                  </a:lnTo>
                  <a:lnTo>
                    <a:pt x="924" y="564"/>
                  </a:lnTo>
                  <a:lnTo>
                    <a:pt x="926" y="564"/>
                  </a:lnTo>
                  <a:lnTo>
                    <a:pt x="928" y="564"/>
                  </a:lnTo>
                  <a:lnTo>
                    <a:pt x="928" y="562"/>
                  </a:lnTo>
                  <a:lnTo>
                    <a:pt x="930" y="562"/>
                  </a:lnTo>
                  <a:lnTo>
                    <a:pt x="930" y="560"/>
                  </a:lnTo>
                  <a:lnTo>
                    <a:pt x="932" y="560"/>
                  </a:lnTo>
                  <a:lnTo>
                    <a:pt x="932" y="558"/>
                  </a:lnTo>
                  <a:lnTo>
                    <a:pt x="934" y="558"/>
                  </a:lnTo>
                  <a:lnTo>
                    <a:pt x="934" y="556"/>
                  </a:lnTo>
                  <a:lnTo>
                    <a:pt x="936" y="556"/>
                  </a:lnTo>
                  <a:lnTo>
                    <a:pt x="936" y="554"/>
                  </a:lnTo>
                  <a:lnTo>
                    <a:pt x="937" y="554"/>
                  </a:lnTo>
                  <a:lnTo>
                    <a:pt x="939" y="554"/>
                  </a:lnTo>
                  <a:lnTo>
                    <a:pt x="941" y="553"/>
                  </a:lnTo>
                  <a:lnTo>
                    <a:pt x="943" y="553"/>
                  </a:lnTo>
                  <a:lnTo>
                    <a:pt x="943" y="554"/>
                  </a:lnTo>
                  <a:lnTo>
                    <a:pt x="943" y="556"/>
                  </a:lnTo>
                  <a:lnTo>
                    <a:pt x="945" y="556"/>
                  </a:lnTo>
                  <a:lnTo>
                    <a:pt x="945" y="558"/>
                  </a:lnTo>
                  <a:lnTo>
                    <a:pt x="947" y="558"/>
                  </a:lnTo>
                  <a:lnTo>
                    <a:pt x="948" y="560"/>
                  </a:lnTo>
                  <a:lnTo>
                    <a:pt x="950" y="560"/>
                  </a:lnTo>
                  <a:lnTo>
                    <a:pt x="952" y="560"/>
                  </a:lnTo>
                  <a:lnTo>
                    <a:pt x="954" y="560"/>
                  </a:lnTo>
                  <a:lnTo>
                    <a:pt x="956" y="560"/>
                  </a:lnTo>
                  <a:lnTo>
                    <a:pt x="958" y="560"/>
                  </a:lnTo>
                  <a:lnTo>
                    <a:pt x="958" y="562"/>
                  </a:lnTo>
                  <a:lnTo>
                    <a:pt x="960" y="562"/>
                  </a:lnTo>
                  <a:lnTo>
                    <a:pt x="961" y="562"/>
                  </a:lnTo>
                  <a:lnTo>
                    <a:pt x="965" y="560"/>
                  </a:lnTo>
                  <a:lnTo>
                    <a:pt x="965" y="562"/>
                  </a:lnTo>
                  <a:lnTo>
                    <a:pt x="967" y="562"/>
                  </a:lnTo>
                  <a:lnTo>
                    <a:pt x="969" y="562"/>
                  </a:lnTo>
                  <a:lnTo>
                    <a:pt x="969" y="564"/>
                  </a:lnTo>
                  <a:lnTo>
                    <a:pt x="971" y="564"/>
                  </a:lnTo>
                  <a:lnTo>
                    <a:pt x="971" y="566"/>
                  </a:lnTo>
                  <a:lnTo>
                    <a:pt x="971" y="567"/>
                  </a:lnTo>
                  <a:lnTo>
                    <a:pt x="971" y="569"/>
                  </a:lnTo>
                  <a:lnTo>
                    <a:pt x="973" y="571"/>
                  </a:lnTo>
                  <a:lnTo>
                    <a:pt x="974" y="571"/>
                  </a:lnTo>
                  <a:lnTo>
                    <a:pt x="974" y="573"/>
                  </a:lnTo>
                  <a:lnTo>
                    <a:pt x="976" y="571"/>
                  </a:lnTo>
                  <a:lnTo>
                    <a:pt x="978" y="571"/>
                  </a:lnTo>
                  <a:lnTo>
                    <a:pt x="978" y="569"/>
                  </a:lnTo>
                  <a:lnTo>
                    <a:pt x="980" y="569"/>
                  </a:lnTo>
                  <a:lnTo>
                    <a:pt x="982" y="569"/>
                  </a:lnTo>
                  <a:lnTo>
                    <a:pt x="984" y="569"/>
                  </a:lnTo>
                  <a:lnTo>
                    <a:pt x="985" y="569"/>
                  </a:lnTo>
                  <a:lnTo>
                    <a:pt x="987" y="567"/>
                  </a:lnTo>
                  <a:lnTo>
                    <a:pt x="987" y="566"/>
                  </a:lnTo>
                  <a:lnTo>
                    <a:pt x="989" y="564"/>
                  </a:lnTo>
                  <a:lnTo>
                    <a:pt x="991" y="564"/>
                  </a:lnTo>
                  <a:lnTo>
                    <a:pt x="991" y="562"/>
                  </a:lnTo>
                  <a:lnTo>
                    <a:pt x="991" y="560"/>
                  </a:lnTo>
                  <a:lnTo>
                    <a:pt x="991" y="558"/>
                  </a:lnTo>
                  <a:lnTo>
                    <a:pt x="993" y="558"/>
                  </a:lnTo>
                  <a:lnTo>
                    <a:pt x="995" y="558"/>
                  </a:lnTo>
                  <a:lnTo>
                    <a:pt x="995" y="556"/>
                  </a:lnTo>
                  <a:lnTo>
                    <a:pt x="997" y="556"/>
                  </a:lnTo>
                  <a:lnTo>
                    <a:pt x="998" y="556"/>
                  </a:lnTo>
                  <a:lnTo>
                    <a:pt x="998" y="554"/>
                  </a:lnTo>
                  <a:lnTo>
                    <a:pt x="1000" y="554"/>
                  </a:lnTo>
                  <a:lnTo>
                    <a:pt x="1002" y="556"/>
                  </a:lnTo>
                  <a:lnTo>
                    <a:pt x="1002" y="558"/>
                  </a:lnTo>
                  <a:lnTo>
                    <a:pt x="1006" y="566"/>
                  </a:lnTo>
                  <a:lnTo>
                    <a:pt x="1008" y="567"/>
                  </a:lnTo>
                  <a:lnTo>
                    <a:pt x="1008" y="569"/>
                  </a:lnTo>
                  <a:lnTo>
                    <a:pt x="1008" y="571"/>
                  </a:lnTo>
                  <a:lnTo>
                    <a:pt x="1008" y="573"/>
                  </a:lnTo>
                  <a:lnTo>
                    <a:pt x="1008" y="578"/>
                  </a:lnTo>
                  <a:lnTo>
                    <a:pt x="1008" y="580"/>
                  </a:lnTo>
                  <a:lnTo>
                    <a:pt x="1008" y="582"/>
                  </a:lnTo>
                  <a:lnTo>
                    <a:pt x="1009" y="584"/>
                  </a:lnTo>
                  <a:lnTo>
                    <a:pt x="1011" y="584"/>
                  </a:lnTo>
                  <a:lnTo>
                    <a:pt x="1013" y="584"/>
                  </a:lnTo>
                  <a:lnTo>
                    <a:pt x="1015" y="586"/>
                  </a:lnTo>
                  <a:lnTo>
                    <a:pt x="1015" y="584"/>
                  </a:lnTo>
                  <a:lnTo>
                    <a:pt x="1017" y="584"/>
                  </a:lnTo>
                  <a:lnTo>
                    <a:pt x="1019" y="584"/>
                  </a:lnTo>
                  <a:lnTo>
                    <a:pt x="1019" y="582"/>
                  </a:lnTo>
                  <a:lnTo>
                    <a:pt x="1021" y="582"/>
                  </a:lnTo>
                  <a:lnTo>
                    <a:pt x="1022" y="582"/>
                  </a:lnTo>
                  <a:lnTo>
                    <a:pt x="1022" y="584"/>
                  </a:lnTo>
                  <a:lnTo>
                    <a:pt x="1024" y="584"/>
                  </a:lnTo>
                  <a:lnTo>
                    <a:pt x="1026" y="584"/>
                  </a:lnTo>
                  <a:lnTo>
                    <a:pt x="1026" y="586"/>
                  </a:lnTo>
                  <a:lnTo>
                    <a:pt x="1028" y="586"/>
                  </a:lnTo>
                  <a:lnTo>
                    <a:pt x="1030" y="586"/>
                  </a:lnTo>
                  <a:lnTo>
                    <a:pt x="1032" y="586"/>
                  </a:lnTo>
                  <a:lnTo>
                    <a:pt x="1032" y="584"/>
                  </a:lnTo>
                  <a:lnTo>
                    <a:pt x="1034" y="582"/>
                  </a:lnTo>
                  <a:lnTo>
                    <a:pt x="1035" y="580"/>
                  </a:lnTo>
                  <a:lnTo>
                    <a:pt x="1037" y="578"/>
                  </a:lnTo>
                  <a:lnTo>
                    <a:pt x="1037" y="577"/>
                  </a:lnTo>
                  <a:lnTo>
                    <a:pt x="1037" y="575"/>
                  </a:lnTo>
                  <a:lnTo>
                    <a:pt x="1039" y="575"/>
                  </a:lnTo>
                  <a:lnTo>
                    <a:pt x="1039" y="573"/>
                  </a:lnTo>
                  <a:lnTo>
                    <a:pt x="1041" y="573"/>
                  </a:lnTo>
                  <a:lnTo>
                    <a:pt x="1043" y="573"/>
                  </a:lnTo>
                  <a:lnTo>
                    <a:pt x="1045" y="573"/>
                  </a:lnTo>
                  <a:lnTo>
                    <a:pt x="1046" y="573"/>
                  </a:lnTo>
                  <a:lnTo>
                    <a:pt x="1048" y="573"/>
                  </a:lnTo>
                  <a:lnTo>
                    <a:pt x="1050" y="575"/>
                  </a:lnTo>
                  <a:lnTo>
                    <a:pt x="1052" y="575"/>
                  </a:lnTo>
                  <a:lnTo>
                    <a:pt x="1054" y="575"/>
                  </a:lnTo>
                  <a:lnTo>
                    <a:pt x="1056" y="575"/>
                  </a:lnTo>
                  <a:lnTo>
                    <a:pt x="1058" y="575"/>
                  </a:lnTo>
                  <a:lnTo>
                    <a:pt x="1058" y="577"/>
                  </a:lnTo>
                  <a:lnTo>
                    <a:pt x="1059" y="577"/>
                  </a:lnTo>
                  <a:lnTo>
                    <a:pt x="1061" y="577"/>
                  </a:lnTo>
                  <a:lnTo>
                    <a:pt x="1063" y="577"/>
                  </a:lnTo>
                  <a:lnTo>
                    <a:pt x="1065" y="577"/>
                  </a:lnTo>
                  <a:lnTo>
                    <a:pt x="1067" y="577"/>
                  </a:lnTo>
                  <a:lnTo>
                    <a:pt x="1069" y="575"/>
                  </a:lnTo>
                  <a:lnTo>
                    <a:pt x="1070" y="575"/>
                  </a:lnTo>
                  <a:lnTo>
                    <a:pt x="1070" y="573"/>
                  </a:lnTo>
                  <a:lnTo>
                    <a:pt x="1072" y="573"/>
                  </a:lnTo>
                  <a:lnTo>
                    <a:pt x="1074" y="573"/>
                  </a:lnTo>
                  <a:lnTo>
                    <a:pt x="1076" y="573"/>
                  </a:lnTo>
                  <a:lnTo>
                    <a:pt x="1078" y="573"/>
                  </a:lnTo>
                  <a:lnTo>
                    <a:pt x="1078" y="571"/>
                  </a:lnTo>
                  <a:lnTo>
                    <a:pt x="1080" y="571"/>
                  </a:lnTo>
                  <a:lnTo>
                    <a:pt x="1082" y="571"/>
                  </a:lnTo>
                  <a:lnTo>
                    <a:pt x="1083" y="571"/>
                  </a:lnTo>
                  <a:lnTo>
                    <a:pt x="1083" y="569"/>
                  </a:lnTo>
                  <a:lnTo>
                    <a:pt x="1083" y="567"/>
                  </a:lnTo>
                  <a:lnTo>
                    <a:pt x="1083" y="566"/>
                  </a:lnTo>
                  <a:lnTo>
                    <a:pt x="1083" y="562"/>
                  </a:lnTo>
                  <a:lnTo>
                    <a:pt x="1085" y="560"/>
                  </a:lnTo>
                  <a:lnTo>
                    <a:pt x="1085" y="558"/>
                  </a:lnTo>
                  <a:lnTo>
                    <a:pt x="1087" y="556"/>
                  </a:lnTo>
                  <a:lnTo>
                    <a:pt x="1089" y="556"/>
                  </a:lnTo>
                  <a:lnTo>
                    <a:pt x="1091" y="554"/>
                  </a:lnTo>
                  <a:lnTo>
                    <a:pt x="1093" y="554"/>
                  </a:lnTo>
                  <a:lnTo>
                    <a:pt x="1096" y="553"/>
                  </a:lnTo>
                  <a:lnTo>
                    <a:pt x="1104" y="549"/>
                  </a:lnTo>
                  <a:lnTo>
                    <a:pt x="1106" y="547"/>
                  </a:lnTo>
                  <a:lnTo>
                    <a:pt x="1106" y="545"/>
                  </a:lnTo>
                  <a:lnTo>
                    <a:pt x="1104" y="545"/>
                  </a:lnTo>
                  <a:lnTo>
                    <a:pt x="1104" y="543"/>
                  </a:lnTo>
                  <a:lnTo>
                    <a:pt x="1102" y="543"/>
                  </a:lnTo>
                  <a:lnTo>
                    <a:pt x="1102" y="542"/>
                  </a:lnTo>
                  <a:lnTo>
                    <a:pt x="1100" y="542"/>
                  </a:lnTo>
                  <a:lnTo>
                    <a:pt x="1098" y="540"/>
                  </a:lnTo>
                  <a:lnTo>
                    <a:pt x="1096" y="540"/>
                  </a:lnTo>
                  <a:lnTo>
                    <a:pt x="1096" y="538"/>
                  </a:lnTo>
                  <a:lnTo>
                    <a:pt x="1095" y="538"/>
                  </a:lnTo>
                  <a:lnTo>
                    <a:pt x="1095" y="536"/>
                  </a:lnTo>
                  <a:lnTo>
                    <a:pt x="1093" y="536"/>
                  </a:lnTo>
                  <a:lnTo>
                    <a:pt x="1091" y="536"/>
                  </a:lnTo>
                  <a:lnTo>
                    <a:pt x="1089" y="536"/>
                  </a:lnTo>
                  <a:lnTo>
                    <a:pt x="1087" y="536"/>
                  </a:lnTo>
                  <a:lnTo>
                    <a:pt x="1085" y="536"/>
                  </a:lnTo>
                  <a:lnTo>
                    <a:pt x="1085" y="534"/>
                  </a:lnTo>
                  <a:lnTo>
                    <a:pt x="1083" y="534"/>
                  </a:lnTo>
                  <a:lnTo>
                    <a:pt x="1083" y="532"/>
                  </a:lnTo>
                  <a:lnTo>
                    <a:pt x="1082" y="532"/>
                  </a:lnTo>
                  <a:lnTo>
                    <a:pt x="1080" y="532"/>
                  </a:lnTo>
                  <a:lnTo>
                    <a:pt x="1080" y="530"/>
                  </a:lnTo>
                  <a:lnTo>
                    <a:pt x="1078" y="530"/>
                  </a:lnTo>
                  <a:lnTo>
                    <a:pt x="1076" y="530"/>
                  </a:lnTo>
                  <a:lnTo>
                    <a:pt x="1076" y="529"/>
                  </a:lnTo>
                  <a:lnTo>
                    <a:pt x="1074" y="529"/>
                  </a:lnTo>
                  <a:lnTo>
                    <a:pt x="1074" y="527"/>
                  </a:lnTo>
                  <a:lnTo>
                    <a:pt x="1072" y="527"/>
                  </a:lnTo>
                  <a:lnTo>
                    <a:pt x="1070" y="525"/>
                  </a:lnTo>
                  <a:lnTo>
                    <a:pt x="1069" y="525"/>
                  </a:lnTo>
                  <a:lnTo>
                    <a:pt x="1069" y="523"/>
                  </a:lnTo>
                  <a:lnTo>
                    <a:pt x="1069" y="521"/>
                  </a:lnTo>
                  <a:lnTo>
                    <a:pt x="1070" y="521"/>
                  </a:lnTo>
                  <a:lnTo>
                    <a:pt x="1070" y="519"/>
                  </a:lnTo>
                  <a:lnTo>
                    <a:pt x="1072" y="517"/>
                  </a:lnTo>
                  <a:lnTo>
                    <a:pt x="1072" y="516"/>
                  </a:lnTo>
                  <a:lnTo>
                    <a:pt x="1072" y="514"/>
                  </a:lnTo>
                  <a:lnTo>
                    <a:pt x="1074" y="514"/>
                  </a:lnTo>
                  <a:lnTo>
                    <a:pt x="1074" y="512"/>
                  </a:lnTo>
                  <a:lnTo>
                    <a:pt x="1076" y="510"/>
                  </a:lnTo>
                  <a:lnTo>
                    <a:pt x="1076" y="508"/>
                  </a:lnTo>
                  <a:lnTo>
                    <a:pt x="1074" y="508"/>
                  </a:lnTo>
                  <a:lnTo>
                    <a:pt x="1074" y="506"/>
                  </a:lnTo>
                  <a:lnTo>
                    <a:pt x="1076" y="506"/>
                  </a:lnTo>
                  <a:lnTo>
                    <a:pt x="1076" y="505"/>
                  </a:lnTo>
                  <a:lnTo>
                    <a:pt x="1078" y="505"/>
                  </a:lnTo>
                  <a:lnTo>
                    <a:pt x="1080" y="505"/>
                  </a:lnTo>
                  <a:lnTo>
                    <a:pt x="1082" y="505"/>
                  </a:lnTo>
                  <a:lnTo>
                    <a:pt x="1082" y="503"/>
                  </a:lnTo>
                  <a:lnTo>
                    <a:pt x="1083" y="503"/>
                  </a:lnTo>
                  <a:lnTo>
                    <a:pt x="1083" y="501"/>
                  </a:lnTo>
                  <a:lnTo>
                    <a:pt x="1085" y="501"/>
                  </a:lnTo>
                  <a:lnTo>
                    <a:pt x="1087" y="501"/>
                  </a:lnTo>
                  <a:lnTo>
                    <a:pt x="1089" y="501"/>
                  </a:lnTo>
                  <a:lnTo>
                    <a:pt x="1091" y="501"/>
                  </a:lnTo>
                  <a:lnTo>
                    <a:pt x="1091" y="499"/>
                  </a:lnTo>
                  <a:lnTo>
                    <a:pt x="1091" y="501"/>
                  </a:lnTo>
                  <a:lnTo>
                    <a:pt x="1093" y="501"/>
                  </a:lnTo>
                  <a:lnTo>
                    <a:pt x="1095" y="501"/>
                  </a:lnTo>
                  <a:lnTo>
                    <a:pt x="1096" y="501"/>
                  </a:lnTo>
                  <a:lnTo>
                    <a:pt x="1098" y="501"/>
                  </a:lnTo>
                  <a:lnTo>
                    <a:pt x="1100" y="501"/>
                  </a:lnTo>
                  <a:lnTo>
                    <a:pt x="1100" y="499"/>
                  </a:lnTo>
                  <a:lnTo>
                    <a:pt x="1102" y="499"/>
                  </a:lnTo>
                  <a:lnTo>
                    <a:pt x="1104" y="497"/>
                  </a:lnTo>
                  <a:lnTo>
                    <a:pt x="1106" y="497"/>
                  </a:lnTo>
                  <a:lnTo>
                    <a:pt x="1111" y="497"/>
                  </a:lnTo>
                  <a:lnTo>
                    <a:pt x="1115" y="497"/>
                  </a:lnTo>
                  <a:lnTo>
                    <a:pt x="1117" y="499"/>
                  </a:lnTo>
                  <a:lnTo>
                    <a:pt x="1117" y="497"/>
                  </a:lnTo>
                  <a:lnTo>
                    <a:pt x="1119" y="497"/>
                  </a:lnTo>
                  <a:lnTo>
                    <a:pt x="1120" y="495"/>
                  </a:lnTo>
                  <a:lnTo>
                    <a:pt x="1122" y="495"/>
                  </a:lnTo>
                  <a:lnTo>
                    <a:pt x="1124" y="495"/>
                  </a:lnTo>
                  <a:lnTo>
                    <a:pt x="1126" y="495"/>
                  </a:lnTo>
                  <a:lnTo>
                    <a:pt x="1128" y="495"/>
                  </a:lnTo>
                  <a:lnTo>
                    <a:pt x="1130" y="495"/>
                  </a:lnTo>
                  <a:lnTo>
                    <a:pt x="1131" y="493"/>
                  </a:lnTo>
                  <a:lnTo>
                    <a:pt x="1133" y="492"/>
                  </a:lnTo>
                  <a:lnTo>
                    <a:pt x="1133" y="493"/>
                  </a:lnTo>
                  <a:lnTo>
                    <a:pt x="1135" y="492"/>
                  </a:lnTo>
                  <a:lnTo>
                    <a:pt x="1135" y="490"/>
                  </a:lnTo>
                  <a:lnTo>
                    <a:pt x="1137" y="490"/>
                  </a:lnTo>
                  <a:lnTo>
                    <a:pt x="1139" y="490"/>
                  </a:lnTo>
                  <a:lnTo>
                    <a:pt x="1141" y="490"/>
                  </a:lnTo>
                  <a:lnTo>
                    <a:pt x="1143" y="490"/>
                  </a:lnTo>
                  <a:lnTo>
                    <a:pt x="1143" y="488"/>
                  </a:lnTo>
                  <a:lnTo>
                    <a:pt x="1144" y="490"/>
                  </a:lnTo>
                  <a:lnTo>
                    <a:pt x="1146" y="490"/>
                  </a:lnTo>
                  <a:lnTo>
                    <a:pt x="1146" y="492"/>
                  </a:lnTo>
                  <a:lnTo>
                    <a:pt x="1148" y="493"/>
                  </a:lnTo>
                  <a:lnTo>
                    <a:pt x="1148" y="495"/>
                  </a:lnTo>
                  <a:lnTo>
                    <a:pt x="1150" y="495"/>
                  </a:lnTo>
                  <a:lnTo>
                    <a:pt x="1150" y="497"/>
                  </a:lnTo>
                  <a:lnTo>
                    <a:pt x="1152" y="497"/>
                  </a:lnTo>
                  <a:lnTo>
                    <a:pt x="1154" y="499"/>
                  </a:lnTo>
                  <a:lnTo>
                    <a:pt x="1156" y="499"/>
                  </a:lnTo>
                  <a:lnTo>
                    <a:pt x="1157" y="499"/>
                  </a:lnTo>
                  <a:lnTo>
                    <a:pt x="1159" y="499"/>
                  </a:lnTo>
                  <a:lnTo>
                    <a:pt x="1161" y="501"/>
                  </a:lnTo>
                  <a:lnTo>
                    <a:pt x="1163" y="501"/>
                  </a:lnTo>
                  <a:lnTo>
                    <a:pt x="1165" y="501"/>
                  </a:lnTo>
                  <a:lnTo>
                    <a:pt x="1165" y="499"/>
                  </a:lnTo>
                  <a:lnTo>
                    <a:pt x="1165" y="497"/>
                  </a:lnTo>
                  <a:lnTo>
                    <a:pt x="1167" y="495"/>
                  </a:lnTo>
                  <a:lnTo>
                    <a:pt x="1168" y="493"/>
                  </a:lnTo>
                  <a:lnTo>
                    <a:pt x="1170" y="492"/>
                  </a:lnTo>
                  <a:lnTo>
                    <a:pt x="1170" y="490"/>
                  </a:lnTo>
                  <a:lnTo>
                    <a:pt x="1168" y="488"/>
                  </a:lnTo>
                  <a:lnTo>
                    <a:pt x="1167" y="484"/>
                  </a:lnTo>
                  <a:lnTo>
                    <a:pt x="1167" y="482"/>
                  </a:lnTo>
                  <a:lnTo>
                    <a:pt x="1167" y="480"/>
                  </a:lnTo>
                  <a:lnTo>
                    <a:pt x="1168" y="480"/>
                  </a:lnTo>
                  <a:lnTo>
                    <a:pt x="1168" y="479"/>
                  </a:lnTo>
                  <a:lnTo>
                    <a:pt x="1170" y="479"/>
                  </a:lnTo>
                  <a:lnTo>
                    <a:pt x="1170" y="477"/>
                  </a:lnTo>
                  <a:lnTo>
                    <a:pt x="1172" y="479"/>
                  </a:lnTo>
                  <a:lnTo>
                    <a:pt x="1174" y="479"/>
                  </a:lnTo>
                  <a:lnTo>
                    <a:pt x="1178" y="475"/>
                  </a:lnTo>
                  <a:lnTo>
                    <a:pt x="1180" y="475"/>
                  </a:lnTo>
                  <a:lnTo>
                    <a:pt x="1180" y="473"/>
                  </a:lnTo>
                  <a:lnTo>
                    <a:pt x="1181" y="473"/>
                  </a:lnTo>
                  <a:lnTo>
                    <a:pt x="1181" y="471"/>
                  </a:lnTo>
                  <a:lnTo>
                    <a:pt x="1181" y="469"/>
                  </a:lnTo>
                  <a:lnTo>
                    <a:pt x="1181" y="468"/>
                  </a:lnTo>
                  <a:lnTo>
                    <a:pt x="1183" y="466"/>
                  </a:lnTo>
                  <a:lnTo>
                    <a:pt x="1183" y="464"/>
                  </a:lnTo>
                  <a:lnTo>
                    <a:pt x="1183" y="462"/>
                  </a:lnTo>
                  <a:lnTo>
                    <a:pt x="1183" y="460"/>
                  </a:lnTo>
                  <a:lnTo>
                    <a:pt x="1181" y="458"/>
                  </a:lnTo>
                  <a:lnTo>
                    <a:pt x="1181" y="456"/>
                  </a:lnTo>
                  <a:lnTo>
                    <a:pt x="1181" y="455"/>
                  </a:lnTo>
                  <a:lnTo>
                    <a:pt x="1181" y="453"/>
                  </a:lnTo>
                  <a:lnTo>
                    <a:pt x="1183" y="453"/>
                  </a:lnTo>
                  <a:lnTo>
                    <a:pt x="1183" y="451"/>
                  </a:lnTo>
                  <a:lnTo>
                    <a:pt x="1183" y="449"/>
                  </a:lnTo>
                  <a:lnTo>
                    <a:pt x="1185" y="449"/>
                  </a:lnTo>
                  <a:lnTo>
                    <a:pt x="1187" y="449"/>
                  </a:lnTo>
                  <a:lnTo>
                    <a:pt x="1189" y="447"/>
                  </a:lnTo>
                  <a:lnTo>
                    <a:pt x="1191" y="447"/>
                  </a:lnTo>
                  <a:lnTo>
                    <a:pt x="1192" y="447"/>
                  </a:lnTo>
                  <a:lnTo>
                    <a:pt x="1194" y="447"/>
                  </a:lnTo>
                  <a:lnTo>
                    <a:pt x="1196" y="447"/>
                  </a:lnTo>
                  <a:lnTo>
                    <a:pt x="1196" y="445"/>
                  </a:lnTo>
                  <a:lnTo>
                    <a:pt x="1198" y="445"/>
                  </a:lnTo>
                  <a:lnTo>
                    <a:pt x="1200" y="443"/>
                  </a:lnTo>
                  <a:lnTo>
                    <a:pt x="1200" y="442"/>
                  </a:lnTo>
                  <a:lnTo>
                    <a:pt x="1202" y="440"/>
                  </a:lnTo>
                  <a:lnTo>
                    <a:pt x="1204" y="440"/>
                  </a:lnTo>
                  <a:lnTo>
                    <a:pt x="1204" y="438"/>
                  </a:lnTo>
                  <a:lnTo>
                    <a:pt x="1205" y="436"/>
                  </a:lnTo>
                  <a:lnTo>
                    <a:pt x="1205" y="434"/>
                  </a:lnTo>
                  <a:lnTo>
                    <a:pt x="1205" y="432"/>
                  </a:lnTo>
                  <a:lnTo>
                    <a:pt x="1217" y="438"/>
                  </a:lnTo>
                  <a:lnTo>
                    <a:pt x="1218" y="440"/>
                  </a:lnTo>
                  <a:lnTo>
                    <a:pt x="1222" y="442"/>
                  </a:lnTo>
                  <a:lnTo>
                    <a:pt x="1228" y="443"/>
                  </a:lnTo>
                  <a:lnTo>
                    <a:pt x="1233" y="447"/>
                  </a:lnTo>
                  <a:lnTo>
                    <a:pt x="1237" y="447"/>
                  </a:lnTo>
                  <a:lnTo>
                    <a:pt x="1279" y="466"/>
                  </a:lnTo>
                  <a:lnTo>
                    <a:pt x="1281" y="466"/>
                  </a:lnTo>
                  <a:lnTo>
                    <a:pt x="1281" y="468"/>
                  </a:lnTo>
                  <a:lnTo>
                    <a:pt x="1283" y="468"/>
                  </a:lnTo>
                  <a:lnTo>
                    <a:pt x="1285" y="468"/>
                  </a:lnTo>
                  <a:lnTo>
                    <a:pt x="1285" y="469"/>
                  </a:lnTo>
                  <a:lnTo>
                    <a:pt x="1287" y="469"/>
                  </a:lnTo>
                  <a:lnTo>
                    <a:pt x="1289" y="469"/>
                  </a:lnTo>
                  <a:lnTo>
                    <a:pt x="1289" y="471"/>
                  </a:lnTo>
                  <a:lnTo>
                    <a:pt x="1290" y="469"/>
                  </a:lnTo>
                  <a:lnTo>
                    <a:pt x="1290" y="471"/>
                  </a:lnTo>
                  <a:lnTo>
                    <a:pt x="1292" y="471"/>
                  </a:lnTo>
                  <a:lnTo>
                    <a:pt x="1294" y="471"/>
                  </a:lnTo>
                  <a:lnTo>
                    <a:pt x="1294" y="473"/>
                  </a:lnTo>
                  <a:lnTo>
                    <a:pt x="1296" y="473"/>
                  </a:lnTo>
                  <a:lnTo>
                    <a:pt x="1298" y="473"/>
                  </a:lnTo>
                  <a:lnTo>
                    <a:pt x="1300" y="473"/>
                  </a:lnTo>
                  <a:lnTo>
                    <a:pt x="1302" y="473"/>
                  </a:lnTo>
                  <a:lnTo>
                    <a:pt x="1302" y="475"/>
                  </a:lnTo>
                  <a:lnTo>
                    <a:pt x="1303" y="477"/>
                  </a:lnTo>
                  <a:lnTo>
                    <a:pt x="1303" y="479"/>
                  </a:lnTo>
                  <a:lnTo>
                    <a:pt x="1305" y="479"/>
                  </a:lnTo>
                  <a:lnTo>
                    <a:pt x="1305" y="480"/>
                  </a:lnTo>
                  <a:lnTo>
                    <a:pt x="1307" y="482"/>
                  </a:lnTo>
                  <a:lnTo>
                    <a:pt x="1309" y="484"/>
                  </a:lnTo>
                  <a:lnTo>
                    <a:pt x="1311" y="486"/>
                  </a:lnTo>
                  <a:lnTo>
                    <a:pt x="1313" y="486"/>
                  </a:lnTo>
                  <a:lnTo>
                    <a:pt x="1313" y="488"/>
                  </a:lnTo>
                  <a:lnTo>
                    <a:pt x="1315" y="488"/>
                  </a:lnTo>
                  <a:lnTo>
                    <a:pt x="1315" y="490"/>
                  </a:lnTo>
                  <a:lnTo>
                    <a:pt x="1316" y="490"/>
                  </a:lnTo>
                  <a:lnTo>
                    <a:pt x="1316" y="492"/>
                  </a:lnTo>
                  <a:lnTo>
                    <a:pt x="1318" y="492"/>
                  </a:lnTo>
                  <a:lnTo>
                    <a:pt x="1322" y="495"/>
                  </a:lnTo>
                  <a:lnTo>
                    <a:pt x="1333" y="493"/>
                  </a:lnTo>
                  <a:lnTo>
                    <a:pt x="1333" y="492"/>
                  </a:lnTo>
                  <a:lnTo>
                    <a:pt x="1335" y="490"/>
                  </a:lnTo>
                  <a:lnTo>
                    <a:pt x="1335" y="488"/>
                  </a:lnTo>
                  <a:lnTo>
                    <a:pt x="1340" y="480"/>
                  </a:lnTo>
                  <a:lnTo>
                    <a:pt x="1350" y="480"/>
                  </a:lnTo>
                  <a:lnTo>
                    <a:pt x="1353" y="479"/>
                  </a:lnTo>
                  <a:lnTo>
                    <a:pt x="1355" y="479"/>
                  </a:lnTo>
                  <a:lnTo>
                    <a:pt x="1357" y="477"/>
                  </a:lnTo>
                  <a:lnTo>
                    <a:pt x="1359" y="477"/>
                  </a:lnTo>
                  <a:lnTo>
                    <a:pt x="1361" y="475"/>
                  </a:lnTo>
                  <a:lnTo>
                    <a:pt x="1361" y="473"/>
                  </a:lnTo>
                  <a:lnTo>
                    <a:pt x="1363" y="473"/>
                  </a:lnTo>
                  <a:lnTo>
                    <a:pt x="1364" y="473"/>
                  </a:lnTo>
                  <a:lnTo>
                    <a:pt x="1366" y="473"/>
                  </a:lnTo>
                  <a:lnTo>
                    <a:pt x="1366" y="471"/>
                  </a:lnTo>
                  <a:lnTo>
                    <a:pt x="1368" y="471"/>
                  </a:lnTo>
                  <a:lnTo>
                    <a:pt x="1370" y="469"/>
                  </a:lnTo>
                  <a:lnTo>
                    <a:pt x="1370" y="468"/>
                  </a:lnTo>
                  <a:lnTo>
                    <a:pt x="1372" y="468"/>
                  </a:lnTo>
                  <a:lnTo>
                    <a:pt x="1372" y="466"/>
                  </a:lnTo>
                  <a:close/>
                </a:path>
              </a:pathLst>
            </a:custGeom>
            <a:solidFill>
              <a:srgbClr val="FFFF99">
                <a:alpha val="5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nvGrpSpPr>
            <p:cNvPr id="43" name="Gruppieren 42"/>
            <p:cNvGrpSpPr/>
            <p:nvPr/>
          </p:nvGrpSpPr>
          <p:grpSpPr>
            <a:xfrm>
              <a:off x="1949298" y="3618780"/>
              <a:ext cx="1741967" cy="1699225"/>
              <a:chOff x="1285875" y="2892425"/>
              <a:chExt cx="2652713" cy="2587625"/>
            </a:xfrm>
            <a:solidFill>
              <a:srgbClr val="FFFF99">
                <a:alpha val="50000"/>
              </a:srgbClr>
            </a:solidFill>
          </p:grpSpPr>
          <p:sp>
            <p:nvSpPr>
              <p:cNvPr id="44" name="Freeform 197"/>
              <p:cNvSpPr>
                <a:spLocks noEditPoints="1"/>
              </p:cNvSpPr>
              <p:nvPr/>
            </p:nvSpPr>
            <p:spPr bwMode="auto">
              <a:xfrm>
                <a:off x="1285875" y="3051175"/>
                <a:ext cx="2652713" cy="2428875"/>
              </a:xfrm>
              <a:custGeom>
                <a:avLst/>
                <a:gdLst>
                  <a:gd name="T0" fmla="*/ 562 w 1671"/>
                  <a:gd name="T1" fmla="*/ 179 h 1530"/>
                  <a:gd name="T2" fmla="*/ 697 w 1671"/>
                  <a:gd name="T3" fmla="*/ 128 h 1530"/>
                  <a:gd name="T4" fmla="*/ 935 w 1671"/>
                  <a:gd name="T5" fmla="*/ 0 h 1530"/>
                  <a:gd name="T6" fmla="*/ 957 w 1671"/>
                  <a:gd name="T7" fmla="*/ 133 h 1530"/>
                  <a:gd name="T8" fmla="*/ 1039 w 1671"/>
                  <a:gd name="T9" fmla="*/ 311 h 1530"/>
                  <a:gd name="T10" fmla="*/ 1101 w 1671"/>
                  <a:gd name="T11" fmla="*/ 320 h 1530"/>
                  <a:gd name="T12" fmla="*/ 1172 w 1671"/>
                  <a:gd name="T13" fmla="*/ 326 h 1530"/>
                  <a:gd name="T14" fmla="*/ 1227 w 1671"/>
                  <a:gd name="T15" fmla="*/ 272 h 1530"/>
                  <a:gd name="T16" fmla="*/ 1190 w 1671"/>
                  <a:gd name="T17" fmla="*/ 227 h 1530"/>
                  <a:gd name="T18" fmla="*/ 1172 w 1671"/>
                  <a:gd name="T19" fmla="*/ 146 h 1530"/>
                  <a:gd name="T20" fmla="*/ 1223 w 1671"/>
                  <a:gd name="T21" fmla="*/ 80 h 1530"/>
                  <a:gd name="T22" fmla="*/ 1264 w 1671"/>
                  <a:gd name="T23" fmla="*/ 133 h 1530"/>
                  <a:gd name="T24" fmla="*/ 1294 w 1671"/>
                  <a:gd name="T25" fmla="*/ 172 h 1530"/>
                  <a:gd name="T26" fmla="*/ 1297 w 1671"/>
                  <a:gd name="T27" fmla="*/ 233 h 1530"/>
                  <a:gd name="T28" fmla="*/ 1270 w 1671"/>
                  <a:gd name="T29" fmla="*/ 283 h 1530"/>
                  <a:gd name="T30" fmla="*/ 1231 w 1671"/>
                  <a:gd name="T31" fmla="*/ 335 h 1530"/>
                  <a:gd name="T32" fmla="*/ 1220 w 1671"/>
                  <a:gd name="T33" fmla="*/ 375 h 1530"/>
                  <a:gd name="T34" fmla="*/ 1207 w 1671"/>
                  <a:gd name="T35" fmla="*/ 442 h 1530"/>
                  <a:gd name="T36" fmla="*/ 1131 w 1671"/>
                  <a:gd name="T37" fmla="*/ 529 h 1530"/>
                  <a:gd name="T38" fmla="*/ 1094 w 1671"/>
                  <a:gd name="T39" fmla="*/ 559 h 1530"/>
                  <a:gd name="T40" fmla="*/ 1040 w 1671"/>
                  <a:gd name="T41" fmla="*/ 588 h 1530"/>
                  <a:gd name="T42" fmla="*/ 1042 w 1671"/>
                  <a:gd name="T43" fmla="*/ 683 h 1530"/>
                  <a:gd name="T44" fmla="*/ 1055 w 1671"/>
                  <a:gd name="T45" fmla="*/ 729 h 1530"/>
                  <a:gd name="T46" fmla="*/ 1103 w 1671"/>
                  <a:gd name="T47" fmla="*/ 720 h 1530"/>
                  <a:gd name="T48" fmla="*/ 1175 w 1671"/>
                  <a:gd name="T49" fmla="*/ 747 h 1530"/>
                  <a:gd name="T50" fmla="*/ 1140 w 1671"/>
                  <a:gd name="T51" fmla="*/ 797 h 1530"/>
                  <a:gd name="T52" fmla="*/ 1087 w 1671"/>
                  <a:gd name="T53" fmla="*/ 812 h 1530"/>
                  <a:gd name="T54" fmla="*/ 1057 w 1671"/>
                  <a:gd name="T55" fmla="*/ 843 h 1530"/>
                  <a:gd name="T56" fmla="*/ 1142 w 1671"/>
                  <a:gd name="T57" fmla="*/ 877 h 1530"/>
                  <a:gd name="T58" fmla="*/ 1199 w 1671"/>
                  <a:gd name="T59" fmla="*/ 869 h 1530"/>
                  <a:gd name="T60" fmla="*/ 1270 w 1671"/>
                  <a:gd name="T61" fmla="*/ 903 h 1530"/>
                  <a:gd name="T62" fmla="*/ 1299 w 1671"/>
                  <a:gd name="T63" fmla="*/ 982 h 1530"/>
                  <a:gd name="T64" fmla="*/ 1349 w 1671"/>
                  <a:gd name="T65" fmla="*/ 977 h 1530"/>
                  <a:gd name="T66" fmla="*/ 1521 w 1671"/>
                  <a:gd name="T67" fmla="*/ 847 h 1530"/>
                  <a:gd name="T68" fmla="*/ 1623 w 1671"/>
                  <a:gd name="T69" fmla="*/ 814 h 1530"/>
                  <a:gd name="T70" fmla="*/ 1663 w 1671"/>
                  <a:gd name="T71" fmla="*/ 827 h 1530"/>
                  <a:gd name="T72" fmla="*/ 1658 w 1671"/>
                  <a:gd name="T73" fmla="*/ 899 h 1530"/>
                  <a:gd name="T74" fmla="*/ 1647 w 1671"/>
                  <a:gd name="T75" fmla="*/ 986 h 1530"/>
                  <a:gd name="T76" fmla="*/ 1612 w 1671"/>
                  <a:gd name="T77" fmla="*/ 1069 h 1530"/>
                  <a:gd name="T78" fmla="*/ 1630 w 1671"/>
                  <a:gd name="T79" fmla="*/ 1173 h 1530"/>
                  <a:gd name="T80" fmla="*/ 1571 w 1671"/>
                  <a:gd name="T81" fmla="*/ 1363 h 1530"/>
                  <a:gd name="T82" fmla="*/ 1510 w 1671"/>
                  <a:gd name="T83" fmla="*/ 1428 h 1530"/>
                  <a:gd name="T84" fmla="*/ 1456 w 1671"/>
                  <a:gd name="T85" fmla="*/ 1487 h 1530"/>
                  <a:gd name="T86" fmla="*/ 1373 w 1671"/>
                  <a:gd name="T87" fmla="*/ 1524 h 1530"/>
                  <a:gd name="T88" fmla="*/ 1320 w 1671"/>
                  <a:gd name="T89" fmla="*/ 1450 h 1530"/>
                  <a:gd name="T90" fmla="*/ 1260 w 1671"/>
                  <a:gd name="T91" fmla="*/ 1330 h 1530"/>
                  <a:gd name="T92" fmla="*/ 1173 w 1671"/>
                  <a:gd name="T93" fmla="*/ 1217 h 1530"/>
                  <a:gd name="T94" fmla="*/ 1118 w 1671"/>
                  <a:gd name="T95" fmla="*/ 1102 h 1530"/>
                  <a:gd name="T96" fmla="*/ 160 w 1671"/>
                  <a:gd name="T97" fmla="*/ 1156 h 1530"/>
                  <a:gd name="T98" fmla="*/ 120 w 1671"/>
                  <a:gd name="T99" fmla="*/ 1286 h 1530"/>
                  <a:gd name="T100" fmla="*/ 101 w 1671"/>
                  <a:gd name="T101" fmla="*/ 1212 h 1530"/>
                  <a:gd name="T102" fmla="*/ 140 w 1671"/>
                  <a:gd name="T103" fmla="*/ 1138 h 1530"/>
                  <a:gd name="T104" fmla="*/ 53 w 1671"/>
                  <a:gd name="T105" fmla="*/ 1077 h 1530"/>
                  <a:gd name="T106" fmla="*/ 72 w 1671"/>
                  <a:gd name="T107" fmla="*/ 858 h 1530"/>
                  <a:gd name="T108" fmla="*/ 168 w 1671"/>
                  <a:gd name="T109" fmla="*/ 644 h 1530"/>
                  <a:gd name="T110" fmla="*/ 299 w 1671"/>
                  <a:gd name="T111" fmla="*/ 516 h 1530"/>
                  <a:gd name="T112" fmla="*/ 460 w 1671"/>
                  <a:gd name="T113" fmla="*/ 411 h 1530"/>
                  <a:gd name="T114" fmla="*/ 978 w 1671"/>
                  <a:gd name="T115" fmla="*/ 405 h 1530"/>
                  <a:gd name="T116" fmla="*/ 1009 w 1671"/>
                  <a:gd name="T117" fmla="*/ 431 h 1530"/>
                  <a:gd name="T118" fmla="*/ 1063 w 1671"/>
                  <a:gd name="T119" fmla="*/ 405 h 1530"/>
                  <a:gd name="T120" fmla="*/ 1107 w 1671"/>
                  <a:gd name="T121" fmla="*/ 346 h 1530"/>
                  <a:gd name="T122" fmla="*/ 1146 w 1671"/>
                  <a:gd name="T123" fmla="*/ 366 h 1530"/>
                  <a:gd name="T124" fmla="*/ 1063 w 1671"/>
                  <a:gd name="T125" fmla="*/ 418 h 15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671" h="1530">
                    <a:moveTo>
                      <a:pt x="462" y="411"/>
                    </a:moveTo>
                    <a:lnTo>
                      <a:pt x="467" y="403"/>
                    </a:lnTo>
                    <a:lnTo>
                      <a:pt x="469" y="401"/>
                    </a:lnTo>
                    <a:lnTo>
                      <a:pt x="471" y="396"/>
                    </a:lnTo>
                    <a:lnTo>
                      <a:pt x="469" y="392"/>
                    </a:lnTo>
                    <a:lnTo>
                      <a:pt x="469" y="390"/>
                    </a:lnTo>
                    <a:lnTo>
                      <a:pt x="466" y="388"/>
                    </a:lnTo>
                    <a:lnTo>
                      <a:pt x="466" y="387"/>
                    </a:lnTo>
                    <a:lnTo>
                      <a:pt x="471" y="381"/>
                    </a:lnTo>
                    <a:lnTo>
                      <a:pt x="475" y="377"/>
                    </a:lnTo>
                    <a:lnTo>
                      <a:pt x="482" y="375"/>
                    </a:lnTo>
                    <a:lnTo>
                      <a:pt x="482" y="372"/>
                    </a:lnTo>
                    <a:lnTo>
                      <a:pt x="484" y="372"/>
                    </a:lnTo>
                    <a:lnTo>
                      <a:pt x="488" y="374"/>
                    </a:lnTo>
                    <a:lnTo>
                      <a:pt x="499" y="372"/>
                    </a:lnTo>
                    <a:lnTo>
                      <a:pt x="504" y="370"/>
                    </a:lnTo>
                    <a:lnTo>
                      <a:pt x="506" y="368"/>
                    </a:lnTo>
                    <a:lnTo>
                      <a:pt x="510" y="368"/>
                    </a:lnTo>
                    <a:lnTo>
                      <a:pt x="517" y="364"/>
                    </a:lnTo>
                    <a:lnTo>
                      <a:pt x="521" y="363"/>
                    </a:lnTo>
                    <a:lnTo>
                      <a:pt x="525" y="361"/>
                    </a:lnTo>
                    <a:lnTo>
                      <a:pt x="532" y="355"/>
                    </a:lnTo>
                    <a:lnTo>
                      <a:pt x="536" y="351"/>
                    </a:lnTo>
                    <a:lnTo>
                      <a:pt x="538" y="348"/>
                    </a:lnTo>
                    <a:lnTo>
                      <a:pt x="536" y="348"/>
                    </a:lnTo>
                    <a:lnTo>
                      <a:pt x="536" y="346"/>
                    </a:lnTo>
                    <a:lnTo>
                      <a:pt x="536" y="340"/>
                    </a:lnTo>
                    <a:lnTo>
                      <a:pt x="538" y="340"/>
                    </a:lnTo>
                    <a:lnTo>
                      <a:pt x="547" y="333"/>
                    </a:lnTo>
                    <a:lnTo>
                      <a:pt x="551" y="327"/>
                    </a:lnTo>
                    <a:lnTo>
                      <a:pt x="556" y="326"/>
                    </a:lnTo>
                    <a:lnTo>
                      <a:pt x="556" y="322"/>
                    </a:lnTo>
                    <a:lnTo>
                      <a:pt x="556" y="316"/>
                    </a:lnTo>
                    <a:lnTo>
                      <a:pt x="560" y="309"/>
                    </a:lnTo>
                    <a:lnTo>
                      <a:pt x="562" y="301"/>
                    </a:lnTo>
                    <a:lnTo>
                      <a:pt x="565" y="296"/>
                    </a:lnTo>
                    <a:lnTo>
                      <a:pt x="562" y="292"/>
                    </a:lnTo>
                    <a:lnTo>
                      <a:pt x="558" y="290"/>
                    </a:lnTo>
                    <a:lnTo>
                      <a:pt x="554" y="289"/>
                    </a:lnTo>
                    <a:lnTo>
                      <a:pt x="551" y="285"/>
                    </a:lnTo>
                    <a:lnTo>
                      <a:pt x="547" y="281"/>
                    </a:lnTo>
                    <a:lnTo>
                      <a:pt x="541" y="277"/>
                    </a:lnTo>
                    <a:lnTo>
                      <a:pt x="538" y="274"/>
                    </a:lnTo>
                    <a:lnTo>
                      <a:pt x="532" y="270"/>
                    </a:lnTo>
                    <a:lnTo>
                      <a:pt x="530" y="263"/>
                    </a:lnTo>
                    <a:lnTo>
                      <a:pt x="528" y="248"/>
                    </a:lnTo>
                    <a:lnTo>
                      <a:pt x="536" y="244"/>
                    </a:lnTo>
                    <a:lnTo>
                      <a:pt x="541" y="240"/>
                    </a:lnTo>
                    <a:lnTo>
                      <a:pt x="541" y="239"/>
                    </a:lnTo>
                    <a:lnTo>
                      <a:pt x="539" y="224"/>
                    </a:lnTo>
                    <a:lnTo>
                      <a:pt x="541" y="216"/>
                    </a:lnTo>
                    <a:lnTo>
                      <a:pt x="545" y="205"/>
                    </a:lnTo>
                    <a:lnTo>
                      <a:pt x="549" y="202"/>
                    </a:lnTo>
                    <a:lnTo>
                      <a:pt x="551" y="198"/>
                    </a:lnTo>
                    <a:lnTo>
                      <a:pt x="552" y="194"/>
                    </a:lnTo>
                    <a:lnTo>
                      <a:pt x="558" y="187"/>
                    </a:lnTo>
                    <a:lnTo>
                      <a:pt x="562" y="179"/>
                    </a:lnTo>
                    <a:lnTo>
                      <a:pt x="565" y="174"/>
                    </a:lnTo>
                    <a:lnTo>
                      <a:pt x="569" y="168"/>
                    </a:lnTo>
                    <a:lnTo>
                      <a:pt x="573" y="168"/>
                    </a:lnTo>
                    <a:lnTo>
                      <a:pt x="576" y="170"/>
                    </a:lnTo>
                    <a:lnTo>
                      <a:pt x="576" y="172"/>
                    </a:lnTo>
                    <a:lnTo>
                      <a:pt x="578" y="174"/>
                    </a:lnTo>
                    <a:lnTo>
                      <a:pt x="578" y="176"/>
                    </a:lnTo>
                    <a:lnTo>
                      <a:pt x="584" y="178"/>
                    </a:lnTo>
                    <a:lnTo>
                      <a:pt x="589" y="178"/>
                    </a:lnTo>
                    <a:lnTo>
                      <a:pt x="595" y="178"/>
                    </a:lnTo>
                    <a:lnTo>
                      <a:pt x="600" y="179"/>
                    </a:lnTo>
                    <a:lnTo>
                      <a:pt x="606" y="176"/>
                    </a:lnTo>
                    <a:lnTo>
                      <a:pt x="612" y="174"/>
                    </a:lnTo>
                    <a:lnTo>
                      <a:pt x="613" y="174"/>
                    </a:lnTo>
                    <a:lnTo>
                      <a:pt x="615" y="172"/>
                    </a:lnTo>
                    <a:lnTo>
                      <a:pt x="617" y="172"/>
                    </a:lnTo>
                    <a:lnTo>
                      <a:pt x="619" y="172"/>
                    </a:lnTo>
                    <a:lnTo>
                      <a:pt x="621" y="172"/>
                    </a:lnTo>
                    <a:lnTo>
                      <a:pt x="621" y="170"/>
                    </a:lnTo>
                    <a:lnTo>
                      <a:pt x="624" y="170"/>
                    </a:lnTo>
                    <a:lnTo>
                      <a:pt x="626" y="168"/>
                    </a:lnTo>
                    <a:lnTo>
                      <a:pt x="628" y="168"/>
                    </a:lnTo>
                    <a:lnTo>
                      <a:pt x="632" y="166"/>
                    </a:lnTo>
                    <a:lnTo>
                      <a:pt x="634" y="166"/>
                    </a:lnTo>
                    <a:lnTo>
                      <a:pt x="636" y="166"/>
                    </a:lnTo>
                    <a:lnTo>
                      <a:pt x="637" y="165"/>
                    </a:lnTo>
                    <a:lnTo>
                      <a:pt x="643" y="163"/>
                    </a:lnTo>
                    <a:lnTo>
                      <a:pt x="645" y="163"/>
                    </a:lnTo>
                    <a:lnTo>
                      <a:pt x="656" y="159"/>
                    </a:lnTo>
                    <a:lnTo>
                      <a:pt x="658" y="159"/>
                    </a:lnTo>
                    <a:lnTo>
                      <a:pt x="660" y="155"/>
                    </a:lnTo>
                    <a:lnTo>
                      <a:pt x="661" y="155"/>
                    </a:lnTo>
                    <a:lnTo>
                      <a:pt x="663" y="155"/>
                    </a:lnTo>
                    <a:lnTo>
                      <a:pt x="665" y="154"/>
                    </a:lnTo>
                    <a:lnTo>
                      <a:pt x="667" y="152"/>
                    </a:lnTo>
                    <a:lnTo>
                      <a:pt x="669" y="150"/>
                    </a:lnTo>
                    <a:lnTo>
                      <a:pt x="671" y="148"/>
                    </a:lnTo>
                    <a:lnTo>
                      <a:pt x="671" y="146"/>
                    </a:lnTo>
                    <a:lnTo>
                      <a:pt x="673" y="146"/>
                    </a:lnTo>
                    <a:lnTo>
                      <a:pt x="673" y="144"/>
                    </a:lnTo>
                    <a:lnTo>
                      <a:pt x="674" y="142"/>
                    </a:lnTo>
                    <a:lnTo>
                      <a:pt x="676" y="141"/>
                    </a:lnTo>
                    <a:lnTo>
                      <a:pt x="676" y="139"/>
                    </a:lnTo>
                    <a:lnTo>
                      <a:pt x="678" y="139"/>
                    </a:lnTo>
                    <a:lnTo>
                      <a:pt x="680" y="139"/>
                    </a:lnTo>
                    <a:lnTo>
                      <a:pt x="682" y="137"/>
                    </a:lnTo>
                    <a:lnTo>
                      <a:pt x="684" y="137"/>
                    </a:lnTo>
                    <a:lnTo>
                      <a:pt x="685" y="135"/>
                    </a:lnTo>
                    <a:lnTo>
                      <a:pt x="687" y="135"/>
                    </a:lnTo>
                    <a:lnTo>
                      <a:pt x="689" y="135"/>
                    </a:lnTo>
                    <a:lnTo>
                      <a:pt x="689" y="133"/>
                    </a:lnTo>
                    <a:lnTo>
                      <a:pt x="691" y="133"/>
                    </a:lnTo>
                    <a:lnTo>
                      <a:pt x="693" y="131"/>
                    </a:lnTo>
                    <a:lnTo>
                      <a:pt x="693" y="129"/>
                    </a:lnTo>
                    <a:lnTo>
                      <a:pt x="695" y="129"/>
                    </a:lnTo>
                    <a:lnTo>
                      <a:pt x="695" y="128"/>
                    </a:lnTo>
                    <a:lnTo>
                      <a:pt x="697" y="128"/>
                    </a:lnTo>
                    <a:lnTo>
                      <a:pt x="697" y="126"/>
                    </a:lnTo>
                    <a:lnTo>
                      <a:pt x="698" y="126"/>
                    </a:lnTo>
                    <a:lnTo>
                      <a:pt x="700" y="126"/>
                    </a:lnTo>
                    <a:lnTo>
                      <a:pt x="702" y="126"/>
                    </a:lnTo>
                    <a:lnTo>
                      <a:pt x="704" y="126"/>
                    </a:lnTo>
                    <a:lnTo>
                      <a:pt x="706" y="124"/>
                    </a:lnTo>
                    <a:lnTo>
                      <a:pt x="708" y="124"/>
                    </a:lnTo>
                    <a:lnTo>
                      <a:pt x="710" y="124"/>
                    </a:lnTo>
                    <a:lnTo>
                      <a:pt x="710" y="122"/>
                    </a:lnTo>
                    <a:lnTo>
                      <a:pt x="711" y="122"/>
                    </a:lnTo>
                    <a:lnTo>
                      <a:pt x="713" y="120"/>
                    </a:lnTo>
                    <a:lnTo>
                      <a:pt x="724" y="115"/>
                    </a:lnTo>
                    <a:lnTo>
                      <a:pt x="726" y="113"/>
                    </a:lnTo>
                    <a:lnTo>
                      <a:pt x="730" y="111"/>
                    </a:lnTo>
                    <a:lnTo>
                      <a:pt x="737" y="107"/>
                    </a:lnTo>
                    <a:lnTo>
                      <a:pt x="746" y="104"/>
                    </a:lnTo>
                    <a:lnTo>
                      <a:pt x="748" y="104"/>
                    </a:lnTo>
                    <a:lnTo>
                      <a:pt x="750" y="104"/>
                    </a:lnTo>
                    <a:lnTo>
                      <a:pt x="756" y="104"/>
                    </a:lnTo>
                    <a:lnTo>
                      <a:pt x="761" y="105"/>
                    </a:lnTo>
                    <a:lnTo>
                      <a:pt x="763" y="105"/>
                    </a:lnTo>
                    <a:lnTo>
                      <a:pt x="771" y="102"/>
                    </a:lnTo>
                    <a:lnTo>
                      <a:pt x="772" y="100"/>
                    </a:lnTo>
                    <a:lnTo>
                      <a:pt x="774" y="98"/>
                    </a:lnTo>
                    <a:lnTo>
                      <a:pt x="778" y="98"/>
                    </a:lnTo>
                    <a:lnTo>
                      <a:pt x="782" y="96"/>
                    </a:lnTo>
                    <a:lnTo>
                      <a:pt x="785" y="94"/>
                    </a:lnTo>
                    <a:lnTo>
                      <a:pt x="804" y="94"/>
                    </a:lnTo>
                    <a:lnTo>
                      <a:pt x="807" y="89"/>
                    </a:lnTo>
                    <a:lnTo>
                      <a:pt x="813" y="81"/>
                    </a:lnTo>
                    <a:lnTo>
                      <a:pt x="817" y="78"/>
                    </a:lnTo>
                    <a:lnTo>
                      <a:pt x="820" y="72"/>
                    </a:lnTo>
                    <a:lnTo>
                      <a:pt x="830" y="59"/>
                    </a:lnTo>
                    <a:lnTo>
                      <a:pt x="832" y="52"/>
                    </a:lnTo>
                    <a:lnTo>
                      <a:pt x="832" y="50"/>
                    </a:lnTo>
                    <a:lnTo>
                      <a:pt x="833" y="50"/>
                    </a:lnTo>
                    <a:lnTo>
                      <a:pt x="835" y="48"/>
                    </a:lnTo>
                    <a:lnTo>
                      <a:pt x="837" y="46"/>
                    </a:lnTo>
                    <a:lnTo>
                      <a:pt x="839" y="46"/>
                    </a:lnTo>
                    <a:lnTo>
                      <a:pt x="841" y="44"/>
                    </a:lnTo>
                    <a:lnTo>
                      <a:pt x="843" y="44"/>
                    </a:lnTo>
                    <a:lnTo>
                      <a:pt x="854" y="35"/>
                    </a:lnTo>
                    <a:lnTo>
                      <a:pt x="857" y="33"/>
                    </a:lnTo>
                    <a:lnTo>
                      <a:pt x="861" y="31"/>
                    </a:lnTo>
                    <a:lnTo>
                      <a:pt x="870" y="28"/>
                    </a:lnTo>
                    <a:lnTo>
                      <a:pt x="878" y="24"/>
                    </a:lnTo>
                    <a:lnTo>
                      <a:pt x="883" y="20"/>
                    </a:lnTo>
                    <a:lnTo>
                      <a:pt x="891" y="18"/>
                    </a:lnTo>
                    <a:lnTo>
                      <a:pt x="891" y="17"/>
                    </a:lnTo>
                    <a:lnTo>
                      <a:pt x="896" y="17"/>
                    </a:lnTo>
                    <a:lnTo>
                      <a:pt x="896" y="15"/>
                    </a:lnTo>
                    <a:lnTo>
                      <a:pt x="902" y="13"/>
                    </a:lnTo>
                    <a:lnTo>
                      <a:pt x="909" y="9"/>
                    </a:lnTo>
                    <a:lnTo>
                      <a:pt x="917" y="7"/>
                    </a:lnTo>
                    <a:lnTo>
                      <a:pt x="924" y="4"/>
                    </a:lnTo>
                    <a:lnTo>
                      <a:pt x="928" y="2"/>
                    </a:lnTo>
                    <a:lnTo>
                      <a:pt x="935" y="0"/>
                    </a:lnTo>
                    <a:lnTo>
                      <a:pt x="935" y="2"/>
                    </a:lnTo>
                    <a:lnTo>
                      <a:pt x="935" y="4"/>
                    </a:lnTo>
                    <a:lnTo>
                      <a:pt x="933" y="4"/>
                    </a:lnTo>
                    <a:lnTo>
                      <a:pt x="935" y="6"/>
                    </a:lnTo>
                    <a:lnTo>
                      <a:pt x="935" y="7"/>
                    </a:lnTo>
                    <a:lnTo>
                      <a:pt x="937" y="9"/>
                    </a:lnTo>
                    <a:lnTo>
                      <a:pt x="939" y="9"/>
                    </a:lnTo>
                    <a:lnTo>
                      <a:pt x="935" y="20"/>
                    </a:lnTo>
                    <a:lnTo>
                      <a:pt x="933" y="30"/>
                    </a:lnTo>
                    <a:lnTo>
                      <a:pt x="931" y="35"/>
                    </a:lnTo>
                    <a:lnTo>
                      <a:pt x="929" y="41"/>
                    </a:lnTo>
                    <a:lnTo>
                      <a:pt x="929" y="50"/>
                    </a:lnTo>
                    <a:lnTo>
                      <a:pt x="929" y="55"/>
                    </a:lnTo>
                    <a:lnTo>
                      <a:pt x="929" y="61"/>
                    </a:lnTo>
                    <a:lnTo>
                      <a:pt x="931" y="61"/>
                    </a:lnTo>
                    <a:lnTo>
                      <a:pt x="933" y="61"/>
                    </a:lnTo>
                    <a:lnTo>
                      <a:pt x="933" y="63"/>
                    </a:lnTo>
                    <a:lnTo>
                      <a:pt x="935" y="63"/>
                    </a:lnTo>
                    <a:lnTo>
                      <a:pt x="937" y="65"/>
                    </a:lnTo>
                    <a:lnTo>
                      <a:pt x="941" y="68"/>
                    </a:lnTo>
                    <a:lnTo>
                      <a:pt x="942" y="70"/>
                    </a:lnTo>
                    <a:lnTo>
                      <a:pt x="950" y="74"/>
                    </a:lnTo>
                    <a:lnTo>
                      <a:pt x="961" y="83"/>
                    </a:lnTo>
                    <a:lnTo>
                      <a:pt x="961" y="89"/>
                    </a:lnTo>
                    <a:lnTo>
                      <a:pt x="959" y="92"/>
                    </a:lnTo>
                    <a:lnTo>
                      <a:pt x="959" y="98"/>
                    </a:lnTo>
                    <a:lnTo>
                      <a:pt x="957" y="105"/>
                    </a:lnTo>
                    <a:lnTo>
                      <a:pt x="959" y="105"/>
                    </a:lnTo>
                    <a:lnTo>
                      <a:pt x="961" y="105"/>
                    </a:lnTo>
                    <a:lnTo>
                      <a:pt x="961" y="107"/>
                    </a:lnTo>
                    <a:lnTo>
                      <a:pt x="961" y="109"/>
                    </a:lnTo>
                    <a:lnTo>
                      <a:pt x="961" y="111"/>
                    </a:lnTo>
                    <a:lnTo>
                      <a:pt x="961" y="113"/>
                    </a:lnTo>
                    <a:lnTo>
                      <a:pt x="961" y="115"/>
                    </a:lnTo>
                    <a:lnTo>
                      <a:pt x="959" y="115"/>
                    </a:lnTo>
                    <a:lnTo>
                      <a:pt x="959" y="117"/>
                    </a:lnTo>
                    <a:lnTo>
                      <a:pt x="959" y="118"/>
                    </a:lnTo>
                    <a:lnTo>
                      <a:pt x="957" y="120"/>
                    </a:lnTo>
                    <a:lnTo>
                      <a:pt x="957" y="122"/>
                    </a:lnTo>
                    <a:lnTo>
                      <a:pt x="957" y="124"/>
                    </a:lnTo>
                    <a:lnTo>
                      <a:pt x="957" y="126"/>
                    </a:lnTo>
                    <a:lnTo>
                      <a:pt x="955" y="126"/>
                    </a:lnTo>
                    <a:lnTo>
                      <a:pt x="955" y="128"/>
                    </a:lnTo>
                    <a:lnTo>
                      <a:pt x="955" y="129"/>
                    </a:lnTo>
                    <a:lnTo>
                      <a:pt x="954" y="129"/>
                    </a:lnTo>
                    <a:lnTo>
                      <a:pt x="954" y="131"/>
                    </a:lnTo>
                    <a:lnTo>
                      <a:pt x="952" y="131"/>
                    </a:lnTo>
                    <a:lnTo>
                      <a:pt x="952" y="133"/>
                    </a:lnTo>
                    <a:lnTo>
                      <a:pt x="952" y="135"/>
                    </a:lnTo>
                    <a:lnTo>
                      <a:pt x="950" y="137"/>
                    </a:lnTo>
                    <a:lnTo>
                      <a:pt x="950" y="139"/>
                    </a:lnTo>
                    <a:lnTo>
                      <a:pt x="952" y="139"/>
                    </a:lnTo>
                    <a:lnTo>
                      <a:pt x="952" y="137"/>
                    </a:lnTo>
                    <a:lnTo>
                      <a:pt x="954" y="137"/>
                    </a:lnTo>
                    <a:lnTo>
                      <a:pt x="954" y="135"/>
                    </a:lnTo>
                    <a:lnTo>
                      <a:pt x="955" y="135"/>
                    </a:lnTo>
                    <a:lnTo>
                      <a:pt x="957" y="133"/>
                    </a:lnTo>
                    <a:lnTo>
                      <a:pt x="959" y="131"/>
                    </a:lnTo>
                    <a:lnTo>
                      <a:pt x="961" y="131"/>
                    </a:lnTo>
                    <a:lnTo>
                      <a:pt x="974" y="133"/>
                    </a:lnTo>
                    <a:lnTo>
                      <a:pt x="976" y="133"/>
                    </a:lnTo>
                    <a:lnTo>
                      <a:pt x="978" y="133"/>
                    </a:lnTo>
                    <a:lnTo>
                      <a:pt x="981" y="133"/>
                    </a:lnTo>
                    <a:lnTo>
                      <a:pt x="1016" y="170"/>
                    </a:lnTo>
                    <a:lnTo>
                      <a:pt x="1000" y="185"/>
                    </a:lnTo>
                    <a:lnTo>
                      <a:pt x="963" y="220"/>
                    </a:lnTo>
                    <a:lnTo>
                      <a:pt x="998" y="261"/>
                    </a:lnTo>
                    <a:lnTo>
                      <a:pt x="1002" y="264"/>
                    </a:lnTo>
                    <a:lnTo>
                      <a:pt x="1003" y="264"/>
                    </a:lnTo>
                    <a:lnTo>
                      <a:pt x="1003" y="266"/>
                    </a:lnTo>
                    <a:lnTo>
                      <a:pt x="1005" y="266"/>
                    </a:lnTo>
                    <a:lnTo>
                      <a:pt x="1005" y="268"/>
                    </a:lnTo>
                    <a:lnTo>
                      <a:pt x="1007" y="268"/>
                    </a:lnTo>
                    <a:lnTo>
                      <a:pt x="1007" y="270"/>
                    </a:lnTo>
                    <a:lnTo>
                      <a:pt x="1009" y="270"/>
                    </a:lnTo>
                    <a:lnTo>
                      <a:pt x="1011" y="272"/>
                    </a:lnTo>
                    <a:lnTo>
                      <a:pt x="1013" y="277"/>
                    </a:lnTo>
                    <a:lnTo>
                      <a:pt x="1016" y="276"/>
                    </a:lnTo>
                    <a:lnTo>
                      <a:pt x="1020" y="272"/>
                    </a:lnTo>
                    <a:lnTo>
                      <a:pt x="1022" y="274"/>
                    </a:lnTo>
                    <a:lnTo>
                      <a:pt x="1026" y="279"/>
                    </a:lnTo>
                    <a:lnTo>
                      <a:pt x="1024" y="281"/>
                    </a:lnTo>
                    <a:lnTo>
                      <a:pt x="1022" y="283"/>
                    </a:lnTo>
                    <a:lnTo>
                      <a:pt x="1020" y="283"/>
                    </a:lnTo>
                    <a:lnTo>
                      <a:pt x="1020" y="285"/>
                    </a:lnTo>
                    <a:lnTo>
                      <a:pt x="1018" y="285"/>
                    </a:lnTo>
                    <a:lnTo>
                      <a:pt x="1016" y="287"/>
                    </a:lnTo>
                    <a:lnTo>
                      <a:pt x="1016" y="289"/>
                    </a:lnTo>
                    <a:lnTo>
                      <a:pt x="1015" y="289"/>
                    </a:lnTo>
                    <a:lnTo>
                      <a:pt x="1013" y="290"/>
                    </a:lnTo>
                    <a:lnTo>
                      <a:pt x="1011" y="292"/>
                    </a:lnTo>
                    <a:lnTo>
                      <a:pt x="1011" y="298"/>
                    </a:lnTo>
                    <a:lnTo>
                      <a:pt x="1009" y="298"/>
                    </a:lnTo>
                    <a:lnTo>
                      <a:pt x="1011" y="300"/>
                    </a:lnTo>
                    <a:lnTo>
                      <a:pt x="1013" y="298"/>
                    </a:lnTo>
                    <a:lnTo>
                      <a:pt x="1015" y="296"/>
                    </a:lnTo>
                    <a:lnTo>
                      <a:pt x="1016" y="292"/>
                    </a:lnTo>
                    <a:lnTo>
                      <a:pt x="1016" y="294"/>
                    </a:lnTo>
                    <a:lnTo>
                      <a:pt x="1020" y="290"/>
                    </a:lnTo>
                    <a:lnTo>
                      <a:pt x="1020" y="292"/>
                    </a:lnTo>
                    <a:lnTo>
                      <a:pt x="1020" y="294"/>
                    </a:lnTo>
                    <a:lnTo>
                      <a:pt x="1022" y="296"/>
                    </a:lnTo>
                    <a:lnTo>
                      <a:pt x="1024" y="296"/>
                    </a:lnTo>
                    <a:lnTo>
                      <a:pt x="1026" y="298"/>
                    </a:lnTo>
                    <a:lnTo>
                      <a:pt x="1027" y="300"/>
                    </a:lnTo>
                    <a:lnTo>
                      <a:pt x="1027" y="301"/>
                    </a:lnTo>
                    <a:lnTo>
                      <a:pt x="1029" y="301"/>
                    </a:lnTo>
                    <a:lnTo>
                      <a:pt x="1029" y="303"/>
                    </a:lnTo>
                    <a:lnTo>
                      <a:pt x="1031" y="303"/>
                    </a:lnTo>
                    <a:lnTo>
                      <a:pt x="1031" y="305"/>
                    </a:lnTo>
                    <a:lnTo>
                      <a:pt x="1033" y="307"/>
                    </a:lnTo>
                    <a:lnTo>
                      <a:pt x="1035" y="309"/>
                    </a:lnTo>
                    <a:lnTo>
                      <a:pt x="1037" y="311"/>
                    </a:lnTo>
                    <a:lnTo>
                      <a:pt x="1039" y="311"/>
                    </a:lnTo>
                    <a:lnTo>
                      <a:pt x="1040" y="313"/>
                    </a:lnTo>
                    <a:lnTo>
                      <a:pt x="1042" y="311"/>
                    </a:lnTo>
                    <a:lnTo>
                      <a:pt x="1042" y="309"/>
                    </a:lnTo>
                    <a:lnTo>
                      <a:pt x="1044" y="311"/>
                    </a:lnTo>
                    <a:lnTo>
                      <a:pt x="1048" y="309"/>
                    </a:lnTo>
                    <a:lnTo>
                      <a:pt x="1050" y="309"/>
                    </a:lnTo>
                    <a:lnTo>
                      <a:pt x="1050" y="307"/>
                    </a:lnTo>
                    <a:lnTo>
                      <a:pt x="1051" y="309"/>
                    </a:lnTo>
                    <a:lnTo>
                      <a:pt x="1053" y="311"/>
                    </a:lnTo>
                    <a:lnTo>
                      <a:pt x="1055" y="311"/>
                    </a:lnTo>
                    <a:lnTo>
                      <a:pt x="1055" y="313"/>
                    </a:lnTo>
                    <a:lnTo>
                      <a:pt x="1055" y="311"/>
                    </a:lnTo>
                    <a:lnTo>
                      <a:pt x="1059" y="314"/>
                    </a:lnTo>
                    <a:lnTo>
                      <a:pt x="1061" y="316"/>
                    </a:lnTo>
                    <a:lnTo>
                      <a:pt x="1061" y="318"/>
                    </a:lnTo>
                    <a:lnTo>
                      <a:pt x="1061" y="320"/>
                    </a:lnTo>
                    <a:lnTo>
                      <a:pt x="1061" y="322"/>
                    </a:lnTo>
                    <a:lnTo>
                      <a:pt x="1063" y="322"/>
                    </a:lnTo>
                    <a:lnTo>
                      <a:pt x="1064" y="324"/>
                    </a:lnTo>
                    <a:lnTo>
                      <a:pt x="1066" y="324"/>
                    </a:lnTo>
                    <a:lnTo>
                      <a:pt x="1066" y="322"/>
                    </a:lnTo>
                    <a:lnTo>
                      <a:pt x="1068" y="322"/>
                    </a:lnTo>
                    <a:lnTo>
                      <a:pt x="1068" y="324"/>
                    </a:lnTo>
                    <a:lnTo>
                      <a:pt x="1070" y="324"/>
                    </a:lnTo>
                    <a:lnTo>
                      <a:pt x="1070" y="326"/>
                    </a:lnTo>
                    <a:lnTo>
                      <a:pt x="1072" y="326"/>
                    </a:lnTo>
                    <a:lnTo>
                      <a:pt x="1074" y="326"/>
                    </a:lnTo>
                    <a:lnTo>
                      <a:pt x="1074" y="327"/>
                    </a:lnTo>
                    <a:lnTo>
                      <a:pt x="1076" y="327"/>
                    </a:lnTo>
                    <a:lnTo>
                      <a:pt x="1076" y="329"/>
                    </a:lnTo>
                    <a:lnTo>
                      <a:pt x="1076" y="331"/>
                    </a:lnTo>
                    <a:lnTo>
                      <a:pt x="1077" y="331"/>
                    </a:lnTo>
                    <a:lnTo>
                      <a:pt x="1077" y="333"/>
                    </a:lnTo>
                    <a:lnTo>
                      <a:pt x="1079" y="333"/>
                    </a:lnTo>
                    <a:lnTo>
                      <a:pt x="1079" y="331"/>
                    </a:lnTo>
                    <a:lnTo>
                      <a:pt x="1081" y="327"/>
                    </a:lnTo>
                    <a:lnTo>
                      <a:pt x="1081" y="326"/>
                    </a:lnTo>
                    <a:lnTo>
                      <a:pt x="1083" y="326"/>
                    </a:lnTo>
                    <a:lnTo>
                      <a:pt x="1085" y="327"/>
                    </a:lnTo>
                    <a:lnTo>
                      <a:pt x="1087" y="329"/>
                    </a:lnTo>
                    <a:lnTo>
                      <a:pt x="1088" y="331"/>
                    </a:lnTo>
                    <a:lnTo>
                      <a:pt x="1088" y="329"/>
                    </a:lnTo>
                    <a:lnTo>
                      <a:pt x="1090" y="329"/>
                    </a:lnTo>
                    <a:lnTo>
                      <a:pt x="1092" y="329"/>
                    </a:lnTo>
                    <a:lnTo>
                      <a:pt x="1092" y="327"/>
                    </a:lnTo>
                    <a:lnTo>
                      <a:pt x="1094" y="327"/>
                    </a:lnTo>
                    <a:lnTo>
                      <a:pt x="1092" y="326"/>
                    </a:lnTo>
                    <a:lnTo>
                      <a:pt x="1094" y="326"/>
                    </a:lnTo>
                    <a:lnTo>
                      <a:pt x="1094" y="324"/>
                    </a:lnTo>
                    <a:lnTo>
                      <a:pt x="1096" y="324"/>
                    </a:lnTo>
                    <a:lnTo>
                      <a:pt x="1096" y="322"/>
                    </a:lnTo>
                    <a:lnTo>
                      <a:pt x="1098" y="320"/>
                    </a:lnTo>
                    <a:lnTo>
                      <a:pt x="1098" y="318"/>
                    </a:lnTo>
                    <a:lnTo>
                      <a:pt x="1098" y="316"/>
                    </a:lnTo>
                    <a:lnTo>
                      <a:pt x="1098" y="318"/>
                    </a:lnTo>
                    <a:lnTo>
                      <a:pt x="1100" y="318"/>
                    </a:lnTo>
                    <a:lnTo>
                      <a:pt x="1101" y="320"/>
                    </a:lnTo>
                    <a:lnTo>
                      <a:pt x="1101" y="322"/>
                    </a:lnTo>
                    <a:lnTo>
                      <a:pt x="1103" y="320"/>
                    </a:lnTo>
                    <a:lnTo>
                      <a:pt x="1103" y="322"/>
                    </a:lnTo>
                    <a:lnTo>
                      <a:pt x="1105" y="322"/>
                    </a:lnTo>
                    <a:lnTo>
                      <a:pt x="1105" y="320"/>
                    </a:lnTo>
                    <a:lnTo>
                      <a:pt x="1107" y="320"/>
                    </a:lnTo>
                    <a:lnTo>
                      <a:pt x="1107" y="318"/>
                    </a:lnTo>
                    <a:lnTo>
                      <a:pt x="1109" y="318"/>
                    </a:lnTo>
                    <a:lnTo>
                      <a:pt x="1109" y="316"/>
                    </a:lnTo>
                    <a:lnTo>
                      <a:pt x="1111" y="318"/>
                    </a:lnTo>
                    <a:lnTo>
                      <a:pt x="1111" y="316"/>
                    </a:lnTo>
                    <a:lnTo>
                      <a:pt x="1112" y="314"/>
                    </a:lnTo>
                    <a:lnTo>
                      <a:pt x="1112" y="313"/>
                    </a:lnTo>
                    <a:lnTo>
                      <a:pt x="1114" y="313"/>
                    </a:lnTo>
                    <a:lnTo>
                      <a:pt x="1112" y="313"/>
                    </a:lnTo>
                    <a:lnTo>
                      <a:pt x="1112" y="311"/>
                    </a:lnTo>
                    <a:lnTo>
                      <a:pt x="1112" y="309"/>
                    </a:lnTo>
                    <a:lnTo>
                      <a:pt x="1114" y="309"/>
                    </a:lnTo>
                    <a:lnTo>
                      <a:pt x="1114" y="307"/>
                    </a:lnTo>
                    <a:lnTo>
                      <a:pt x="1116" y="307"/>
                    </a:lnTo>
                    <a:lnTo>
                      <a:pt x="1116" y="309"/>
                    </a:lnTo>
                    <a:lnTo>
                      <a:pt x="1118" y="307"/>
                    </a:lnTo>
                    <a:lnTo>
                      <a:pt x="1120" y="307"/>
                    </a:lnTo>
                    <a:lnTo>
                      <a:pt x="1122" y="305"/>
                    </a:lnTo>
                    <a:lnTo>
                      <a:pt x="1124" y="303"/>
                    </a:lnTo>
                    <a:lnTo>
                      <a:pt x="1125" y="303"/>
                    </a:lnTo>
                    <a:lnTo>
                      <a:pt x="1127" y="305"/>
                    </a:lnTo>
                    <a:lnTo>
                      <a:pt x="1129" y="307"/>
                    </a:lnTo>
                    <a:lnTo>
                      <a:pt x="1131" y="307"/>
                    </a:lnTo>
                    <a:lnTo>
                      <a:pt x="1133" y="309"/>
                    </a:lnTo>
                    <a:lnTo>
                      <a:pt x="1133" y="311"/>
                    </a:lnTo>
                    <a:lnTo>
                      <a:pt x="1131" y="311"/>
                    </a:lnTo>
                    <a:lnTo>
                      <a:pt x="1131" y="313"/>
                    </a:lnTo>
                    <a:lnTo>
                      <a:pt x="1129" y="313"/>
                    </a:lnTo>
                    <a:lnTo>
                      <a:pt x="1131" y="314"/>
                    </a:lnTo>
                    <a:lnTo>
                      <a:pt x="1131" y="316"/>
                    </a:lnTo>
                    <a:lnTo>
                      <a:pt x="1133" y="316"/>
                    </a:lnTo>
                    <a:lnTo>
                      <a:pt x="1133" y="318"/>
                    </a:lnTo>
                    <a:lnTo>
                      <a:pt x="1135" y="318"/>
                    </a:lnTo>
                    <a:lnTo>
                      <a:pt x="1138" y="320"/>
                    </a:lnTo>
                    <a:lnTo>
                      <a:pt x="1140" y="320"/>
                    </a:lnTo>
                    <a:lnTo>
                      <a:pt x="1140" y="322"/>
                    </a:lnTo>
                    <a:lnTo>
                      <a:pt x="1144" y="324"/>
                    </a:lnTo>
                    <a:lnTo>
                      <a:pt x="1144" y="322"/>
                    </a:lnTo>
                    <a:lnTo>
                      <a:pt x="1148" y="326"/>
                    </a:lnTo>
                    <a:lnTo>
                      <a:pt x="1149" y="327"/>
                    </a:lnTo>
                    <a:lnTo>
                      <a:pt x="1151" y="327"/>
                    </a:lnTo>
                    <a:lnTo>
                      <a:pt x="1153" y="327"/>
                    </a:lnTo>
                    <a:lnTo>
                      <a:pt x="1155" y="327"/>
                    </a:lnTo>
                    <a:lnTo>
                      <a:pt x="1153" y="329"/>
                    </a:lnTo>
                    <a:lnTo>
                      <a:pt x="1159" y="326"/>
                    </a:lnTo>
                    <a:lnTo>
                      <a:pt x="1159" y="327"/>
                    </a:lnTo>
                    <a:lnTo>
                      <a:pt x="1159" y="326"/>
                    </a:lnTo>
                    <a:lnTo>
                      <a:pt x="1166" y="324"/>
                    </a:lnTo>
                    <a:lnTo>
                      <a:pt x="1168" y="324"/>
                    </a:lnTo>
                    <a:lnTo>
                      <a:pt x="1170" y="324"/>
                    </a:lnTo>
                    <a:lnTo>
                      <a:pt x="1172" y="326"/>
                    </a:lnTo>
                    <a:lnTo>
                      <a:pt x="1173" y="326"/>
                    </a:lnTo>
                    <a:lnTo>
                      <a:pt x="1175" y="326"/>
                    </a:lnTo>
                    <a:lnTo>
                      <a:pt x="1175" y="322"/>
                    </a:lnTo>
                    <a:lnTo>
                      <a:pt x="1179" y="322"/>
                    </a:lnTo>
                    <a:lnTo>
                      <a:pt x="1183" y="320"/>
                    </a:lnTo>
                    <a:lnTo>
                      <a:pt x="1181" y="316"/>
                    </a:lnTo>
                    <a:lnTo>
                      <a:pt x="1188" y="316"/>
                    </a:lnTo>
                    <a:lnTo>
                      <a:pt x="1190" y="316"/>
                    </a:lnTo>
                    <a:lnTo>
                      <a:pt x="1190" y="314"/>
                    </a:lnTo>
                    <a:lnTo>
                      <a:pt x="1192" y="314"/>
                    </a:lnTo>
                    <a:lnTo>
                      <a:pt x="1192" y="313"/>
                    </a:lnTo>
                    <a:lnTo>
                      <a:pt x="1194" y="313"/>
                    </a:lnTo>
                    <a:lnTo>
                      <a:pt x="1196" y="313"/>
                    </a:lnTo>
                    <a:lnTo>
                      <a:pt x="1198" y="313"/>
                    </a:lnTo>
                    <a:lnTo>
                      <a:pt x="1196" y="314"/>
                    </a:lnTo>
                    <a:lnTo>
                      <a:pt x="1194" y="314"/>
                    </a:lnTo>
                    <a:lnTo>
                      <a:pt x="1194" y="316"/>
                    </a:lnTo>
                    <a:lnTo>
                      <a:pt x="1196" y="318"/>
                    </a:lnTo>
                    <a:lnTo>
                      <a:pt x="1198" y="320"/>
                    </a:lnTo>
                    <a:lnTo>
                      <a:pt x="1199" y="318"/>
                    </a:lnTo>
                    <a:lnTo>
                      <a:pt x="1199" y="316"/>
                    </a:lnTo>
                    <a:lnTo>
                      <a:pt x="1201" y="316"/>
                    </a:lnTo>
                    <a:lnTo>
                      <a:pt x="1201" y="314"/>
                    </a:lnTo>
                    <a:lnTo>
                      <a:pt x="1203" y="314"/>
                    </a:lnTo>
                    <a:lnTo>
                      <a:pt x="1205" y="314"/>
                    </a:lnTo>
                    <a:lnTo>
                      <a:pt x="1205" y="313"/>
                    </a:lnTo>
                    <a:lnTo>
                      <a:pt x="1207" y="311"/>
                    </a:lnTo>
                    <a:lnTo>
                      <a:pt x="1207" y="309"/>
                    </a:lnTo>
                    <a:lnTo>
                      <a:pt x="1207" y="307"/>
                    </a:lnTo>
                    <a:lnTo>
                      <a:pt x="1207" y="305"/>
                    </a:lnTo>
                    <a:lnTo>
                      <a:pt x="1205" y="305"/>
                    </a:lnTo>
                    <a:lnTo>
                      <a:pt x="1205" y="303"/>
                    </a:lnTo>
                    <a:lnTo>
                      <a:pt x="1207" y="301"/>
                    </a:lnTo>
                    <a:lnTo>
                      <a:pt x="1207" y="300"/>
                    </a:lnTo>
                    <a:lnTo>
                      <a:pt x="1209" y="300"/>
                    </a:lnTo>
                    <a:lnTo>
                      <a:pt x="1209" y="298"/>
                    </a:lnTo>
                    <a:lnTo>
                      <a:pt x="1209" y="296"/>
                    </a:lnTo>
                    <a:lnTo>
                      <a:pt x="1210" y="294"/>
                    </a:lnTo>
                    <a:lnTo>
                      <a:pt x="1210" y="292"/>
                    </a:lnTo>
                    <a:lnTo>
                      <a:pt x="1212" y="290"/>
                    </a:lnTo>
                    <a:lnTo>
                      <a:pt x="1212" y="289"/>
                    </a:lnTo>
                    <a:lnTo>
                      <a:pt x="1212" y="287"/>
                    </a:lnTo>
                    <a:lnTo>
                      <a:pt x="1212" y="285"/>
                    </a:lnTo>
                    <a:lnTo>
                      <a:pt x="1214" y="285"/>
                    </a:lnTo>
                    <a:lnTo>
                      <a:pt x="1216" y="285"/>
                    </a:lnTo>
                    <a:lnTo>
                      <a:pt x="1218" y="283"/>
                    </a:lnTo>
                    <a:lnTo>
                      <a:pt x="1220" y="283"/>
                    </a:lnTo>
                    <a:lnTo>
                      <a:pt x="1220" y="281"/>
                    </a:lnTo>
                    <a:lnTo>
                      <a:pt x="1220" y="279"/>
                    </a:lnTo>
                    <a:lnTo>
                      <a:pt x="1220" y="277"/>
                    </a:lnTo>
                    <a:lnTo>
                      <a:pt x="1222" y="277"/>
                    </a:lnTo>
                    <a:lnTo>
                      <a:pt x="1222" y="276"/>
                    </a:lnTo>
                    <a:lnTo>
                      <a:pt x="1223" y="276"/>
                    </a:lnTo>
                    <a:lnTo>
                      <a:pt x="1223" y="274"/>
                    </a:lnTo>
                    <a:lnTo>
                      <a:pt x="1225" y="274"/>
                    </a:lnTo>
                    <a:lnTo>
                      <a:pt x="1225" y="272"/>
                    </a:lnTo>
                    <a:lnTo>
                      <a:pt x="1227" y="272"/>
                    </a:lnTo>
                    <a:lnTo>
                      <a:pt x="1227" y="270"/>
                    </a:lnTo>
                    <a:lnTo>
                      <a:pt x="1227" y="268"/>
                    </a:lnTo>
                    <a:lnTo>
                      <a:pt x="1227" y="266"/>
                    </a:lnTo>
                    <a:lnTo>
                      <a:pt x="1225" y="266"/>
                    </a:lnTo>
                    <a:lnTo>
                      <a:pt x="1223" y="264"/>
                    </a:lnTo>
                    <a:lnTo>
                      <a:pt x="1222" y="264"/>
                    </a:lnTo>
                    <a:lnTo>
                      <a:pt x="1222" y="263"/>
                    </a:lnTo>
                    <a:lnTo>
                      <a:pt x="1222" y="261"/>
                    </a:lnTo>
                    <a:lnTo>
                      <a:pt x="1220" y="261"/>
                    </a:lnTo>
                    <a:lnTo>
                      <a:pt x="1218" y="261"/>
                    </a:lnTo>
                    <a:lnTo>
                      <a:pt x="1216" y="261"/>
                    </a:lnTo>
                    <a:lnTo>
                      <a:pt x="1214" y="261"/>
                    </a:lnTo>
                    <a:lnTo>
                      <a:pt x="1212" y="261"/>
                    </a:lnTo>
                    <a:lnTo>
                      <a:pt x="1212" y="259"/>
                    </a:lnTo>
                    <a:lnTo>
                      <a:pt x="1210" y="257"/>
                    </a:lnTo>
                    <a:lnTo>
                      <a:pt x="1210" y="259"/>
                    </a:lnTo>
                    <a:lnTo>
                      <a:pt x="1209" y="259"/>
                    </a:lnTo>
                    <a:lnTo>
                      <a:pt x="1209" y="261"/>
                    </a:lnTo>
                    <a:lnTo>
                      <a:pt x="1207" y="261"/>
                    </a:lnTo>
                    <a:lnTo>
                      <a:pt x="1205" y="263"/>
                    </a:lnTo>
                    <a:lnTo>
                      <a:pt x="1205" y="264"/>
                    </a:lnTo>
                    <a:lnTo>
                      <a:pt x="1203" y="264"/>
                    </a:lnTo>
                    <a:lnTo>
                      <a:pt x="1205" y="266"/>
                    </a:lnTo>
                    <a:lnTo>
                      <a:pt x="1201" y="268"/>
                    </a:lnTo>
                    <a:lnTo>
                      <a:pt x="1201" y="270"/>
                    </a:lnTo>
                    <a:lnTo>
                      <a:pt x="1199" y="272"/>
                    </a:lnTo>
                    <a:lnTo>
                      <a:pt x="1194" y="268"/>
                    </a:lnTo>
                    <a:lnTo>
                      <a:pt x="1190" y="268"/>
                    </a:lnTo>
                    <a:lnTo>
                      <a:pt x="1190" y="266"/>
                    </a:lnTo>
                    <a:lnTo>
                      <a:pt x="1192" y="264"/>
                    </a:lnTo>
                    <a:lnTo>
                      <a:pt x="1194" y="263"/>
                    </a:lnTo>
                    <a:lnTo>
                      <a:pt x="1192" y="263"/>
                    </a:lnTo>
                    <a:lnTo>
                      <a:pt x="1194" y="261"/>
                    </a:lnTo>
                    <a:lnTo>
                      <a:pt x="1196" y="259"/>
                    </a:lnTo>
                    <a:lnTo>
                      <a:pt x="1196" y="257"/>
                    </a:lnTo>
                    <a:lnTo>
                      <a:pt x="1198" y="255"/>
                    </a:lnTo>
                    <a:lnTo>
                      <a:pt x="1198" y="253"/>
                    </a:lnTo>
                    <a:lnTo>
                      <a:pt x="1198" y="252"/>
                    </a:lnTo>
                    <a:lnTo>
                      <a:pt x="1196" y="250"/>
                    </a:lnTo>
                    <a:lnTo>
                      <a:pt x="1196" y="248"/>
                    </a:lnTo>
                    <a:lnTo>
                      <a:pt x="1196" y="246"/>
                    </a:lnTo>
                    <a:lnTo>
                      <a:pt x="1196" y="244"/>
                    </a:lnTo>
                    <a:lnTo>
                      <a:pt x="1198" y="244"/>
                    </a:lnTo>
                    <a:lnTo>
                      <a:pt x="1196" y="244"/>
                    </a:lnTo>
                    <a:lnTo>
                      <a:pt x="1198" y="244"/>
                    </a:lnTo>
                    <a:lnTo>
                      <a:pt x="1196" y="244"/>
                    </a:lnTo>
                    <a:lnTo>
                      <a:pt x="1194" y="242"/>
                    </a:lnTo>
                    <a:lnTo>
                      <a:pt x="1196" y="240"/>
                    </a:lnTo>
                    <a:lnTo>
                      <a:pt x="1196" y="239"/>
                    </a:lnTo>
                    <a:lnTo>
                      <a:pt x="1194" y="239"/>
                    </a:lnTo>
                    <a:lnTo>
                      <a:pt x="1194" y="237"/>
                    </a:lnTo>
                    <a:lnTo>
                      <a:pt x="1194" y="235"/>
                    </a:lnTo>
                    <a:lnTo>
                      <a:pt x="1192" y="235"/>
                    </a:lnTo>
                    <a:lnTo>
                      <a:pt x="1192" y="233"/>
                    </a:lnTo>
                    <a:lnTo>
                      <a:pt x="1190" y="231"/>
                    </a:lnTo>
                    <a:lnTo>
                      <a:pt x="1190" y="229"/>
                    </a:lnTo>
                    <a:lnTo>
                      <a:pt x="1190" y="227"/>
                    </a:lnTo>
                    <a:lnTo>
                      <a:pt x="1190" y="226"/>
                    </a:lnTo>
                    <a:lnTo>
                      <a:pt x="1190" y="224"/>
                    </a:lnTo>
                    <a:lnTo>
                      <a:pt x="1192" y="224"/>
                    </a:lnTo>
                    <a:lnTo>
                      <a:pt x="1192" y="222"/>
                    </a:lnTo>
                    <a:lnTo>
                      <a:pt x="1192" y="224"/>
                    </a:lnTo>
                    <a:lnTo>
                      <a:pt x="1192" y="222"/>
                    </a:lnTo>
                    <a:lnTo>
                      <a:pt x="1192" y="220"/>
                    </a:lnTo>
                    <a:lnTo>
                      <a:pt x="1194" y="220"/>
                    </a:lnTo>
                    <a:lnTo>
                      <a:pt x="1194" y="218"/>
                    </a:lnTo>
                    <a:lnTo>
                      <a:pt x="1194" y="216"/>
                    </a:lnTo>
                    <a:lnTo>
                      <a:pt x="1194" y="215"/>
                    </a:lnTo>
                    <a:lnTo>
                      <a:pt x="1194" y="213"/>
                    </a:lnTo>
                    <a:lnTo>
                      <a:pt x="1194" y="209"/>
                    </a:lnTo>
                    <a:lnTo>
                      <a:pt x="1196" y="205"/>
                    </a:lnTo>
                    <a:lnTo>
                      <a:pt x="1198" y="203"/>
                    </a:lnTo>
                    <a:lnTo>
                      <a:pt x="1198" y="202"/>
                    </a:lnTo>
                    <a:lnTo>
                      <a:pt x="1198" y="200"/>
                    </a:lnTo>
                    <a:lnTo>
                      <a:pt x="1199" y="200"/>
                    </a:lnTo>
                    <a:lnTo>
                      <a:pt x="1205" y="192"/>
                    </a:lnTo>
                    <a:lnTo>
                      <a:pt x="1210" y="183"/>
                    </a:lnTo>
                    <a:lnTo>
                      <a:pt x="1212" y="181"/>
                    </a:lnTo>
                    <a:lnTo>
                      <a:pt x="1227" y="170"/>
                    </a:lnTo>
                    <a:lnTo>
                      <a:pt x="1225" y="170"/>
                    </a:lnTo>
                    <a:lnTo>
                      <a:pt x="1223" y="166"/>
                    </a:lnTo>
                    <a:lnTo>
                      <a:pt x="1223" y="168"/>
                    </a:lnTo>
                    <a:lnTo>
                      <a:pt x="1222" y="168"/>
                    </a:lnTo>
                    <a:lnTo>
                      <a:pt x="1220" y="165"/>
                    </a:lnTo>
                    <a:lnTo>
                      <a:pt x="1220" y="161"/>
                    </a:lnTo>
                    <a:lnTo>
                      <a:pt x="1218" y="161"/>
                    </a:lnTo>
                    <a:lnTo>
                      <a:pt x="1218" y="157"/>
                    </a:lnTo>
                    <a:lnTo>
                      <a:pt x="1214" y="159"/>
                    </a:lnTo>
                    <a:lnTo>
                      <a:pt x="1214" y="155"/>
                    </a:lnTo>
                    <a:lnTo>
                      <a:pt x="1212" y="155"/>
                    </a:lnTo>
                    <a:lnTo>
                      <a:pt x="1210" y="154"/>
                    </a:lnTo>
                    <a:lnTo>
                      <a:pt x="1210" y="152"/>
                    </a:lnTo>
                    <a:lnTo>
                      <a:pt x="1209" y="152"/>
                    </a:lnTo>
                    <a:lnTo>
                      <a:pt x="1209" y="150"/>
                    </a:lnTo>
                    <a:lnTo>
                      <a:pt x="1207" y="150"/>
                    </a:lnTo>
                    <a:lnTo>
                      <a:pt x="1205" y="150"/>
                    </a:lnTo>
                    <a:lnTo>
                      <a:pt x="1205" y="148"/>
                    </a:lnTo>
                    <a:lnTo>
                      <a:pt x="1203" y="148"/>
                    </a:lnTo>
                    <a:lnTo>
                      <a:pt x="1203" y="146"/>
                    </a:lnTo>
                    <a:lnTo>
                      <a:pt x="1201" y="144"/>
                    </a:lnTo>
                    <a:lnTo>
                      <a:pt x="1199" y="146"/>
                    </a:lnTo>
                    <a:lnTo>
                      <a:pt x="1196" y="148"/>
                    </a:lnTo>
                    <a:lnTo>
                      <a:pt x="1194" y="148"/>
                    </a:lnTo>
                    <a:lnTo>
                      <a:pt x="1192" y="150"/>
                    </a:lnTo>
                    <a:lnTo>
                      <a:pt x="1190" y="150"/>
                    </a:lnTo>
                    <a:lnTo>
                      <a:pt x="1188" y="150"/>
                    </a:lnTo>
                    <a:lnTo>
                      <a:pt x="1186" y="152"/>
                    </a:lnTo>
                    <a:lnTo>
                      <a:pt x="1179" y="154"/>
                    </a:lnTo>
                    <a:lnTo>
                      <a:pt x="1177" y="152"/>
                    </a:lnTo>
                    <a:lnTo>
                      <a:pt x="1175" y="152"/>
                    </a:lnTo>
                    <a:lnTo>
                      <a:pt x="1175" y="150"/>
                    </a:lnTo>
                    <a:lnTo>
                      <a:pt x="1175" y="148"/>
                    </a:lnTo>
                    <a:lnTo>
                      <a:pt x="1173" y="148"/>
                    </a:lnTo>
                    <a:lnTo>
                      <a:pt x="1172" y="146"/>
                    </a:lnTo>
                    <a:lnTo>
                      <a:pt x="1173" y="146"/>
                    </a:lnTo>
                    <a:lnTo>
                      <a:pt x="1175" y="146"/>
                    </a:lnTo>
                    <a:lnTo>
                      <a:pt x="1177" y="146"/>
                    </a:lnTo>
                    <a:lnTo>
                      <a:pt x="1177" y="144"/>
                    </a:lnTo>
                    <a:lnTo>
                      <a:pt x="1179" y="144"/>
                    </a:lnTo>
                    <a:lnTo>
                      <a:pt x="1181" y="144"/>
                    </a:lnTo>
                    <a:lnTo>
                      <a:pt x="1181" y="142"/>
                    </a:lnTo>
                    <a:lnTo>
                      <a:pt x="1185" y="142"/>
                    </a:lnTo>
                    <a:lnTo>
                      <a:pt x="1185" y="144"/>
                    </a:lnTo>
                    <a:lnTo>
                      <a:pt x="1186" y="142"/>
                    </a:lnTo>
                    <a:lnTo>
                      <a:pt x="1188" y="142"/>
                    </a:lnTo>
                    <a:lnTo>
                      <a:pt x="1190" y="141"/>
                    </a:lnTo>
                    <a:lnTo>
                      <a:pt x="1190" y="139"/>
                    </a:lnTo>
                    <a:lnTo>
                      <a:pt x="1192" y="139"/>
                    </a:lnTo>
                    <a:lnTo>
                      <a:pt x="1194" y="139"/>
                    </a:lnTo>
                    <a:lnTo>
                      <a:pt x="1198" y="137"/>
                    </a:lnTo>
                    <a:lnTo>
                      <a:pt x="1199" y="142"/>
                    </a:lnTo>
                    <a:lnTo>
                      <a:pt x="1203" y="141"/>
                    </a:lnTo>
                    <a:lnTo>
                      <a:pt x="1207" y="139"/>
                    </a:lnTo>
                    <a:lnTo>
                      <a:pt x="1207" y="137"/>
                    </a:lnTo>
                    <a:lnTo>
                      <a:pt x="1209" y="137"/>
                    </a:lnTo>
                    <a:lnTo>
                      <a:pt x="1210" y="135"/>
                    </a:lnTo>
                    <a:lnTo>
                      <a:pt x="1214" y="133"/>
                    </a:lnTo>
                    <a:lnTo>
                      <a:pt x="1201" y="118"/>
                    </a:lnTo>
                    <a:lnTo>
                      <a:pt x="1199" y="117"/>
                    </a:lnTo>
                    <a:lnTo>
                      <a:pt x="1199" y="115"/>
                    </a:lnTo>
                    <a:lnTo>
                      <a:pt x="1196" y="118"/>
                    </a:lnTo>
                    <a:lnTo>
                      <a:pt x="1194" y="118"/>
                    </a:lnTo>
                    <a:lnTo>
                      <a:pt x="1192" y="115"/>
                    </a:lnTo>
                    <a:lnTo>
                      <a:pt x="1188" y="117"/>
                    </a:lnTo>
                    <a:lnTo>
                      <a:pt x="1186" y="111"/>
                    </a:lnTo>
                    <a:lnTo>
                      <a:pt x="1185" y="113"/>
                    </a:lnTo>
                    <a:lnTo>
                      <a:pt x="1183" y="109"/>
                    </a:lnTo>
                    <a:lnTo>
                      <a:pt x="1181" y="111"/>
                    </a:lnTo>
                    <a:lnTo>
                      <a:pt x="1181" y="107"/>
                    </a:lnTo>
                    <a:lnTo>
                      <a:pt x="1181" y="109"/>
                    </a:lnTo>
                    <a:lnTo>
                      <a:pt x="1179" y="109"/>
                    </a:lnTo>
                    <a:lnTo>
                      <a:pt x="1177" y="105"/>
                    </a:lnTo>
                    <a:lnTo>
                      <a:pt x="1172" y="102"/>
                    </a:lnTo>
                    <a:lnTo>
                      <a:pt x="1137" y="55"/>
                    </a:lnTo>
                    <a:lnTo>
                      <a:pt x="1179" y="24"/>
                    </a:lnTo>
                    <a:lnTo>
                      <a:pt x="1214" y="65"/>
                    </a:lnTo>
                    <a:lnTo>
                      <a:pt x="1218" y="68"/>
                    </a:lnTo>
                    <a:lnTo>
                      <a:pt x="1222" y="72"/>
                    </a:lnTo>
                    <a:lnTo>
                      <a:pt x="1222" y="74"/>
                    </a:lnTo>
                    <a:lnTo>
                      <a:pt x="1223" y="74"/>
                    </a:lnTo>
                    <a:lnTo>
                      <a:pt x="1225" y="74"/>
                    </a:lnTo>
                    <a:lnTo>
                      <a:pt x="1225" y="76"/>
                    </a:lnTo>
                    <a:lnTo>
                      <a:pt x="1227" y="76"/>
                    </a:lnTo>
                    <a:lnTo>
                      <a:pt x="1227" y="78"/>
                    </a:lnTo>
                    <a:lnTo>
                      <a:pt x="1225" y="78"/>
                    </a:lnTo>
                    <a:lnTo>
                      <a:pt x="1227" y="78"/>
                    </a:lnTo>
                    <a:lnTo>
                      <a:pt x="1225" y="78"/>
                    </a:lnTo>
                    <a:lnTo>
                      <a:pt x="1225" y="80"/>
                    </a:lnTo>
                    <a:lnTo>
                      <a:pt x="1223" y="80"/>
                    </a:lnTo>
                    <a:lnTo>
                      <a:pt x="1223" y="81"/>
                    </a:lnTo>
                    <a:lnTo>
                      <a:pt x="1223" y="80"/>
                    </a:lnTo>
                    <a:lnTo>
                      <a:pt x="1223" y="81"/>
                    </a:lnTo>
                    <a:lnTo>
                      <a:pt x="1222" y="81"/>
                    </a:lnTo>
                    <a:lnTo>
                      <a:pt x="1222" y="83"/>
                    </a:lnTo>
                    <a:lnTo>
                      <a:pt x="1220" y="83"/>
                    </a:lnTo>
                    <a:lnTo>
                      <a:pt x="1218" y="85"/>
                    </a:lnTo>
                    <a:lnTo>
                      <a:pt x="1218" y="87"/>
                    </a:lnTo>
                    <a:lnTo>
                      <a:pt x="1218" y="89"/>
                    </a:lnTo>
                    <a:lnTo>
                      <a:pt x="1220" y="89"/>
                    </a:lnTo>
                    <a:lnTo>
                      <a:pt x="1220" y="91"/>
                    </a:lnTo>
                    <a:lnTo>
                      <a:pt x="1220" y="89"/>
                    </a:lnTo>
                    <a:lnTo>
                      <a:pt x="1220" y="91"/>
                    </a:lnTo>
                    <a:lnTo>
                      <a:pt x="1222" y="91"/>
                    </a:lnTo>
                    <a:lnTo>
                      <a:pt x="1223" y="91"/>
                    </a:lnTo>
                    <a:lnTo>
                      <a:pt x="1223" y="89"/>
                    </a:lnTo>
                    <a:lnTo>
                      <a:pt x="1225" y="89"/>
                    </a:lnTo>
                    <a:lnTo>
                      <a:pt x="1225" y="91"/>
                    </a:lnTo>
                    <a:lnTo>
                      <a:pt x="1227" y="91"/>
                    </a:lnTo>
                    <a:lnTo>
                      <a:pt x="1229" y="91"/>
                    </a:lnTo>
                    <a:lnTo>
                      <a:pt x="1231" y="91"/>
                    </a:lnTo>
                    <a:lnTo>
                      <a:pt x="1231" y="92"/>
                    </a:lnTo>
                    <a:lnTo>
                      <a:pt x="1233" y="94"/>
                    </a:lnTo>
                    <a:lnTo>
                      <a:pt x="1234" y="98"/>
                    </a:lnTo>
                    <a:lnTo>
                      <a:pt x="1238" y="96"/>
                    </a:lnTo>
                    <a:lnTo>
                      <a:pt x="1240" y="100"/>
                    </a:lnTo>
                    <a:lnTo>
                      <a:pt x="1238" y="102"/>
                    </a:lnTo>
                    <a:lnTo>
                      <a:pt x="1240" y="104"/>
                    </a:lnTo>
                    <a:lnTo>
                      <a:pt x="1242" y="104"/>
                    </a:lnTo>
                    <a:lnTo>
                      <a:pt x="1242" y="105"/>
                    </a:lnTo>
                    <a:lnTo>
                      <a:pt x="1244" y="105"/>
                    </a:lnTo>
                    <a:lnTo>
                      <a:pt x="1242" y="107"/>
                    </a:lnTo>
                    <a:lnTo>
                      <a:pt x="1244" y="109"/>
                    </a:lnTo>
                    <a:lnTo>
                      <a:pt x="1246" y="109"/>
                    </a:lnTo>
                    <a:lnTo>
                      <a:pt x="1247" y="111"/>
                    </a:lnTo>
                    <a:lnTo>
                      <a:pt x="1249" y="111"/>
                    </a:lnTo>
                    <a:lnTo>
                      <a:pt x="1249" y="113"/>
                    </a:lnTo>
                    <a:lnTo>
                      <a:pt x="1249" y="115"/>
                    </a:lnTo>
                    <a:lnTo>
                      <a:pt x="1251" y="115"/>
                    </a:lnTo>
                    <a:lnTo>
                      <a:pt x="1249" y="115"/>
                    </a:lnTo>
                    <a:lnTo>
                      <a:pt x="1251" y="117"/>
                    </a:lnTo>
                    <a:lnTo>
                      <a:pt x="1251" y="118"/>
                    </a:lnTo>
                    <a:lnTo>
                      <a:pt x="1253" y="118"/>
                    </a:lnTo>
                    <a:lnTo>
                      <a:pt x="1253" y="120"/>
                    </a:lnTo>
                    <a:lnTo>
                      <a:pt x="1255" y="120"/>
                    </a:lnTo>
                    <a:lnTo>
                      <a:pt x="1257" y="120"/>
                    </a:lnTo>
                    <a:lnTo>
                      <a:pt x="1257" y="122"/>
                    </a:lnTo>
                    <a:lnTo>
                      <a:pt x="1255" y="122"/>
                    </a:lnTo>
                    <a:lnTo>
                      <a:pt x="1257" y="122"/>
                    </a:lnTo>
                    <a:lnTo>
                      <a:pt x="1257" y="124"/>
                    </a:lnTo>
                    <a:lnTo>
                      <a:pt x="1255" y="126"/>
                    </a:lnTo>
                    <a:lnTo>
                      <a:pt x="1255" y="128"/>
                    </a:lnTo>
                    <a:lnTo>
                      <a:pt x="1257" y="126"/>
                    </a:lnTo>
                    <a:lnTo>
                      <a:pt x="1257" y="128"/>
                    </a:lnTo>
                    <a:lnTo>
                      <a:pt x="1259" y="126"/>
                    </a:lnTo>
                    <a:lnTo>
                      <a:pt x="1260" y="128"/>
                    </a:lnTo>
                    <a:lnTo>
                      <a:pt x="1260" y="129"/>
                    </a:lnTo>
                    <a:lnTo>
                      <a:pt x="1262" y="133"/>
                    </a:lnTo>
                    <a:lnTo>
                      <a:pt x="1264" y="133"/>
                    </a:lnTo>
                    <a:lnTo>
                      <a:pt x="1264" y="135"/>
                    </a:lnTo>
                    <a:lnTo>
                      <a:pt x="1268" y="133"/>
                    </a:lnTo>
                    <a:lnTo>
                      <a:pt x="1271" y="141"/>
                    </a:lnTo>
                    <a:lnTo>
                      <a:pt x="1275" y="146"/>
                    </a:lnTo>
                    <a:lnTo>
                      <a:pt x="1281" y="142"/>
                    </a:lnTo>
                    <a:lnTo>
                      <a:pt x="1277" y="137"/>
                    </a:lnTo>
                    <a:lnTo>
                      <a:pt x="1275" y="131"/>
                    </a:lnTo>
                    <a:lnTo>
                      <a:pt x="1273" y="131"/>
                    </a:lnTo>
                    <a:lnTo>
                      <a:pt x="1273" y="129"/>
                    </a:lnTo>
                    <a:lnTo>
                      <a:pt x="1275" y="129"/>
                    </a:lnTo>
                    <a:lnTo>
                      <a:pt x="1271" y="122"/>
                    </a:lnTo>
                    <a:lnTo>
                      <a:pt x="1270" y="122"/>
                    </a:lnTo>
                    <a:lnTo>
                      <a:pt x="1268" y="122"/>
                    </a:lnTo>
                    <a:lnTo>
                      <a:pt x="1268" y="120"/>
                    </a:lnTo>
                    <a:lnTo>
                      <a:pt x="1266" y="120"/>
                    </a:lnTo>
                    <a:lnTo>
                      <a:pt x="1266" y="118"/>
                    </a:lnTo>
                    <a:lnTo>
                      <a:pt x="1268" y="118"/>
                    </a:lnTo>
                    <a:lnTo>
                      <a:pt x="1266" y="113"/>
                    </a:lnTo>
                    <a:lnTo>
                      <a:pt x="1268" y="111"/>
                    </a:lnTo>
                    <a:lnTo>
                      <a:pt x="1270" y="111"/>
                    </a:lnTo>
                    <a:lnTo>
                      <a:pt x="1270" y="109"/>
                    </a:lnTo>
                    <a:lnTo>
                      <a:pt x="1271" y="109"/>
                    </a:lnTo>
                    <a:lnTo>
                      <a:pt x="1271" y="111"/>
                    </a:lnTo>
                    <a:lnTo>
                      <a:pt x="1273" y="111"/>
                    </a:lnTo>
                    <a:lnTo>
                      <a:pt x="1277" y="109"/>
                    </a:lnTo>
                    <a:lnTo>
                      <a:pt x="1283" y="105"/>
                    </a:lnTo>
                    <a:lnTo>
                      <a:pt x="1283" y="104"/>
                    </a:lnTo>
                    <a:lnTo>
                      <a:pt x="1286" y="102"/>
                    </a:lnTo>
                    <a:lnTo>
                      <a:pt x="1288" y="104"/>
                    </a:lnTo>
                    <a:lnTo>
                      <a:pt x="1288" y="105"/>
                    </a:lnTo>
                    <a:lnTo>
                      <a:pt x="1290" y="105"/>
                    </a:lnTo>
                    <a:lnTo>
                      <a:pt x="1290" y="107"/>
                    </a:lnTo>
                    <a:lnTo>
                      <a:pt x="1290" y="109"/>
                    </a:lnTo>
                    <a:lnTo>
                      <a:pt x="1292" y="107"/>
                    </a:lnTo>
                    <a:lnTo>
                      <a:pt x="1294" y="111"/>
                    </a:lnTo>
                    <a:lnTo>
                      <a:pt x="1296" y="113"/>
                    </a:lnTo>
                    <a:lnTo>
                      <a:pt x="1297" y="113"/>
                    </a:lnTo>
                    <a:lnTo>
                      <a:pt x="1299" y="117"/>
                    </a:lnTo>
                    <a:lnTo>
                      <a:pt x="1299" y="118"/>
                    </a:lnTo>
                    <a:lnTo>
                      <a:pt x="1301" y="120"/>
                    </a:lnTo>
                    <a:lnTo>
                      <a:pt x="1303" y="120"/>
                    </a:lnTo>
                    <a:lnTo>
                      <a:pt x="1303" y="122"/>
                    </a:lnTo>
                    <a:lnTo>
                      <a:pt x="1305" y="124"/>
                    </a:lnTo>
                    <a:lnTo>
                      <a:pt x="1307" y="128"/>
                    </a:lnTo>
                    <a:lnTo>
                      <a:pt x="1308" y="129"/>
                    </a:lnTo>
                    <a:lnTo>
                      <a:pt x="1307" y="133"/>
                    </a:lnTo>
                    <a:lnTo>
                      <a:pt x="1305" y="135"/>
                    </a:lnTo>
                    <a:lnTo>
                      <a:pt x="1301" y="141"/>
                    </a:lnTo>
                    <a:lnTo>
                      <a:pt x="1299" y="141"/>
                    </a:lnTo>
                    <a:lnTo>
                      <a:pt x="1299" y="142"/>
                    </a:lnTo>
                    <a:lnTo>
                      <a:pt x="1297" y="142"/>
                    </a:lnTo>
                    <a:lnTo>
                      <a:pt x="1296" y="144"/>
                    </a:lnTo>
                    <a:lnTo>
                      <a:pt x="1294" y="146"/>
                    </a:lnTo>
                    <a:lnTo>
                      <a:pt x="1292" y="157"/>
                    </a:lnTo>
                    <a:lnTo>
                      <a:pt x="1296" y="161"/>
                    </a:lnTo>
                    <a:lnTo>
                      <a:pt x="1292" y="168"/>
                    </a:lnTo>
                    <a:lnTo>
                      <a:pt x="1294" y="172"/>
                    </a:lnTo>
                    <a:lnTo>
                      <a:pt x="1292" y="174"/>
                    </a:lnTo>
                    <a:lnTo>
                      <a:pt x="1292" y="176"/>
                    </a:lnTo>
                    <a:lnTo>
                      <a:pt x="1292" y="178"/>
                    </a:lnTo>
                    <a:lnTo>
                      <a:pt x="1294" y="178"/>
                    </a:lnTo>
                    <a:lnTo>
                      <a:pt x="1296" y="181"/>
                    </a:lnTo>
                    <a:lnTo>
                      <a:pt x="1294" y="185"/>
                    </a:lnTo>
                    <a:lnTo>
                      <a:pt x="1296" y="185"/>
                    </a:lnTo>
                    <a:lnTo>
                      <a:pt x="1297" y="185"/>
                    </a:lnTo>
                    <a:lnTo>
                      <a:pt x="1297" y="187"/>
                    </a:lnTo>
                    <a:lnTo>
                      <a:pt x="1297" y="185"/>
                    </a:lnTo>
                    <a:lnTo>
                      <a:pt x="1299" y="185"/>
                    </a:lnTo>
                    <a:lnTo>
                      <a:pt x="1299" y="187"/>
                    </a:lnTo>
                    <a:lnTo>
                      <a:pt x="1299" y="185"/>
                    </a:lnTo>
                    <a:lnTo>
                      <a:pt x="1301" y="185"/>
                    </a:lnTo>
                    <a:lnTo>
                      <a:pt x="1303" y="187"/>
                    </a:lnTo>
                    <a:lnTo>
                      <a:pt x="1305" y="189"/>
                    </a:lnTo>
                    <a:lnTo>
                      <a:pt x="1305" y="190"/>
                    </a:lnTo>
                    <a:lnTo>
                      <a:pt x="1307" y="189"/>
                    </a:lnTo>
                    <a:lnTo>
                      <a:pt x="1307" y="190"/>
                    </a:lnTo>
                    <a:lnTo>
                      <a:pt x="1305" y="192"/>
                    </a:lnTo>
                    <a:lnTo>
                      <a:pt x="1307" y="192"/>
                    </a:lnTo>
                    <a:lnTo>
                      <a:pt x="1307" y="194"/>
                    </a:lnTo>
                    <a:lnTo>
                      <a:pt x="1303" y="198"/>
                    </a:lnTo>
                    <a:lnTo>
                      <a:pt x="1301" y="196"/>
                    </a:lnTo>
                    <a:lnTo>
                      <a:pt x="1299" y="198"/>
                    </a:lnTo>
                    <a:lnTo>
                      <a:pt x="1305" y="203"/>
                    </a:lnTo>
                    <a:lnTo>
                      <a:pt x="1303" y="203"/>
                    </a:lnTo>
                    <a:lnTo>
                      <a:pt x="1305" y="203"/>
                    </a:lnTo>
                    <a:lnTo>
                      <a:pt x="1305" y="205"/>
                    </a:lnTo>
                    <a:lnTo>
                      <a:pt x="1305" y="207"/>
                    </a:lnTo>
                    <a:lnTo>
                      <a:pt x="1303" y="207"/>
                    </a:lnTo>
                    <a:lnTo>
                      <a:pt x="1303" y="209"/>
                    </a:lnTo>
                    <a:lnTo>
                      <a:pt x="1305" y="209"/>
                    </a:lnTo>
                    <a:lnTo>
                      <a:pt x="1307" y="211"/>
                    </a:lnTo>
                    <a:lnTo>
                      <a:pt x="1308" y="211"/>
                    </a:lnTo>
                    <a:lnTo>
                      <a:pt x="1310" y="211"/>
                    </a:lnTo>
                    <a:lnTo>
                      <a:pt x="1310" y="213"/>
                    </a:lnTo>
                    <a:lnTo>
                      <a:pt x="1312" y="213"/>
                    </a:lnTo>
                    <a:lnTo>
                      <a:pt x="1314" y="215"/>
                    </a:lnTo>
                    <a:lnTo>
                      <a:pt x="1312" y="215"/>
                    </a:lnTo>
                    <a:lnTo>
                      <a:pt x="1312" y="216"/>
                    </a:lnTo>
                    <a:lnTo>
                      <a:pt x="1312" y="218"/>
                    </a:lnTo>
                    <a:lnTo>
                      <a:pt x="1310" y="220"/>
                    </a:lnTo>
                    <a:lnTo>
                      <a:pt x="1308" y="222"/>
                    </a:lnTo>
                    <a:lnTo>
                      <a:pt x="1308" y="224"/>
                    </a:lnTo>
                    <a:lnTo>
                      <a:pt x="1308" y="226"/>
                    </a:lnTo>
                    <a:lnTo>
                      <a:pt x="1307" y="227"/>
                    </a:lnTo>
                    <a:lnTo>
                      <a:pt x="1307" y="229"/>
                    </a:lnTo>
                    <a:lnTo>
                      <a:pt x="1305" y="229"/>
                    </a:lnTo>
                    <a:lnTo>
                      <a:pt x="1305" y="231"/>
                    </a:lnTo>
                    <a:lnTo>
                      <a:pt x="1303" y="231"/>
                    </a:lnTo>
                    <a:lnTo>
                      <a:pt x="1303" y="233"/>
                    </a:lnTo>
                    <a:lnTo>
                      <a:pt x="1303" y="235"/>
                    </a:lnTo>
                    <a:lnTo>
                      <a:pt x="1301" y="235"/>
                    </a:lnTo>
                    <a:lnTo>
                      <a:pt x="1299" y="235"/>
                    </a:lnTo>
                    <a:lnTo>
                      <a:pt x="1297" y="235"/>
                    </a:lnTo>
                    <a:lnTo>
                      <a:pt x="1297" y="233"/>
                    </a:lnTo>
                    <a:lnTo>
                      <a:pt x="1296" y="233"/>
                    </a:lnTo>
                    <a:lnTo>
                      <a:pt x="1294" y="233"/>
                    </a:lnTo>
                    <a:lnTo>
                      <a:pt x="1292" y="233"/>
                    </a:lnTo>
                    <a:lnTo>
                      <a:pt x="1290" y="233"/>
                    </a:lnTo>
                    <a:lnTo>
                      <a:pt x="1288" y="233"/>
                    </a:lnTo>
                    <a:lnTo>
                      <a:pt x="1286" y="233"/>
                    </a:lnTo>
                    <a:lnTo>
                      <a:pt x="1286" y="231"/>
                    </a:lnTo>
                    <a:lnTo>
                      <a:pt x="1286" y="229"/>
                    </a:lnTo>
                    <a:lnTo>
                      <a:pt x="1284" y="229"/>
                    </a:lnTo>
                    <a:lnTo>
                      <a:pt x="1284" y="231"/>
                    </a:lnTo>
                    <a:lnTo>
                      <a:pt x="1283" y="231"/>
                    </a:lnTo>
                    <a:lnTo>
                      <a:pt x="1283" y="229"/>
                    </a:lnTo>
                    <a:lnTo>
                      <a:pt x="1281" y="229"/>
                    </a:lnTo>
                    <a:lnTo>
                      <a:pt x="1281" y="227"/>
                    </a:lnTo>
                    <a:lnTo>
                      <a:pt x="1279" y="226"/>
                    </a:lnTo>
                    <a:lnTo>
                      <a:pt x="1279" y="224"/>
                    </a:lnTo>
                    <a:lnTo>
                      <a:pt x="1277" y="224"/>
                    </a:lnTo>
                    <a:lnTo>
                      <a:pt x="1275" y="224"/>
                    </a:lnTo>
                    <a:lnTo>
                      <a:pt x="1275" y="222"/>
                    </a:lnTo>
                    <a:lnTo>
                      <a:pt x="1271" y="226"/>
                    </a:lnTo>
                    <a:lnTo>
                      <a:pt x="1270" y="229"/>
                    </a:lnTo>
                    <a:lnTo>
                      <a:pt x="1268" y="231"/>
                    </a:lnTo>
                    <a:lnTo>
                      <a:pt x="1268" y="235"/>
                    </a:lnTo>
                    <a:lnTo>
                      <a:pt x="1266" y="237"/>
                    </a:lnTo>
                    <a:lnTo>
                      <a:pt x="1266" y="239"/>
                    </a:lnTo>
                    <a:lnTo>
                      <a:pt x="1264" y="240"/>
                    </a:lnTo>
                    <a:lnTo>
                      <a:pt x="1264" y="242"/>
                    </a:lnTo>
                    <a:lnTo>
                      <a:pt x="1266" y="242"/>
                    </a:lnTo>
                    <a:lnTo>
                      <a:pt x="1268" y="244"/>
                    </a:lnTo>
                    <a:lnTo>
                      <a:pt x="1266" y="244"/>
                    </a:lnTo>
                    <a:lnTo>
                      <a:pt x="1264" y="246"/>
                    </a:lnTo>
                    <a:lnTo>
                      <a:pt x="1262" y="248"/>
                    </a:lnTo>
                    <a:lnTo>
                      <a:pt x="1262" y="250"/>
                    </a:lnTo>
                    <a:lnTo>
                      <a:pt x="1262" y="252"/>
                    </a:lnTo>
                    <a:lnTo>
                      <a:pt x="1264" y="252"/>
                    </a:lnTo>
                    <a:lnTo>
                      <a:pt x="1264" y="253"/>
                    </a:lnTo>
                    <a:lnTo>
                      <a:pt x="1266" y="255"/>
                    </a:lnTo>
                    <a:lnTo>
                      <a:pt x="1264" y="257"/>
                    </a:lnTo>
                    <a:lnTo>
                      <a:pt x="1266" y="259"/>
                    </a:lnTo>
                    <a:lnTo>
                      <a:pt x="1266" y="261"/>
                    </a:lnTo>
                    <a:lnTo>
                      <a:pt x="1268" y="261"/>
                    </a:lnTo>
                    <a:lnTo>
                      <a:pt x="1268" y="263"/>
                    </a:lnTo>
                    <a:lnTo>
                      <a:pt x="1270" y="264"/>
                    </a:lnTo>
                    <a:lnTo>
                      <a:pt x="1271" y="264"/>
                    </a:lnTo>
                    <a:lnTo>
                      <a:pt x="1271" y="266"/>
                    </a:lnTo>
                    <a:lnTo>
                      <a:pt x="1273" y="268"/>
                    </a:lnTo>
                    <a:lnTo>
                      <a:pt x="1271" y="270"/>
                    </a:lnTo>
                    <a:lnTo>
                      <a:pt x="1271" y="272"/>
                    </a:lnTo>
                    <a:lnTo>
                      <a:pt x="1273" y="272"/>
                    </a:lnTo>
                    <a:lnTo>
                      <a:pt x="1275" y="274"/>
                    </a:lnTo>
                    <a:lnTo>
                      <a:pt x="1277" y="274"/>
                    </a:lnTo>
                    <a:lnTo>
                      <a:pt x="1275" y="276"/>
                    </a:lnTo>
                    <a:lnTo>
                      <a:pt x="1275" y="277"/>
                    </a:lnTo>
                    <a:lnTo>
                      <a:pt x="1273" y="277"/>
                    </a:lnTo>
                    <a:lnTo>
                      <a:pt x="1271" y="279"/>
                    </a:lnTo>
                    <a:lnTo>
                      <a:pt x="1270" y="281"/>
                    </a:lnTo>
                    <a:lnTo>
                      <a:pt x="1270" y="283"/>
                    </a:lnTo>
                    <a:lnTo>
                      <a:pt x="1268" y="285"/>
                    </a:lnTo>
                    <a:lnTo>
                      <a:pt x="1266" y="287"/>
                    </a:lnTo>
                    <a:lnTo>
                      <a:pt x="1264" y="289"/>
                    </a:lnTo>
                    <a:lnTo>
                      <a:pt x="1264" y="290"/>
                    </a:lnTo>
                    <a:lnTo>
                      <a:pt x="1262" y="290"/>
                    </a:lnTo>
                    <a:lnTo>
                      <a:pt x="1262" y="292"/>
                    </a:lnTo>
                    <a:lnTo>
                      <a:pt x="1260" y="292"/>
                    </a:lnTo>
                    <a:lnTo>
                      <a:pt x="1262" y="294"/>
                    </a:lnTo>
                    <a:lnTo>
                      <a:pt x="1262" y="296"/>
                    </a:lnTo>
                    <a:lnTo>
                      <a:pt x="1262" y="298"/>
                    </a:lnTo>
                    <a:lnTo>
                      <a:pt x="1262" y="300"/>
                    </a:lnTo>
                    <a:lnTo>
                      <a:pt x="1264" y="300"/>
                    </a:lnTo>
                    <a:lnTo>
                      <a:pt x="1262" y="300"/>
                    </a:lnTo>
                    <a:lnTo>
                      <a:pt x="1262" y="301"/>
                    </a:lnTo>
                    <a:lnTo>
                      <a:pt x="1262" y="303"/>
                    </a:lnTo>
                    <a:lnTo>
                      <a:pt x="1264" y="303"/>
                    </a:lnTo>
                    <a:lnTo>
                      <a:pt x="1262" y="303"/>
                    </a:lnTo>
                    <a:lnTo>
                      <a:pt x="1262" y="305"/>
                    </a:lnTo>
                    <a:lnTo>
                      <a:pt x="1260" y="305"/>
                    </a:lnTo>
                    <a:lnTo>
                      <a:pt x="1260" y="307"/>
                    </a:lnTo>
                    <a:lnTo>
                      <a:pt x="1259" y="307"/>
                    </a:lnTo>
                    <a:lnTo>
                      <a:pt x="1257" y="309"/>
                    </a:lnTo>
                    <a:lnTo>
                      <a:pt x="1255" y="309"/>
                    </a:lnTo>
                    <a:lnTo>
                      <a:pt x="1255" y="311"/>
                    </a:lnTo>
                    <a:lnTo>
                      <a:pt x="1253" y="313"/>
                    </a:lnTo>
                    <a:lnTo>
                      <a:pt x="1253" y="314"/>
                    </a:lnTo>
                    <a:lnTo>
                      <a:pt x="1251" y="314"/>
                    </a:lnTo>
                    <a:lnTo>
                      <a:pt x="1249" y="314"/>
                    </a:lnTo>
                    <a:lnTo>
                      <a:pt x="1249" y="313"/>
                    </a:lnTo>
                    <a:lnTo>
                      <a:pt x="1247" y="313"/>
                    </a:lnTo>
                    <a:lnTo>
                      <a:pt x="1247" y="311"/>
                    </a:lnTo>
                    <a:lnTo>
                      <a:pt x="1246" y="311"/>
                    </a:lnTo>
                    <a:lnTo>
                      <a:pt x="1246" y="313"/>
                    </a:lnTo>
                    <a:lnTo>
                      <a:pt x="1244" y="313"/>
                    </a:lnTo>
                    <a:lnTo>
                      <a:pt x="1244" y="311"/>
                    </a:lnTo>
                    <a:lnTo>
                      <a:pt x="1242" y="313"/>
                    </a:lnTo>
                    <a:lnTo>
                      <a:pt x="1240" y="314"/>
                    </a:lnTo>
                    <a:lnTo>
                      <a:pt x="1240" y="316"/>
                    </a:lnTo>
                    <a:lnTo>
                      <a:pt x="1238" y="316"/>
                    </a:lnTo>
                    <a:lnTo>
                      <a:pt x="1238" y="318"/>
                    </a:lnTo>
                    <a:lnTo>
                      <a:pt x="1236" y="318"/>
                    </a:lnTo>
                    <a:lnTo>
                      <a:pt x="1236" y="316"/>
                    </a:lnTo>
                    <a:lnTo>
                      <a:pt x="1236" y="318"/>
                    </a:lnTo>
                    <a:lnTo>
                      <a:pt x="1236" y="320"/>
                    </a:lnTo>
                    <a:lnTo>
                      <a:pt x="1234" y="322"/>
                    </a:lnTo>
                    <a:lnTo>
                      <a:pt x="1234" y="324"/>
                    </a:lnTo>
                    <a:lnTo>
                      <a:pt x="1233" y="326"/>
                    </a:lnTo>
                    <a:lnTo>
                      <a:pt x="1231" y="327"/>
                    </a:lnTo>
                    <a:lnTo>
                      <a:pt x="1229" y="327"/>
                    </a:lnTo>
                    <a:lnTo>
                      <a:pt x="1229" y="326"/>
                    </a:lnTo>
                    <a:lnTo>
                      <a:pt x="1229" y="327"/>
                    </a:lnTo>
                    <a:lnTo>
                      <a:pt x="1227" y="327"/>
                    </a:lnTo>
                    <a:lnTo>
                      <a:pt x="1227" y="329"/>
                    </a:lnTo>
                    <a:lnTo>
                      <a:pt x="1229" y="331"/>
                    </a:lnTo>
                    <a:lnTo>
                      <a:pt x="1227" y="335"/>
                    </a:lnTo>
                    <a:lnTo>
                      <a:pt x="1229" y="337"/>
                    </a:lnTo>
                    <a:lnTo>
                      <a:pt x="1231" y="335"/>
                    </a:lnTo>
                    <a:lnTo>
                      <a:pt x="1231" y="337"/>
                    </a:lnTo>
                    <a:lnTo>
                      <a:pt x="1233" y="337"/>
                    </a:lnTo>
                    <a:lnTo>
                      <a:pt x="1231" y="338"/>
                    </a:lnTo>
                    <a:lnTo>
                      <a:pt x="1229" y="338"/>
                    </a:lnTo>
                    <a:lnTo>
                      <a:pt x="1227" y="340"/>
                    </a:lnTo>
                    <a:lnTo>
                      <a:pt x="1225" y="342"/>
                    </a:lnTo>
                    <a:lnTo>
                      <a:pt x="1225" y="344"/>
                    </a:lnTo>
                    <a:lnTo>
                      <a:pt x="1223" y="344"/>
                    </a:lnTo>
                    <a:lnTo>
                      <a:pt x="1223" y="346"/>
                    </a:lnTo>
                    <a:lnTo>
                      <a:pt x="1222" y="346"/>
                    </a:lnTo>
                    <a:lnTo>
                      <a:pt x="1222" y="348"/>
                    </a:lnTo>
                    <a:lnTo>
                      <a:pt x="1220" y="350"/>
                    </a:lnTo>
                    <a:lnTo>
                      <a:pt x="1220" y="351"/>
                    </a:lnTo>
                    <a:lnTo>
                      <a:pt x="1218" y="353"/>
                    </a:lnTo>
                    <a:lnTo>
                      <a:pt x="1216" y="353"/>
                    </a:lnTo>
                    <a:lnTo>
                      <a:pt x="1214" y="357"/>
                    </a:lnTo>
                    <a:lnTo>
                      <a:pt x="1210" y="361"/>
                    </a:lnTo>
                    <a:lnTo>
                      <a:pt x="1207" y="359"/>
                    </a:lnTo>
                    <a:lnTo>
                      <a:pt x="1209" y="357"/>
                    </a:lnTo>
                    <a:lnTo>
                      <a:pt x="1207" y="357"/>
                    </a:lnTo>
                    <a:lnTo>
                      <a:pt x="1207" y="355"/>
                    </a:lnTo>
                    <a:lnTo>
                      <a:pt x="1205" y="357"/>
                    </a:lnTo>
                    <a:lnTo>
                      <a:pt x="1203" y="355"/>
                    </a:lnTo>
                    <a:lnTo>
                      <a:pt x="1201" y="357"/>
                    </a:lnTo>
                    <a:lnTo>
                      <a:pt x="1199" y="357"/>
                    </a:lnTo>
                    <a:lnTo>
                      <a:pt x="1199" y="359"/>
                    </a:lnTo>
                    <a:lnTo>
                      <a:pt x="1198" y="359"/>
                    </a:lnTo>
                    <a:lnTo>
                      <a:pt x="1198" y="361"/>
                    </a:lnTo>
                    <a:lnTo>
                      <a:pt x="1196" y="361"/>
                    </a:lnTo>
                    <a:lnTo>
                      <a:pt x="1196" y="363"/>
                    </a:lnTo>
                    <a:lnTo>
                      <a:pt x="1194" y="366"/>
                    </a:lnTo>
                    <a:lnTo>
                      <a:pt x="1198" y="368"/>
                    </a:lnTo>
                    <a:lnTo>
                      <a:pt x="1196" y="372"/>
                    </a:lnTo>
                    <a:lnTo>
                      <a:pt x="1196" y="374"/>
                    </a:lnTo>
                    <a:lnTo>
                      <a:pt x="1198" y="374"/>
                    </a:lnTo>
                    <a:lnTo>
                      <a:pt x="1198" y="372"/>
                    </a:lnTo>
                    <a:lnTo>
                      <a:pt x="1199" y="372"/>
                    </a:lnTo>
                    <a:lnTo>
                      <a:pt x="1201" y="374"/>
                    </a:lnTo>
                    <a:lnTo>
                      <a:pt x="1203" y="374"/>
                    </a:lnTo>
                    <a:lnTo>
                      <a:pt x="1205" y="374"/>
                    </a:lnTo>
                    <a:lnTo>
                      <a:pt x="1205" y="372"/>
                    </a:lnTo>
                    <a:lnTo>
                      <a:pt x="1207" y="372"/>
                    </a:lnTo>
                    <a:lnTo>
                      <a:pt x="1207" y="374"/>
                    </a:lnTo>
                    <a:lnTo>
                      <a:pt x="1209" y="374"/>
                    </a:lnTo>
                    <a:lnTo>
                      <a:pt x="1209" y="375"/>
                    </a:lnTo>
                    <a:lnTo>
                      <a:pt x="1209" y="377"/>
                    </a:lnTo>
                    <a:lnTo>
                      <a:pt x="1210" y="377"/>
                    </a:lnTo>
                    <a:lnTo>
                      <a:pt x="1209" y="377"/>
                    </a:lnTo>
                    <a:lnTo>
                      <a:pt x="1210" y="377"/>
                    </a:lnTo>
                    <a:lnTo>
                      <a:pt x="1210" y="379"/>
                    </a:lnTo>
                    <a:lnTo>
                      <a:pt x="1210" y="377"/>
                    </a:lnTo>
                    <a:lnTo>
                      <a:pt x="1212" y="377"/>
                    </a:lnTo>
                    <a:lnTo>
                      <a:pt x="1214" y="377"/>
                    </a:lnTo>
                    <a:lnTo>
                      <a:pt x="1216" y="377"/>
                    </a:lnTo>
                    <a:lnTo>
                      <a:pt x="1216" y="375"/>
                    </a:lnTo>
                    <a:lnTo>
                      <a:pt x="1218" y="375"/>
                    </a:lnTo>
                    <a:lnTo>
                      <a:pt x="1220" y="375"/>
                    </a:lnTo>
                    <a:lnTo>
                      <a:pt x="1220" y="374"/>
                    </a:lnTo>
                    <a:lnTo>
                      <a:pt x="1222" y="374"/>
                    </a:lnTo>
                    <a:lnTo>
                      <a:pt x="1223" y="374"/>
                    </a:lnTo>
                    <a:lnTo>
                      <a:pt x="1225" y="372"/>
                    </a:lnTo>
                    <a:lnTo>
                      <a:pt x="1225" y="374"/>
                    </a:lnTo>
                    <a:lnTo>
                      <a:pt x="1227" y="374"/>
                    </a:lnTo>
                    <a:lnTo>
                      <a:pt x="1227" y="375"/>
                    </a:lnTo>
                    <a:lnTo>
                      <a:pt x="1227" y="377"/>
                    </a:lnTo>
                    <a:lnTo>
                      <a:pt x="1229" y="377"/>
                    </a:lnTo>
                    <a:lnTo>
                      <a:pt x="1229" y="379"/>
                    </a:lnTo>
                    <a:lnTo>
                      <a:pt x="1231" y="379"/>
                    </a:lnTo>
                    <a:lnTo>
                      <a:pt x="1231" y="381"/>
                    </a:lnTo>
                    <a:lnTo>
                      <a:pt x="1233" y="381"/>
                    </a:lnTo>
                    <a:lnTo>
                      <a:pt x="1234" y="381"/>
                    </a:lnTo>
                    <a:lnTo>
                      <a:pt x="1234" y="383"/>
                    </a:lnTo>
                    <a:lnTo>
                      <a:pt x="1236" y="385"/>
                    </a:lnTo>
                    <a:lnTo>
                      <a:pt x="1236" y="387"/>
                    </a:lnTo>
                    <a:lnTo>
                      <a:pt x="1236" y="388"/>
                    </a:lnTo>
                    <a:lnTo>
                      <a:pt x="1238" y="388"/>
                    </a:lnTo>
                    <a:lnTo>
                      <a:pt x="1238" y="390"/>
                    </a:lnTo>
                    <a:lnTo>
                      <a:pt x="1240" y="390"/>
                    </a:lnTo>
                    <a:lnTo>
                      <a:pt x="1240" y="392"/>
                    </a:lnTo>
                    <a:lnTo>
                      <a:pt x="1238" y="394"/>
                    </a:lnTo>
                    <a:lnTo>
                      <a:pt x="1238" y="396"/>
                    </a:lnTo>
                    <a:lnTo>
                      <a:pt x="1238" y="398"/>
                    </a:lnTo>
                    <a:lnTo>
                      <a:pt x="1236" y="400"/>
                    </a:lnTo>
                    <a:lnTo>
                      <a:pt x="1234" y="401"/>
                    </a:lnTo>
                    <a:lnTo>
                      <a:pt x="1234" y="403"/>
                    </a:lnTo>
                    <a:lnTo>
                      <a:pt x="1233" y="405"/>
                    </a:lnTo>
                    <a:lnTo>
                      <a:pt x="1233" y="407"/>
                    </a:lnTo>
                    <a:lnTo>
                      <a:pt x="1233" y="409"/>
                    </a:lnTo>
                    <a:lnTo>
                      <a:pt x="1231" y="409"/>
                    </a:lnTo>
                    <a:lnTo>
                      <a:pt x="1231" y="411"/>
                    </a:lnTo>
                    <a:lnTo>
                      <a:pt x="1233" y="411"/>
                    </a:lnTo>
                    <a:lnTo>
                      <a:pt x="1233" y="412"/>
                    </a:lnTo>
                    <a:lnTo>
                      <a:pt x="1233" y="414"/>
                    </a:lnTo>
                    <a:lnTo>
                      <a:pt x="1233" y="416"/>
                    </a:lnTo>
                    <a:lnTo>
                      <a:pt x="1231" y="416"/>
                    </a:lnTo>
                    <a:lnTo>
                      <a:pt x="1229" y="418"/>
                    </a:lnTo>
                    <a:lnTo>
                      <a:pt x="1225" y="422"/>
                    </a:lnTo>
                    <a:lnTo>
                      <a:pt x="1223" y="424"/>
                    </a:lnTo>
                    <a:lnTo>
                      <a:pt x="1222" y="425"/>
                    </a:lnTo>
                    <a:lnTo>
                      <a:pt x="1220" y="427"/>
                    </a:lnTo>
                    <a:lnTo>
                      <a:pt x="1216" y="431"/>
                    </a:lnTo>
                    <a:lnTo>
                      <a:pt x="1216" y="433"/>
                    </a:lnTo>
                    <a:lnTo>
                      <a:pt x="1214" y="433"/>
                    </a:lnTo>
                    <a:lnTo>
                      <a:pt x="1214" y="435"/>
                    </a:lnTo>
                    <a:lnTo>
                      <a:pt x="1212" y="435"/>
                    </a:lnTo>
                    <a:lnTo>
                      <a:pt x="1212" y="437"/>
                    </a:lnTo>
                    <a:lnTo>
                      <a:pt x="1210" y="438"/>
                    </a:lnTo>
                    <a:lnTo>
                      <a:pt x="1210" y="440"/>
                    </a:lnTo>
                    <a:lnTo>
                      <a:pt x="1209" y="440"/>
                    </a:lnTo>
                    <a:lnTo>
                      <a:pt x="1209" y="442"/>
                    </a:lnTo>
                    <a:lnTo>
                      <a:pt x="1207" y="444"/>
                    </a:lnTo>
                    <a:lnTo>
                      <a:pt x="1207" y="446"/>
                    </a:lnTo>
                    <a:lnTo>
                      <a:pt x="1207" y="444"/>
                    </a:lnTo>
                    <a:lnTo>
                      <a:pt x="1207" y="442"/>
                    </a:lnTo>
                    <a:lnTo>
                      <a:pt x="1205" y="442"/>
                    </a:lnTo>
                    <a:lnTo>
                      <a:pt x="1203" y="444"/>
                    </a:lnTo>
                    <a:lnTo>
                      <a:pt x="1203" y="446"/>
                    </a:lnTo>
                    <a:lnTo>
                      <a:pt x="1199" y="446"/>
                    </a:lnTo>
                    <a:lnTo>
                      <a:pt x="1198" y="446"/>
                    </a:lnTo>
                    <a:lnTo>
                      <a:pt x="1196" y="448"/>
                    </a:lnTo>
                    <a:lnTo>
                      <a:pt x="1194" y="449"/>
                    </a:lnTo>
                    <a:lnTo>
                      <a:pt x="1194" y="451"/>
                    </a:lnTo>
                    <a:lnTo>
                      <a:pt x="1192" y="453"/>
                    </a:lnTo>
                    <a:lnTo>
                      <a:pt x="1190" y="453"/>
                    </a:lnTo>
                    <a:lnTo>
                      <a:pt x="1188" y="455"/>
                    </a:lnTo>
                    <a:lnTo>
                      <a:pt x="1188" y="453"/>
                    </a:lnTo>
                    <a:lnTo>
                      <a:pt x="1186" y="455"/>
                    </a:lnTo>
                    <a:lnTo>
                      <a:pt x="1185" y="457"/>
                    </a:lnTo>
                    <a:lnTo>
                      <a:pt x="1183" y="459"/>
                    </a:lnTo>
                    <a:lnTo>
                      <a:pt x="1181" y="462"/>
                    </a:lnTo>
                    <a:lnTo>
                      <a:pt x="1179" y="466"/>
                    </a:lnTo>
                    <a:lnTo>
                      <a:pt x="1177" y="468"/>
                    </a:lnTo>
                    <a:lnTo>
                      <a:pt x="1177" y="470"/>
                    </a:lnTo>
                    <a:lnTo>
                      <a:pt x="1175" y="470"/>
                    </a:lnTo>
                    <a:lnTo>
                      <a:pt x="1173" y="472"/>
                    </a:lnTo>
                    <a:lnTo>
                      <a:pt x="1172" y="475"/>
                    </a:lnTo>
                    <a:lnTo>
                      <a:pt x="1172" y="477"/>
                    </a:lnTo>
                    <a:lnTo>
                      <a:pt x="1172" y="479"/>
                    </a:lnTo>
                    <a:lnTo>
                      <a:pt x="1173" y="479"/>
                    </a:lnTo>
                    <a:lnTo>
                      <a:pt x="1173" y="481"/>
                    </a:lnTo>
                    <a:lnTo>
                      <a:pt x="1172" y="483"/>
                    </a:lnTo>
                    <a:lnTo>
                      <a:pt x="1170" y="488"/>
                    </a:lnTo>
                    <a:lnTo>
                      <a:pt x="1170" y="490"/>
                    </a:lnTo>
                    <a:lnTo>
                      <a:pt x="1170" y="492"/>
                    </a:lnTo>
                    <a:lnTo>
                      <a:pt x="1168" y="492"/>
                    </a:lnTo>
                    <a:lnTo>
                      <a:pt x="1168" y="494"/>
                    </a:lnTo>
                    <a:lnTo>
                      <a:pt x="1166" y="496"/>
                    </a:lnTo>
                    <a:lnTo>
                      <a:pt x="1164" y="494"/>
                    </a:lnTo>
                    <a:lnTo>
                      <a:pt x="1164" y="496"/>
                    </a:lnTo>
                    <a:lnTo>
                      <a:pt x="1162" y="496"/>
                    </a:lnTo>
                    <a:lnTo>
                      <a:pt x="1162" y="498"/>
                    </a:lnTo>
                    <a:lnTo>
                      <a:pt x="1162" y="499"/>
                    </a:lnTo>
                    <a:lnTo>
                      <a:pt x="1161" y="499"/>
                    </a:lnTo>
                    <a:lnTo>
                      <a:pt x="1159" y="503"/>
                    </a:lnTo>
                    <a:lnTo>
                      <a:pt x="1155" y="503"/>
                    </a:lnTo>
                    <a:lnTo>
                      <a:pt x="1149" y="509"/>
                    </a:lnTo>
                    <a:lnTo>
                      <a:pt x="1148" y="514"/>
                    </a:lnTo>
                    <a:lnTo>
                      <a:pt x="1146" y="514"/>
                    </a:lnTo>
                    <a:lnTo>
                      <a:pt x="1144" y="516"/>
                    </a:lnTo>
                    <a:lnTo>
                      <a:pt x="1140" y="514"/>
                    </a:lnTo>
                    <a:lnTo>
                      <a:pt x="1138" y="512"/>
                    </a:lnTo>
                    <a:lnTo>
                      <a:pt x="1137" y="512"/>
                    </a:lnTo>
                    <a:lnTo>
                      <a:pt x="1135" y="514"/>
                    </a:lnTo>
                    <a:lnTo>
                      <a:pt x="1133" y="516"/>
                    </a:lnTo>
                    <a:lnTo>
                      <a:pt x="1133" y="518"/>
                    </a:lnTo>
                    <a:lnTo>
                      <a:pt x="1133" y="520"/>
                    </a:lnTo>
                    <a:lnTo>
                      <a:pt x="1129" y="522"/>
                    </a:lnTo>
                    <a:lnTo>
                      <a:pt x="1129" y="523"/>
                    </a:lnTo>
                    <a:lnTo>
                      <a:pt x="1129" y="525"/>
                    </a:lnTo>
                    <a:lnTo>
                      <a:pt x="1131" y="527"/>
                    </a:lnTo>
                    <a:lnTo>
                      <a:pt x="1131" y="529"/>
                    </a:lnTo>
                    <a:lnTo>
                      <a:pt x="1131" y="531"/>
                    </a:lnTo>
                    <a:lnTo>
                      <a:pt x="1133" y="531"/>
                    </a:lnTo>
                    <a:lnTo>
                      <a:pt x="1133" y="533"/>
                    </a:lnTo>
                    <a:lnTo>
                      <a:pt x="1135" y="533"/>
                    </a:lnTo>
                    <a:lnTo>
                      <a:pt x="1137" y="533"/>
                    </a:lnTo>
                    <a:lnTo>
                      <a:pt x="1137" y="535"/>
                    </a:lnTo>
                    <a:lnTo>
                      <a:pt x="1137" y="533"/>
                    </a:lnTo>
                    <a:lnTo>
                      <a:pt x="1138" y="533"/>
                    </a:lnTo>
                    <a:lnTo>
                      <a:pt x="1138" y="535"/>
                    </a:lnTo>
                    <a:lnTo>
                      <a:pt x="1140" y="536"/>
                    </a:lnTo>
                    <a:lnTo>
                      <a:pt x="1142" y="536"/>
                    </a:lnTo>
                    <a:lnTo>
                      <a:pt x="1140" y="538"/>
                    </a:lnTo>
                    <a:lnTo>
                      <a:pt x="1140" y="540"/>
                    </a:lnTo>
                    <a:lnTo>
                      <a:pt x="1138" y="540"/>
                    </a:lnTo>
                    <a:lnTo>
                      <a:pt x="1138" y="542"/>
                    </a:lnTo>
                    <a:lnTo>
                      <a:pt x="1137" y="544"/>
                    </a:lnTo>
                    <a:lnTo>
                      <a:pt x="1135" y="546"/>
                    </a:lnTo>
                    <a:lnTo>
                      <a:pt x="1135" y="547"/>
                    </a:lnTo>
                    <a:lnTo>
                      <a:pt x="1133" y="549"/>
                    </a:lnTo>
                    <a:lnTo>
                      <a:pt x="1133" y="551"/>
                    </a:lnTo>
                    <a:lnTo>
                      <a:pt x="1131" y="555"/>
                    </a:lnTo>
                    <a:lnTo>
                      <a:pt x="1135" y="557"/>
                    </a:lnTo>
                    <a:lnTo>
                      <a:pt x="1137" y="559"/>
                    </a:lnTo>
                    <a:lnTo>
                      <a:pt x="1135" y="560"/>
                    </a:lnTo>
                    <a:lnTo>
                      <a:pt x="1137" y="562"/>
                    </a:lnTo>
                    <a:lnTo>
                      <a:pt x="1135" y="564"/>
                    </a:lnTo>
                    <a:lnTo>
                      <a:pt x="1133" y="566"/>
                    </a:lnTo>
                    <a:lnTo>
                      <a:pt x="1131" y="568"/>
                    </a:lnTo>
                    <a:lnTo>
                      <a:pt x="1131" y="566"/>
                    </a:lnTo>
                    <a:lnTo>
                      <a:pt x="1129" y="566"/>
                    </a:lnTo>
                    <a:lnTo>
                      <a:pt x="1129" y="568"/>
                    </a:lnTo>
                    <a:lnTo>
                      <a:pt x="1127" y="566"/>
                    </a:lnTo>
                    <a:lnTo>
                      <a:pt x="1125" y="564"/>
                    </a:lnTo>
                    <a:lnTo>
                      <a:pt x="1124" y="564"/>
                    </a:lnTo>
                    <a:lnTo>
                      <a:pt x="1124" y="566"/>
                    </a:lnTo>
                    <a:lnTo>
                      <a:pt x="1122" y="566"/>
                    </a:lnTo>
                    <a:lnTo>
                      <a:pt x="1122" y="568"/>
                    </a:lnTo>
                    <a:lnTo>
                      <a:pt x="1120" y="568"/>
                    </a:lnTo>
                    <a:lnTo>
                      <a:pt x="1120" y="570"/>
                    </a:lnTo>
                    <a:lnTo>
                      <a:pt x="1118" y="572"/>
                    </a:lnTo>
                    <a:lnTo>
                      <a:pt x="1116" y="572"/>
                    </a:lnTo>
                    <a:lnTo>
                      <a:pt x="1116" y="573"/>
                    </a:lnTo>
                    <a:lnTo>
                      <a:pt x="1112" y="572"/>
                    </a:lnTo>
                    <a:lnTo>
                      <a:pt x="1111" y="572"/>
                    </a:lnTo>
                    <a:lnTo>
                      <a:pt x="1111" y="570"/>
                    </a:lnTo>
                    <a:lnTo>
                      <a:pt x="1109" y="570"/>
                    </a:lnTo>
                    <a:lnTo>
                      <a:pt x="1107" y="570"/>
                    </a:lnTo>
                    <a:lnTo>
                      <a:pt x="1107" y="568"/>
                    </a:lnTo>
                    <a:lnTo>
                      <a:pt x="1103" y="568"/>
                    </a:lnTo>
                    <a:lnTo>
                      <a:pt x="1101" y="568"/>
                    </a:lnTo>
                    <a:lnTo>
                      <a:pt x="1100" y="566"/>
                    </a:lnTo>
                    <a:lnTo>
                      <a:pt x="1101" y="564"/>
                    </a:lnTo>
                    <a:lnTo>
                      <a:pt x="1103" y="562"/>
                    </a:lnTo>
                    <a:lnTo>
                      <a:pt x="1101" y="562"/>
                    </a:lnTo>
                    <a:lnTo>
                      <a:pt x="1100" y="562"/>
                    </a:lnTo>
                    <a:lnTo>
                      <a:pt x="1100" y="560"/>
                    </a:lnTo>
                    <a:lnTo>
                      <a:pt x="1094" y="559"/>
                    </a:lnTo>
                    <a:lnTo>
                      <a:pt x="1094" y="560"/>
                    </a:lnTo>
                    <a:lnTo>
                      <a:pt x="1094" y="559"/>
                    </a:lnTo>
                    <a:lnTo>
                      <a:pt x="1092" y="559"/>
                    </a:lnTo>
                    <a:lnTo>
                      <a:pt x="1092" y="560"/>
                    </a:lnTo>
                    <a:lnTo>
                      <a:pt x="1090" y="560"/>
                    </a:lnTo>
                    <a:lnTo>
                      <a:pt x="1088" y="559"/>
                    </a:lnTo>
                    <a:lnTo>
                      <a:pt x="1087" y="560"/>
                    </a:lnTo>
                    <a:lnTo>
                      <a:pt x="1087" y="562"/>
                    </a:lnTo>
                    <a:lnTo>
                      <a:pt x="1085" y="562"/>
                    </a:lnTo>
                    <a:lnTo>
                      <a:pt x="1085" y="564"/>
                    </a:lnTo>
                    <a:lnTo>
                      <a:pt x="1083" y="564"/>
                    </a:lnTo>
                    <a:lnTo>
                      <a:pt x="1083" y="562"/>
                    </a:lnTo>
                    <a:lnTo>
                      <a:pt x="1081" y="562"/>
                    </a:lnTo>
                    <a:lnTo>
                      <a:pt x="1079" y="564"/>
                    </a:lnTo>
                    <a:lnTo>
                      <a:pt x="1077" y="566"/>
                    </a:lnTo>
                    <a:lnTo>
                      <a:pt x="1077" y="568"/>
                    </a:lnTo>
                    <a:lnTo>
                      <a:pt x="1076" y="568"/>
                    </a:lnTo>
                    <a:lnTo>
                      <a:pt x="1076" y="570"/>
                    </a:lnTo>
                    <a:lnTo>
                      <a:pt x="1074" y="572"/>
                    </a:lnTo>
                    <a:lnTo>
                      <a:pt x="1074" y="573"/>
                    </a:lnTo>
                    <a:lnTo>
                      <a:pt x="1074" y="575"/>
                    </a:lnTo>
                    <a:lnTo>
                      <a:pt x="1072" y="575"/>
                    </a:lnTo>
                    <a:lnTo>
                      <a:pt x="1072" y="577"/>
                    </a:lnTo>
                    <a:lnTo>
                      <a:pt x="1072" y="579"/>
                    </a:lnTo>
                    <a:lnTo>
                      <a:pt x="1070" y="579"/>
                    </a:lnTo>
                    <a:lnTo>
                      <a:pt x="1070" y="581"/>
                    </a:lnTo>
                    <a:lnTo>
                      <a:pt x="1068" y="581"/>
                    </a:lnTo>
                    <a:lnTo>
                      <a:pt x="1068" y="583"/>
                    </a:lnTo>
                    <a:lnTo>
                      <a:pt x="1066" y="584"/>
                    </a:lnTo>
                    <a:lnTo>
                      <a:pt x="1064" y="584"/>
                    </a:lnTo>
                    <a:lnTo>
                      <a:pt x="1064" y="586"/>
                    </a:lnTo>
                    <a:lnTo>
                      <a:pt x="1066" y="586"/>
                    </a:lnTo>
                    <a:lnTo>
                      <a:pt x="1066" y="588"/>
                    </a:lnTo>
                    <a:lnTo>
                      <a:pt x="1064" y="588"/>
                    </a:lnTo>
                    <a:lnTo>
                      <a:pt x="1063" y="588"/>
                    </a:lnTo>
                    <a:lnTo>
                      <a:pt x="1063" y="590"/>
                    </a:lnTo>
                    <a:lnTo>
                      <a:pt x="1063" y="588"/>
                    </a:lnTo>
                    <a:lnTo>
                      <a:pt x="1061" y="588"/>
                    </a:lnTo>
                    <a:lnTo>
                      <a:pt x="1061" y="586"/>
                    </a:lnTo>
                    <a:lnTo>
                      <a:pt x="1059" y="584"/>
                    </a:lnTo>
                    <a:lnTo>
                      <a:pt x="1057" y="584"/>
                    </a:lnTo>
                    <a:lnTo>
                      <a:pt x="1055" y="584"/>
                    </a:lnTo>
                    <a:lnTo>
                      <a:pt x="1057" y="584"/>
                    </a:lnTo>
                    <a:lnTo>
                      <a:pt x="1057" y="583"/>
                    </a:lnTo>
                    <a:lnTo>
                      <a:pt x="1055" y="583"/>
                    </a:lnTo>
                    <a:lnTo>
                      <a:pt x="1053" y="583"/>
                    </a:lnTo>
                    <a:lnTo>
                      <a:pt x="1051" y="583"/>
                    </a:lnTo>
                    <a:lnTo>
                      <a:pt x="1050" y="583"/>
                    </a:lnTo>
                    <a:lnTo>
                      <a:pt x="1048" y="583"/>
                    </a:lnTo>
                    <a:lnTo>
                      <a:pt x="1048" y="584"/>
                    </a:lnTo>
                    <a:lnTo>
                      <a:pt x="1046" y="584"/>
                    </a:lnTo>
                    <a:lnTo>
                      <a:pt x="1044" y="586"/>
                    </a:lnTo>
                    <a:lnTo>
                      <a:pt x="1042" y="586"/>
                    </a:lnTo>
                    <a:lnTo>
                      <a:pt x="1039" y="584"/>
                    </a:lnTo>
                    <a:lnTo>
                      <a:pt x="1039" y="586"/>
                    </a:lnTo>
                    <a:lnTo>
                      <a:pt x="1039" y="588"/>
                    </a:lnTo>
                    <a:lnTo>
                      <a:pt x="1040" y="588"/>
                    </a:lnTo>
                    <a:lnTo>
                      <a:pt x="1040" y="590"/>
                    </a:lnTo>
                    <a:lnTo>
                      <a:pt x="1042" y="590"/>
                    </a:lnTo>
                    <a:lnTo>
                      <a:pt x="1044" y="592"/>
                    </a:lnTo>
                    <a:lnTo>
                      <a:pt x="1046" y="592"/>
                    </a:lnTo>
                    <a:lnTo>
                      <a:pt x="1046" y="594"/>
                    </a:lnTo>
                    <a:lnTo>
                      <a:pt x="1046" y="596"/>
                    </a:lnTo>
                    <a:lnTo>
                      <a:pt x="1044" y="596"/>
                    </a:lnTo>
                    <a:lnTo>
                      <a:pt x="1042" y="596"/>
                    </a:lnTo>
                    <a:lnTo>
                      <a:pt x="1042" y="599"/>
                    </a:lnTo>
                    <a:lnTo>
                      <a:pt x="1040" y="601"/>
                    </a:lnTo>
                    <a:lnTo>
                      <a:pt x="1039" y="605"/>
                    </a:lnTo>
                    <a:lnTo>
                      <a:pt x="1039" y="607"/>
                    </a:lnTo>
                    <a:lnTo>
                      <a:pt x="1039" y="609"/>
                    </a:lnTo>
                    <a:lnTo>
                      <a:pt x="1039" y="610"/>
                    </a:lnTo>
                    <a:lnTo>
                      <a:pt x="1039" y="612"/>
                    </a:lnTo>
                    <a:lnTo>
                      <a:pt x="1037" y="612"/>
                    </a:lnTo>
                    <a:lnTo>
                      <a:pt x="1037" y="614"/>
                    </a:lnTo>
                    <a:lnTo>
                      <a:pt x="1037" y="616"/>
                    </a:lnTo>
                    <a:lnTo>
                      <a:pt x="1037" y="618"/>
                    </a:lnTo>
                    <a:lnTo>
                      <a:pt x="1037" y="620"/>
                    </a:lnTo>
                    <a:lnTo>
                      <a:pt x="1037" y="621"/>
                    </a:lnTo>
                    <a:lnTo>
                      <a:pt x="1037" y="623"/>
                    </a:lnTo>
                    <a:lnTo>
                      <a:pt x="1039" y="623"/>
                    </a:lnTo>
                    <a:lnTo>
                      <a:pt x="1040" y="623"/>
                    </a:lnTo>
                    <a:lnTo>
                      <a:pt x="1040" y="625"/>
                    </a:lnTo>
                    <a:lnTo>
                      <a:pt x="1040" y="627"/>
                    </a:lnTo>
                    <a:lnTo>
                      <a:pt x="1042" y="627"/>
                    </a:lnTo>
                    <a:lnTo>
                      <a:pt x="1042" y="629"/>
                    </a:lnTo>
                    <a:lnTo>
                      <a:pt x="1044" y="629"/>
                    </a:lnTo>
                    <a:lnTo>
                      <a:pt x="1042" y="631"/>
                    </a:lnTo>
                    <a:lnTo>
                      <a:pt x="1042" y="633"/>
                    </a:lnTo>
                    <a:lnTo>
                      <a:pt x="1042" y="634"/>
                    </a:lnTo>
                    <a:lnTo>
                      <a:pt x="1044" y="634"/>
                    </a:lnTo>
                    <a:lnTo>
                      <a:pt x="1044" y="636"/>
                    </a:lnTo>
                    <a:lnTo>
                      <a:pt x="1044" y="638"/>
                    </a:lnTo>
                    <a:lnTo>
                      <a:pt x="1044" y="640"/>
                    </a:lnTo>
                    <a:lnTo>
                      <a:pt x="1046" y="642"/>
                    </a:lnTo>
                    <a:lnTo>
                      <a:pt x="1044" y="642"/>
                    </a:lnTo>
                    <a:lnTo>
                      <a:pt x="1044" y="644"/>
                    </a:lnTo>
                    <a:lnTo>
                      <a:pt x="1044" y="646"/>
                    </a:lnTo>
                    <a:lnTo>
                      <a:pt x="1044" y="647"/>
                    </a:lnTo>
                    <a:lnTo>
                      <a:pt x="1044" y="649"/>
                    </a:lnTo>
                    <a:lnTo>
                      <a:pt x="1044" y="651"/>
                    </a:lnTo>
                    <a:lnTo>
                      <a:pt x="1044" y="653"/>
                    </a:lnTo>
                    <a:lnTo>
                      <a:pt x="1042" y="653"/>
                    </a:lnTo>
                    <a:lnTo>
                      <a:pt x="1042" y="655"/>
                    </a:lnTo>
                    <a:lnTo>
                      <a:pt x="1044" y="657"/>
                    </a:lnTo>
                    <a:lnTo>
                      <a:pt x="1044" y="658"/>
                    </a:lnTo>
                    <a:lnTo>
                      <a:pt x="1044" y="660"/>
                    </a:lnTo>
                    <a:lnTo>
                      <a:pt x="1044" y="666"/>
                    </a:lnTo>
                    <a:lnTo>
                      <a:pt x="1046" y="666"/>
                    </a:lnTo>
                    <a:lnTo>
                      <a:pt x="1046" y="668"/>
                    </a:lnTo>
                    <a:lnTo>
                      <a:pt x="1044" y="671"/>
                    </a:lnTo>
                    <a:lnTo>
                      <a:pt x="1044" y="675"/>
                    </a:lnTo>
                    <a:lnTo>
                      <a:pt x="1044" y="679"/>
                    </a:lnTo>
                    <a:lnTo>
                      <a:pt x="1042" y="681"/>
                    </a:lnTo>
                    <a:lnTo>
                      <a:pt x="1042" y="683"/>
                    </a:lnTo>
                    <a:lnTo>
                      <a:pt x="1042" y="684"/>
                    </a:lnTo>
                    <a:lnTo>
                      <a:pt x="1039" y="686"/>
                    </a:lnTo>
                    <a:lnTo>
                      <a:pt x="1037" y="686"/>
                    </a:lnTo>
                    <a:lnTo>
                      <a:pt x="1039" y="688"/>
                    </a:lnTo>
                    <a:lnTo>
                      <a:pt x="1039" y="692"/>
                    </a:lnTo>
                    <a:lnTo>
                      <a:pt x="1040" y="699"/>
                    </a:lnTo>
                    <a:lnTo>
                      <a:pt x="1040" y="701"/>
                    </a:lnTo>
                    <a:lnTo>
                      <a:pt x="1042" y="701"/>
                    </a:lnTo>
                    <a:lnTo>
                      <a:pt x="1040" y="701"/>
                    </a:lnTo>
                    <a:lnTo>
                      <a:pt x="1040" y="703"/>
                    </a:lnTo>
                    <a:lnTo>
                      <a:pt x="1040" y="705"/>
                    </a:lnTo>
                    <a:lnTo>
                      <a:pt x="1039" y="705"/>
                    </a:lnTo>
                    <a:lnTo>
                      <a:pt x="1040" y="705"/>
                    </a:lnTo>
                    <a:lnTo>
                      <a:pt x="1039" y="707"/>
                    </a:lnTo>
                    <a:lnTo>
                      <a:pt x="1040" y="707"/>
                    </a:lnTo>
                    <a:lnTo>
                      <a:pt x="1039" y="707"/>
                    </a:lnTo>
                    <a:lnTo>
                      <a:pt x="1040" y="707"/>
                    </a:lnTo>
                    <a:lnTo>
                      <a:pt x="1039" y="708"/>
                    </a:lnTo>
                    <a:lnTo>
                      <a:pt x="1039" y="710"/>
                    </a:lnTo>
                    <a:lnTo>
                      <a:pt x="1039" y="712"/>
                    </a:lnTo>
                    <a:lnTo>
                      <a:pt x="1039" y="714"/>
                    </a:lnTo>
                    <a:lnTo>
                      <a:pt x="1037" y="714"/>
                    </a:lnTo>
                    <a:lnTo>
                      <a:pt x="1039" y="714"/>
                    </a:lnTo>
                    <a:lnTo>
                      <a:pt x="1039" y="716"/>
                    </a:lnTo>
                    <a:lnTo>
                      <a:pt x="1039" y="718"/>
                    </a:lnTo>
                    <a:lnTo>
                      <a:pt x="1039" y="720"/>
                    </a:lnTo>
                    <a:lnTo>
                      <a:pt x="1039" y="721"/>
                    </a:lnTo>
                    <a:lnTo>
                      <a:pt x="1039" y="723"/>
                    </a:lnTo>
                    <a:lnTo>
                      <a:pt x="1037" y="723"/>
                    </a:lnTo>
                    <a:lnTo>
                      <a:pt x="1037" y="725"/>
                    </a:lnTo>
                    <a:lnTo>
                      <a:pt x="1035" y="725"/>
                    </a:lnTo>
                    <a:lnTo>
                      <a:pt x="1035" y="727"/>
                    </a:lnTo>
                    <a:lnTo>
                      <a:pt x="1033" y="729"/>
                    </a:lnTo>
                    <a:lnTo>
                      <a:pt x="1035" y="729"/>
                    </a:lnTo>
                    <a:lnTo>
                      <a:pt x="1033" y="729"/>
                    </a:lnTo>
                    <a:lnTo>
                      <a:pt x="1033" y="731"/>
                    </a:lnTo>
                    <a:lnTo>
                      <a:pt x="1035" y="731"/>
                    </a:lnTo>
                    <a:lnTo>
                      <a:pt x="1035" y="732"/>
                    </a:lnTo>
                    <a:lnTo>
                      <a:pt x="1033" y="732"/>
                    </a:lnTo>
                    <a:lnTo>
                      <a:pt x="1033" y="734"/>
                    </a:lnTo>
                    <a:lnTo>
                      <a:pt x="1033" y="736"/>
                    </a:lnTo>
                    <a:lnTo>
                      <a:pt x="1031" y="736"/>
                    </a:lnTo>
                    <a:lnTo>
                      <a:pt x="1033" y="736"/>
                    </a:lnTo>
                    <a:lnTo>
                      <a:pt x="1035" y="738"/>
                    </a:lnTo>
                    <a:lnTo>
                      <a:pt x="1037" y="738"/>
                    </a:lnTo>
                    <a:lnTo>
                      <a:pt x="1039" y="738"/>
                    </a:lnTo>
                    <a:lnTo>
                      <a:pt x="1042" y="738"/>
                    </a:lnTo>
                    <a:lnTo>
                      <a:pt x="1042" y="736"/>
                    </a:lnTo>
                    <a:lnTo>
                      <a:pt x="1044" y="736"/>
                    </a:lnTo>
                    <a:lnTo>
                      <a:pt x="1044" y="734"/>
                    </a:lnTo>
                    <a:lnTo>
                      <a:pt x="1044" y="732"/>
                    </a:lnTo>
                    <a:lnTo>
                      <a:pt x="1046" y="732"/>
                    </a:lnTo>
                    <a:lnTo>
                      <a:pt x="1046" y="731"/>
                    </a:lnTo>
                    <a:lnTo>
                      <a:pt x="1050" y="731"/>
                    </a:lnTo>
                    <a:lnTo>
                      <a:pt x="1051" y="731"/>
                    </a:lnTo>
                    <a:lnTo>
                      <a:pt x="1053" y="729"/>
                    </a:lnTo>
                    <a:lnTo>
                      <a:pt x="1055" y="729"/>
                    </a:lnTo>
                    <a:lnTo>
                      <a:pt x="1057" y="729"/>
                    </a:lnTo>
                    <a:lnTo>
                      <a:pt x="1057" y="731"/>
                    </a:lnTo>
                    <a:lnTo>
                      <a:pt x="1059" y="731"/>
                    </a:lnTo>
                    <a:lnTo>
                      <a:pt x="1057" y="729"/>
                    </a:lnTo>
                    <a:lnTo>
                      <a:pt x="1057" y="727"/>
                    </a:lnTo>
                    <a:lnTo>
                      <a:pt x="1055" y="725"/>
                    </a:lnTo>
                    <a:lnTo>
                      <a:pt x="1055" y="723"/>
                    </a:lnTo>
                    <a:lnTo>
                      <a:pt x="1057" y="723"/>
                    </a:lnTo>
                    <a:lnTo>
                      <a:pt x="1057" y="721"/>
                    </a:lnTo>
                    <a:lnTo>
                      <a:pt x="1057" y="720"/>
                    </a:lnTo>
                    <a:lnTo>
                      <a:pt x="1059" y="720"/>
                    </a:lnTo>
                    <a:lnTo>
                      <a:pt x="1059" y="718"/>
                    </a:lnTo>
                    <a:lnTo>
                      <a:pt x="1059" y="716"/>
                    </a:lnTo>
                    <a:lnTo>
                      <a:pt x="1059" y="714"/>
                    </a:lnTo>
                    <a:lnTo>
                      <a:pt x="1061" y="716"/>
                    </a:lnTo>
                    <a:lnTo>
                      <a:pt x="1063" y="716"/>
                    </a:lnTo>
                    <a:lnTo>
                      <a:pt x="1064" y="718"/>
                    </a:lnTo>
                    <a:lnTo>
                      <a:pt x="1066" y="718"/>
                    </a:lnTo>
                    <a:lnTo>
                      <a:pt x="1068" y="718"/>
                    </a:lnTo>
                    <a:lnTo>
                      <a:pt x="1068" y="720"/>
                    </a:lnTo>
                    <a:lnTo>
                      <a:pt x="1070" y="720"/>
                    </a:lnTo>
                    <a:lnTo>
                      <a:pt x="1070" y="721"/>
                    </a:lnTo>
                    <a:lnTo>
                      <a:pt x="1070" y="723"/>
                    </a:lnTo>
                    <a:lnTo>
                      <a:pt x="1070" y="725"/>
                    </a:lnTo>
                    <a:lnTo>
                      <a:pt x="1070" y="727"/>
                    </a:lnTo>
                    <a:lnTo>
                      <a:pt x="1072" y="727"/>
                    </a:lnTo>
                    <a:lnTo>
                      <a:pt x="1072" y="729"/>
                    </a:lnTo>
                    <a:lnTo>
                      <a:pt x="1072" y="731"/>
                    </a:lnTo>
                    <a:lnTo>
                      <a:pt x="1074" y="731"/>
                    </a:lnTo>
                    <a:lnTo>
                      <a:pt x="1072" y="731"/>
                    </a:lnTo>
                    <a:lnTo>
                      <a:pt x="1072" y="732"/>
                    </a:lnTo>
                    <a:lnTo>
                      <a:pt x="1074" y="732"/>
                    </a:lnTo>
                    <a:lnTo>
                      <a:pt x="1074" y="731"/>
                    </a:lnTo>
                    <a:lnTo>
                      <a:pt x="1076" y="731"/>
                    </a:lnTo>
                    <a:lnTo>
                      <a:pt x="1077" y="731"/>
                    </a:lnTo>
                    <a:lnTo>
                      <a:pt x="1077" y="732"/>
                    </a:lnTo>
                    <a:lnTo>
                      <a:pt x="1079" y="732"/>
                    </a:lnTo>
                    <a:lnTo>
                      <a:pt x="1081" y="734"/>
                    </a:lnTo>
                    <a:lnTo>
                      <a:pt x="1083" y="734"/>
                    </a:lnTo>
                    <a:lnTo>
                      <a:pt x="1087" y="736"/>
                    </a:lnTo>
                    <a:lnTo>
                      <a:pt x="1088" y="736"/>
                    </a:lnTo>
                    <a:lnTo>
                      <a:pt x="1090" y="734"/>
                    </a:lnTo>
                    <a:lnTo>
                      <a:pt x="1092" y="732"/>
                    </a:lnTo>
                    <a:lnTo>
                      <a:pt x="1090" y="732"/>
                    </a:lnTo>
                    <a:lnTo>
                      <a:pt x="1092" y="732"/>
                    </a:lnTo>
                    <a:lnTo>
                      <a:pt x="1092" y="731"/>
                    </a:lnTo>
                    <a:lnTo>
                      <a:pt x="1094" y="731"/>
                    </a:lnTo>
                    <a:lnTo>
                      <a:pt x="1096" y="729"/>
                    </a:lnTo>
                    <a:lnTo>
                      <a:pt x="1096" y="727"/>
                    </a:lnTo>
                    <a:lnTo>
                      <a:pt x="1098" y="727"/>
                    </a:lnTo>
                    <a:lnTo>
                      <a:pt x="1098" y="725"/>
                    </a:lnTo>
                    <a:lnTo>
                      <a:pt x="1098" y="723"/>
                    </a:lnTo>
                    <a:lnTo>
                      <a:pt x="1100" y="723"/>
                    </a:lnTo>
                    <a:lnTo>
                      <a:pt x="1100" y="721"/>
                    </a:lnTo>
                    <a:lnTo>
                      <a:pt x="1101" y="721"/>
                    </a:lnTo>
                    <a:lnTo>
                      <a:pt x="1103" y="721"/>
                    </a:lnTo>
                    <a:lnTo>
                      <a:pt x="1103" y="720"/>
                    </a:lnTo>
                    <a:lnTo>
                      <a:pt x="1105" y="720"/>
                    </a:lnTo>
                    <a:lnTo>
                      <a:pt x="1107" y="720"/>
                    </a:lnTo>
                    <a:lnTo>
                      <a:pt x="1109" y="721"/>
                    </a:lnTo>
                    <a:lnTo>
                      <a:pt x="1109" y="723"/>
                    </a:lnTo>
                    <a:lnTo>
                      <a:pt x="1111" y="725"/>
                    </a:lnTo>
                    <a:lnTo>
                      <a:pt x="1112" y="725"/>
                    </a:lnTo>
                    <a:lnTo>
                      <a:pt x="1112" y="723"/>
                    </a:lnTo>
                    <a:lnTo>
                      <a:pt x="1114" y="723"/>
                    </a:lnTo>
                    <a:lnTo>
                      <a:pt x="1118" y="725"/>
                    </a:lnTo>
                    <a:lnTo>
                      <a:pt x="1120" y="727"/>
                    </a:lnTo>
                    <a:lnTo>
                      <a:pt x="1122" y="727"/>
                    </a:lnTo>
                    <a:lnTo>
                      <a:pt x="1124" y="727"/>
                    </a:lnTo>
                    <a:lnTo>
                      <a:pt x="1124" y="729"/>
                    </a:lnTo>
                    <a:lnTo>
                      <a:pt x="1125" y="729"/>
                    </a:lnTo>
                    <a:lnTo>
                      <a:pt x="1125" y="731"/>
                    </a:lnTo>
                    <a:lnTo>
                      <a:pt x="1127" y="731"/>
                    </a:lnTo>
                    <a:lnTo>
                      <a:pt x="1129" y="731"/>
                    </a:lnTo>
                    <a:lnTo>
                      <a:pt x="1131" y="732"/>
                    </a:lnTo>
                    <a:lnTo>
                      <a:pt x="1131" y="734"/>
                    </a:lnTo>
                    <a:lnTo>
                      <a:pt x="1133" y="736"/>
                    </a:lnTo>
                    <a:lnTo>
                      <a:pt x="1135" y="736"/>
                    </a:lnTo>
                    <a:lnTo>
                      <a:pt x="1135" y="738"/>
                    </a:lnTo>
                    <a:lnTo>
                      <a:pt x="1135" y="736"/>
                    </a:lnTo>
                    <a:lnTo>
                      <a:pt x="1137" y="740"/>
                    </a:lnTo>
                    <a:lnTo>
                      <a:pt x="1137" y="742"/>
                    </a:lnTo>
                    <a:lnTo>
                      <a:pt x="1138" y="742"/>
                    </a:lnTo>
                    <a:lnTo>
                      <a:pt x="1138" y="744"/>
                    </a:lnTo>
                    <a:lnTo>
                      <a:pt x="1140" y="747"/>
                    </a:lnTo>
                    <a:lnTo>
                      <a:pt x="1140" y="751"/>
                    </a:lnTo>
                    <a:lnTo>
                      <a:pt x="1142" y="751"/>
                    </a:lnTo>
                    <a:lnTo>
                      <a:pt x="1142" y="755"/>
                    </a:lnTo>
                    <a:lnTo>
                      <a:pt x="1144" y="758"/>
                    </a:lnTo>
                    <a:lnTo>
                      <a:pt x="1144" y="757"/>
                    </a:lnTo>
                    <a:lnTo>
                      <a:pt x="1146" y="757"/>
                    </a:lnTo>
                    <a:lnTo>
                      <a:pt x="1148" y="757"/>
                    </a:lnTo>
                    <a:lnTo>
                      <a:pt x="1148" y="755"/>
                    </a:lnTo>
                    <a:lnTo>
                      <a:pt x="1149" y="755"/>
                    </a:lnTo>
                    <a:lnTo>
                      <a:pt x="1149" y="753"/>
                    </a:lnTo>
                    <a:lnTo>
                      <a:pt x="1151" y="753"/>
                    </a:lnTo>
                    <a:lnTo>
                      <a:pt x="1151" y="755"/>
                    </a:lnTo>
                    <a:lnTo>
                      <a:pt x="1153" y="757"/>
                    </a:lnTo>
                    <a:lnTo>
                      <a:pt x="1155" y="760"/>
                    </a:lnTo>
                    <a:lnTo>
                      <a:pt x="1159" y="764"/>
                    </a:lnTo>
                    <a:lnTo>
                      <a:pt x="1161" y="762"/>
                    </a:lnTo>
                    <a:lnTo>
                      <a:pt x="1161" y="760"/>
                    </a:lnTo>
                    <a:lnTo>
                      <a:pt x="1161" y="758"/>
                    </a:lnTo>
                    <a:lnTo>
                      <a:pt x="1161" y="757"/>
                    </a:lnTo>
                    <a:lnTo>
                      <a:pt x="1162" y="757"/>
                    </a:lnTo>
                    <a:lnTo>
                      <a:pt x="1162" y="755"/>
                    </a:lnTo>
                    <a:lnTo>
                      <a:pt x="1162" y="753"/>
                    </a:lnTo>
                    <a:lnTo>
                      <a:pt x="1164" y="753"/>
                    </a:lnTo>
                    <a:lnTo>
                      <a:pt x="1166" y="753"/>
                    </a:lnTo>
                    <a:lnTo>
                      <a:pt x="1168" y="753"/>
                    </a:lnTo>
                    <a:lnTo>
                      <a:pt x="1170" y="751"/>
                    </a:lnTo>
                    <a:lnTo>
                      <a:pt x="1172" y="749"/>
                    </a:lnTo>
                    <a:lnTo>
                      <a:pt x="1173" y="749"/>
                    </a:lnTo>
                    <a:lnTo>
                      <a:pt x="1175" y="747"/>
                    </a:lnTo>
                    <a:lnTo>
                      <a:pt x="1177" y="747"/>
                    </a:lnTo>
                    <a:lnTo>
                      <a:pt x="1179" y="747"/>
                    </a:lnTo>
                    <a:lnTo>
                      <a:pt x="1181" y="747"/>
                    </a:lnTo>
                    <a:lnTo>
                      <a:pt x="1183" y="749"/>
                    </a:lnTo>
                    <a:lnTo>
                      <a:pt x="1181" y="751"/>
                    </a:lnTo>
                    <a:lnTo>
                      <a:pt x="1181" y="753"/>
                    </a:lnTo>
                    <a:lnTo>
                      <a:pt x="1179" y="753"/>
                    </a:lnTo>
                    <a:lnTo>
                      <a:pt x="1179" y="755"/>
                    </a:lnTo>
                    <a:lnTo>
                      <a:pt x="1179" y="757"/>
                    </a:lnTo>
                    <a:lnTo>
                      <a:pt x="1177" y="758"/>
                    </a:lnTo>
                    <a:lnTo>
                      <a:pt x="1179" y="758"/>
                    </a:lnTo>
                    <a:lnTo>
                      <a:pt x="1177" y="758"/>
                    </a:lnTo>
                    <a:lnTo>
                      <a:pt x="1179" y="758"/>
                    </a:lnTo>
                    <a:lnTo>
                      <a:pt x="1179" y="760"/>
                    </a:lnTo>
                    <a:lnTo>
                      <a:pt x="1183" y="766"/>
                    </a:lnTo>
                    <a:lnTo>
                      <a:pt x="1181" y="768"/>
                    </a:lnTo>
                    <a:lnTo>
                      <a:pt x="1179" y="768"/>
                    </a:lnTo>
                    <a:lnTo>
                      <a:pt x="1179" y="769"/>
                    </a:lnTo>
                    <a:lnTo>
                      <a:pt x="1177" y="769"/>
                    </a:lnTo>
                    <a:lnTo>
                      <a:pt x="1175" y="769"/>
                    </a:lnTo>
                    <a:lnTo>
                      <a:pt x="1175" y="768"/>
                    </a:lnTo>
                    <a:lnTo>
                      <a:pt x="1173" y="768"/>
                    </a:lnTo>
                    <a:lnTo>
                      <a:pt x="1173" y="769"/>
                    </a:lnTo>
                    <a:lnTo>
                      <a:pt x="1172" y="769"/>
                    </a:lnTo>
                    <a:lnTo>
                      <a:pt x="1172" y="768"/>
                    </a:lnTo>
                    <a:lnTo>
                      <a:pt x="1172" y="769"/>
                    </a:lnTo>
                    <a:lnTo>
                      <a:pt x="1170" y="769"/>
                    </a:lnTo>
                    <a:lnTo>
                      <a:pt x="1170" y="771"/>
                    </a:lnTo>
                    <a:lnTo>
                      <a:pt x="1168" y="771"/>
                    </a:lnTo>
                    <a:lnTo>
                      <a:pt x="1168" y="773"/>
                    </a:lnTo>
                    <a:lnTo>
                      <a:pt x="1166" y="773"/>
                    </a:lnTo>
                    <a:lnTo>
                      <a:pt x="1164" y="773"/>
                    </a:lnTo>
                    <a:lnTo>
                      <a:pt x="1164" y="771"/>
                    </a:lnTo>
                    <a:lnTo>
                      <a:pt x="1162" y="771"/>
                    </a:lnTo>
                    <a:lnTo>
                      <a:pt x="1162" y="773"/>
                    </a:lnTo>
                    <a:lnTo>
                      <a:pt x="1161" y="773"/>
                    </a:lnTo>
                    <a:lnTo>
                      <a:pt x="1161" y="777"/>
                    </a:lnTo>
                    <a:lnTo>
                      <a:pt x="1159" y="777"/>
                    </a:lnTo>
                    <a:lnTo>
                      <a:pt x="1159" y="779"/>
                    </a:lnTo>
                    <a:lnTo>
                      <a:pt x="1157" y="779"/>
                    </a:lnTo>
                    <a:lnTo>
                      <a:pt x="1157" y="781"/>
                    </a:lnTo>
                    <a:lnTo>
                      <a:pt x="1155" y="782"/>
                    </a:lnTo>
                    <a:lnTo>
                      <a:pt x="1153" y="782"/>
                    </a:lnTo>
                    <a:lnTo>
                      <a:pt x="1153" y="784"/>
                    </a:lnTo>
                    <a:lnTo>
                      <a:pt x="1151" y="784"/>
                    </a:lnTo>
                    <a:lnTo>
                      <a:pt x="1151" y="786"/>
                    </a:lnTo>
                    <a:lnTo>
                      <a:pt x="1151" y="788"/>
                    </a:lnTo>
                    <a:lnTo>
                      <a:pt x="1149" y="788"/>
                    </a:lnTo>
                    <a:lnTo>
                      <a:pt x="1149" y="790"/>
                    </a:lnTo>
                    <a:lnTo>
                      <a:pt x="1149" y="792"/>
                    </a:lnTo>
                    <a:lnTo>
                      <a:pt x="1148" y="792"/>
                    </a:lnTo>
                    <a:lnTo>
                      <a:pt x="1146" y="792"/>
                    </a:lnTo>
                    <a:lnTo>
                      <a:pt x="1146" y="794"/>
                    </a:lnTo>
                    <a:lnTo>
                      <a:pt x="1144" y="795"/>
                    </a:lnTo>
                    <a:lnTo>
                      <a:pt x="1144" y="797"/>
                    </a:lnTo>
                    <a:lnTo>
                      <a:pt x="1142" y="797"/>
                    </a:lnTo>
                    <a:lnTo>
                      <a:pt x="1140" y="797"/>
                    </a:lnTo>
                    <a:lnTo>
                      <a:pt x="1140" y="799"/>
                    </a:lnTo>
                    <a:lnTo>
                      <a:pt x="1138" y="799"/>
                    </a:lnTo>
                    <a:lnTo>
                      <a:pt x="1138" y="801"/>
                    </a:lnTo>
                    <a:lnTo>
                      <a:pt x="1137" y="801"/>
                    </a:lnTo>
                    <a:lnTo>
                      <a:pt x="1137" y="803"/>
                    </a:lnTo>
                    <a:lnTo>
                      <a:pt x="1135" y="805"/>
                    </a:lnTo>
                    <a:lnTo>
                      <a:pt x="1135" y="806"/>
                    </a:lnTo>
                    <a:lnTo>
                      <a:pt x="1133" y="806"/>
                    </a:lnTo>
                    <a:lnTo>
                      <a:pt x="1133" y="808"/>
                    </a:lnTo>
                    <a:lnTo>
                      <a:pt x="1131" y="808"/>
                    </a:lnTo>
                    <a:lnTo>
                      <a:pt x="1131" y="810"/>
                    </a:lnTo>
                    <a:lnTo>
                      <a:pt x="1129" y="812"/>
                    </a:lnTo>
                    <a:lnTo>
                      <a:pt x="1129" y="814"/>
                    </a:lnTo>
                    <a:lnTo>
                      <a:pt x="1129" y="816"/>
                    </a:lnTo>
                    <a:lnTo>
                      <a:pt x="1129" y="818"/>
                    </a:lnTo>
                    <a:lnTo>
                      <a:pt x="1127" y="818"/>
                    </a:lnTo>
                    <a:lnTo>
                      <a:pt x="1129" y="819"/>
                    </a:lnTo>
                    <a:lnTo>
                      <a:pt x="1127" y="818"/>
                    </a:lnTo>
                    <a:lnTo>
                      <a:pt x="1125" y="819"/>
                    </a:lnTo>
                    <a:lnTo>
                      <a:pt x="1125" y="821"/>
                    </a:lnTo>
                    <a:lnTo>
                      <a:pt x="1125" y="823"/>
                    </a:lnTo>
                    <a:lnTo>
                      <a:pt x="1125" y="825"/>
                    </a:lnTo>
                    <a:lnTo>
                      <a:pt x="1125" y="827"/>
                    </a:lnTo>
                    <a:lnTo>
                      <a:pt x="1124" y="827"/>
                    </a:lnTo>
                    <a:lnTo>
                      <a:pt x="1122" y="827"/>
                    </a:lnTo>
                    <a:lnTo>
                      <a:pt x="1122" y="825"/>
                    </a:lnTo>
                    <a:lnTo>
                      <a:pt x="1122" y="823"/>
                    </a:lnTo>
                    <a:lnTo>
                      <a:pt x="1122" y="821"/>
                    </a:lnTo>
                    <a:lnTo>
                      <a:pt x="1122" y="819"/>
                    </a:lnTo>
                    <a:lnTo>
                      <a:pt x="1122" y="818"/>
                    </a:lnTo>
                    <a:lnTo>
                      <a:pt x="1124" y="818"/>
                    </a:lnTo>
                    <a:lnTo>
                      <a:pt x="1124" y="816"/>
                    </a:lnTo>
                    <a:lnTo>
                      <a:pt x="1122" y="816"/>
                    </a:lnTo>
                    <a:lnTo>
                      <a:pt x="1120" y="816"/>
                    </a:lnTo>
                    <a:lnTo>
                      <a:pt x="1120" y="814"/>
                    </a:lnTo>
                    <a:lnTo>
                      <a:pt x="1118" y="816"/>
                    </a:lnTo>
                    <a:lnTo>
                      <a:pt x="1118" y="814"/>
                    </a:lnTo>
                    <a:lnTo>
                      <a:pt x="1118" y="812"/>
                    </a:lnTo>
                    <a:lnTo>
                      <a:pt x="1118" y="810"/>
                    </a:lnTo>
                    <a:lnTo>
                      <a:pt x="1118" y="808"/>
                    </a:lnTo>
                    <a:lnTo>
                      <a:pt x="1116" y="808"/>
                    </a:lnTo>
                    <a:lnTo>
                      <a:pt x="1116" y="806"/>
                    </a:lnTo>
                    <a:lnTo>
                      <a:pt x="1116" y="805"/>
                    </a:lnTo>
                    <a:lnTo>
                      <a:pt x="1116" y="806"/>
                    </a:lnTo>
                    <a:lnTo>
                      <a:pt x="1114" y="806"/>
                    </a:lnTo>
                    <a:lnTo>
                      <a:pt x="1114" y="805"/>
                    </a:lnTo>
                    <a:lnTo>
                      <a:pt x="1112" y="805"/>
                    </a:lnTo>
                    <a:lnTo>
                      <a:pt x="1112" y="806"/>
                    </a:lnTo>
                    <a:lnTo>
                      <a:pt x="1111" y="806"/>
                    </a:lnTo>
                    <a:lnTo>
                      <a:pt x="1101" y="810"/>
                    </a:lnTo>
                    <a:lnTo>
                      <a:pt x="1100" y="810"/>
                    </a:lnTo>
                    <a:lnTo>
                      <a:pt x="1098" y="812"/>
                    </a:lnTo>
                    <a:lnTo>
                      <a:pt x="1096" y="812"/>
                    </a:lnTo>
                    <a:lnTo>
                      <a:pt x="1094" y="812"/>
                    </a:lnTo>
                    <a:lnTo>
                      <a:pt x="1092" y="812"/>
                    </a:lnTo>
                    <a:lnTo>
                      <a:pt x="1090" y="812"/>
                    </a:lnTo>
                    <a:lnTo>
                      <a:pt x="1087" y="812"/>
                    </a:lnTo>
                    <a:lnTo>
                      <a:pt x="1085" y="812"/>
                    </a:lnTo>
                    <a:lnTo>
                      <a:pt x="1085" y="814"/>
                    </a:lnTo>
                    <a:lnTo>
                      <a:pt x="1083" y="814"/>
                    </a:lnTo>
                    <a:lnTo>
                      <a:pt x="1081" y="814"/>
                    </a:lnTo>
                    <a:lnTo>
                      <a:pt x="1081" y="812"/>
                    </a:lnTo>
                    <a:lnTo>
                      <a:pt x="1079" y="812"/>
                    </a:lnTo>
                    <a:lnTo>
                      <a:pt x="1077" y="812"/>
                    </a:lnTo>
                    <a:lnTo>
                      <a:pt x="1074" y="812"/>
                    </a:lnTo>
                    <a:lnTo>
                      <a:pt x="1074" y="810"/>
                    </a:lnTo>
                    <a:lnTo>
                      <a:pt x="1074" y="808"/>
                    </a:lnTo>
                    <a:lnTo>
                      <a:pt x="1076" y="806"/>
                    </a:lnTo>
                    <a:lnTo>
                      <a:pt x="1077" y="803"/>
                    </a:lnTo>
                    <a:lnTo>
                      <a:pt x="1077" y="801"/>
                    </a:lnTo>
                    <a:lnTo>
                      <a:pt x="1076" y="801"/>
                    </a:lnTo>
                    <a:lnTo>
                      <a:pt x="1074" y="801"/>
                    </a:lnTo>
                    <a:lnTo>
                      <a:pt x="1076" y="801"/>
                    </a:lnTo>
                    <a:lnTo>
                      <a:pt x="1074" y="801"/>
                    </a:lnTo>
                    <a:lnTo>
                      <a:pt x="1076" y="801"/>
                    </a:lnTo>
                    <a:lnTo>
                      <a:pt x="1076" y="803"/>
                    </a:lnTo>
                    <a:lnTo>
                      <a:pt x="1074" y="803"/>
                    </a:lnTo>
                    <a:lnTo>
                      <a:pt x="1074" y="805"/>
                    </a:lnTo>
                    <a:lnTo>
                      <a:pt x="1072" y="806"/>
                    </a:lnTo>
                    <a:lnTo>
                      <a:pt x="1072" y="808"/>
                    </a:lnTo>
                    <a:lnTo>
                      <a:pt x="1070" y="808"/>
                    </a:lnTo>
                    <a:lnTo>
                      <a:pt x="1070" y="810"/>
                    </a:lnTo>
                    <a:lnTo>
                      <a:pt x="1068" y="810"/>
                    </a:lnTo>
                    <a:lnTo>
                      <a:pt x="1068" y="812"/>
                    </a:lnTo>
                    <a:lnTo>
                      <a:pt x="1066" y="812"/>
                    </a:lnTo>
                    <a:lnTo>
                      <a:pt x="1066" y="814"/>
                    </a:lnTo>
                    <a:lnTo>
                      <a:pt x="1066" y="812"/>
                    </a:lnTo>
                    <a:lnTo>
                      <a:pt x="1066" y="814"/>
                    </a:lnTo>
                    <a:lnTo>
                      <a:pt x="1066" y="816"/>
                    </a:lnTo>
                    <a:lnTo>
                      <a:pt x="1064" y="816"/>
                    </a:lnTo>
                    <a:lnTo>
                      <a:pt x="1064" y="818"/>
                    </a:lnTo>
                    <a:lnTo>
                      <a:pt x="1064" y="819"/>
                    </a:lnTo>
                    <a:lnTo>
                      <a:pt x="1064" y="821"/>
                    </a:lnTo>
                    <a:lnTo>
                      <a:pt x="1064" y="823"/>
                    </a:lnTo>
                    <a:lnTo>
                      <a:pt x="1063" y="823"/>
                    </a:lnTo>
                    <a:lnTo>
                      <a:pt x="1064" y="823"/>
                    </a:lnTo>
                    <a:lnTo>
                      <a:pt x="1063" y="823"/>
                    </a:lnTo>
                    <a:lnTo>
                      <a:pt x="1063" y="825"/>
                    </a:lnTo>
                    <a:lnTo>
                      <a:pt x="1063" y="827"/>
                    </a:lnTo>
                    <a:lnTo>
                      <a:pt x="1061" y="827"/>
                    </a:lnTo>
                    <a:lnTo>
                      <a:pt x="1061" y="829"/>
                    </a:lnTo>
                    <a:lnTo>
                      <a:pt x="1059" y="830"/>
                    </a:lnTo>
                    <a:lnTo>
                      <a:pt x="1059" y="832"/>
                    </a:lnTo>
                    <a:lnTo>
                      <a:pt x="1057" y="832"/>
                    </a:lnTo>
                    <a:lnTo>
                      <a:pt x="1057" y="834"/>
                    </a:lnTo>
                    <a:lnTo>
                      <a:pt x="1057" y="836"/>
                    </a:lnTo>
                    <a:lnTo>
                      <a:pt x="1055" y="836"/>
                    </a:lnTo>
                    <a:lnTo>
                      <a:pt x="1055" y="838"/>
                    </a:lnTo>
                    <a:lnTo>
                      <a:pt x="1053" y="838"/>
                    </a:lnTo>
                    <a:lnTo>
                      <a:pt x="1055" y="838"/>
                    </a:lnTo>
                    <a:lnTo>
                      <a:pt x="1053" y="838"/>
                    </a:lnTo>
                    <a:lnTo>
                      <a:pt x="1055" y="840"/>
                    </a:lnTo>
                    <a:lnTo>
                      <a:pt x="1057" y="842"/>
                    </a:lnTo>
                    <a:lnTo>
                      <a:pt x="1057" y="843"/>
                    </a:lnTo>
                    <a:lnTo>
                      <a:pt x="1059" y="843"/>
                    </a:lnTo>
                    <a:lnTo>
                      <a:pt x="1061" y="845"/>
                    </a:lnTo>
                    <a:lnTo>
                      <a:pt x="1061" y="849"/>
                    </a:lnTo>
                    <a:lnTo>
                      <a:pt x="1063" y="853"/>
                    </a:lnTo>
                    <a:lnTo>
                      <a:pt x="1063" y="855"/>
                    </a:lnTo>
                    <a:lnTo>
                      <a:pt x="1064" y="856"/>
                    </a:lnTo>
                    <a:lnTo>
                      <a:pt x="1066" y="858"/>
                    </a:lnTo>
                    <a:lnTo>
                      <a:pt x="1068" y="858"/>
                    </a:lnTo>
                    <a:lnTo>
                      <a:pt x="1070" y="860"/>
                    </a:lnTo>
                    <a:lnTo>
                      <a:pt x="1070" y="862"/>
                    </a:lnTo>
                    <a:lnTo>
                      <a:pt x="1072" y="864"/>
                    </a:lnTo>
                    <a:lnTo>
                      <a:pt x="1072" y="866"/>
                    </a:lnTo>
                    <a:lnTo>
                      <a:pt x="1074" y="866"/>
                    </a:lnTo>
                    <a:lnTo>
                      <a:pt x="1076" y="866"/>
                    </a:lnTo>
                    <a:lnTo>
                      <a:pt x="1077" y="866"/>
                    </a:lnTo>
                    <a:lnTo>
                      <a:pt x="1077" y="864"/>
                    </a:lnTo>
                    <a:lnTo>
                      <a:pt x="1079" y="864"/>
                    </a:lnTo>
                    <a:lnTo>
                      <a:pt x="1081" y="864"/>
                    </a:lnTo>
                    <a:lnTo>
                      <a:pt x="1081" y="866"/>
                    </a:lnTo>
                    <a:lnTo>
                      <a:pt x="1081" y="867"/>
                    </a:lnTo>
                    <a:lnTo>
                      <a:pt x="1083" y="867"/>
                    </a:lnTo>
                    <a:lnTo>
                      <a:pt x="1083" y="869"/>
                    </a:lnTo>
                    <a:lnTo>
                      <a:pt x="1083" y="871"/>
                    </a:lnTo>
                    <a:lnTo>
                      <a:pt x="1083" y="873"/>
                    </a:lnTo>
                    <a:lnTo>
                      <a:pt x="1083" y="875"/>
                    </a:lnTo>
                    <a:lnTo>
                      <a:pt x="1083" y="877"/>
                    </a:lnTo>
                    <a:lnTo>
                      <a:pt x="1083" y="879"/>
                    </a:lnTo>
                    <a:lnTo>
                      <a:pt x="1085" y="879"/>
                    </a:lnTo>
                    <a:lnTo>
                      <a:pt x="1087" y="884"/>
                    </a:lnTo>
                    <a:lnTo>
                      <a:pt x="1092" y="892"/>
                    </a:lnTo>
                    <a:lnTo>
                      <a:pt x="1094" y="892"/>
                    </a:lnTo>
                    <a:lnTo>
                      <a:pt x="1094" y="893"/>
                    </a:lnTo>
                    <a:lnTo>
                      <a:pt x="1096" y="895"/>
                    </a:lnTo>
                    <a:lnTo>
                      <a:pt x="1096" y="897"/>
                    </a:lnTo>
                    <a:lnTo>
                      <a:pt x="1098" y="897"/>
                    </a:lnTo>
                    <a:lnTo>
                      <a:pt x="1100" y="897"/>
                    </a:lnTo>
                    <a:lnTo>
                      <a:pt x="1101" y="897"/>
                    </a:lnTo>
                    <a:lnTo>
                      <a:pt x="1103" y="897"/>
                    </a:lnTo>
                    <a:lnTo>
                      <a:pt x="1103" y="899"/>
                    </a:lnTo>
                    <a:lnTo>
                      <a:pt x="1105" y="899"/>
                    </a:lnTo>
                    <a:lnTo>
                      <a:pt x="1105" y="901"/>
                    </a:lnTo>
                    <a:lnTo>
                      <a:pt x="1105" y="903"/>
                    </a:lnTo>
                    <a:lnTo>
                      <a:pt x="1107" y="903"/>
                    </a:lnTo>
                    <a:lnTo>
                      <a:pt x="1112" y="903"/>
                    </a:lnTo>
                    <a:lnTo>
                      <a:pt x="1114" y="904"/>
                    </a:lnTo>
                    <a:lnTo>
                      <a:pt x="1118" y="904"/>
                    </a:lnTo>
                    <a:lnTo>
                      <a:pt x="1120" y="904"/>
                    </a:lnTo>
                    <a:lnTo>
                      <a:pt x="1122" y="903"/>
                    </a:lnTo>
                    <a:lnTo>
                      <a:pt x="1125" y="903"/>
                    </a:lnTo>
                    <a:lnTo>
                      <a:pt x="1127" y="897"/>
                    </a:lnTo>
                    <a:lnTo>
                      <a:pt x="1129" y="895"/>
                    </a:lnTo>
                    <a:lnTo>
                      <a:pt x="1129" y="893"/>
                    </a:lnTo>
                    <a:lnTo>
                      <a:pt x="1131" y="890"/>
                    </a:lnTo>
                    <a:lnTo>
                      <a:pt x="1131" y="888"/>
                    </a:lnTo>
                    <a:lnTo>
                      <a:pt x="1137" y="886"/>
                    </a:lnTo>
                    <a:lnTo>
                      <a:pt x="1140" y="880"/>
                    </a:lnTo>
                    <a:lnTo>
                      <a:pt x="1142" y="877"/>
                    </a:lnTo>
                    <a:lnTo>
                      <a:pt x="1146" y="873"/>
                    </a:lnTo>
                    <a:lnTo>
                      <a:pt x="1148" y="871"/>
                    </a:lnTo>
                    <a:lnTo>
                      <a:pt x="1149" y="871"/>
                    </a:lnTo>
                    <a:lnTo>
                      <a:pt x="1149" y="869"/>
                    </a:lnTo>
                    <a:lnTo>
                      <a:pt x="1153" y="866"/>
                    </a:lnTo>
                    <a:lnTo>
                      <a:pt x="1153" y="864"/>
                    </a:lnTo>
                    <a:lnTo>
                      <a:pt x="1155" y="862"/>
                    </a:lnTo>
                    <a:lnTo>
                      <a:pt x="1161" y="860"/>
                    </a:lnTo>
                    <a:lnTo>
                      <a:pt x="1162" y="858"/>
                    </a:lnTo>
                    <a:lnTo>
                      <a:pt x="1164" y="856"/>
                    </a:lnTo>
                    <a:lnTo>
                      <a:pt x="1166" y="855"/>
                    </a:lnTo>
                    <a:lnTo>
                      <a:pt x="1168" y="855"/>
                    </a:lnTo>
                    <a:lnTo>
                      <a:pt x="1170" y="853"/>
                    </a:lnTo>
                    <a:lnTo>
                      <a:pt x="1172" y="851"/>
                    </a:lnTo>
                    <a:lnTo>
                      <a:pt x="1173" y="851"/>
                    </a:lnTo>
                    <a:lnTo>
                      <a:pt x="1173" y="849"/>
                    </a:lnTo>
                    <a:lnTo>
                      <a:pt x="1175" y="849"/>
                    </a:lnTo>
                    <a:lnTo>
                      <a:pt x="1175" y="851"/>
                    </a:lnTo>
                    <a:lnTo>
                      <a:pt x="1175" y="853"/>
                    </a:lnTo>
                    <a:lnTo>
                      <a:pt x="1175" y="855"/>
                    </a:lnTo>
                    <a:lnTo>
                      <a:pt x="1175" y="856"/>
                    </a:lnTo>
                    <a:lnTo>
                      <a:pt x="1175" y="858"/>
                    </a:lnTo>
                    <a:lnTo>
                      <a:pt x="1175" y="860"/>
                    </a:lnTo>
                    <a:lnTo>
                      <a:pt x="1175" y="862"/>
                    </a:lnTo>
                    <a:lnTo>
                      <a:pt x="1173" y="862"/>
                    </a:lnTo>
                    <a:lnTo>
                      <a:pt x="1173" y="864"/>
                    </a:lnTo>
                    <a:lnTo>
                      <a:pt x="1173" y="866"/>
                    </a:lnTo>
                    <a:lnTo>
                      <a:pt x="1173" y="867"/>
                    </a:lnTo>
                    <a:lnTo>
                      <a:pt x="1172" y="867"/>
                    </a:lnTo>
                    <a:lnTo>
                      <a:pt x="1172" y="869"/>
                    </a:lnTo>
                    <a:lnTo>
                      <a:pt x="1172" y="871"/>
                    </a:lnTo>
                    <a:lnTo>
                      <a:pt x="1172" y="873"/>
                    </a:lnTo>
                    <a:lnTo>
                      <a:pt x="1173" y="875"/>
                    </a:lnTo>
                    <a:lnTo>
                      <a:pt x="1173" y="873"/>
                    </a:lnTo>
                    <a:lnTo>
                      <a:pt x="1175" y="871"/>
                    </a:lnTo>
                    <a:lnTo>
                      <a:pt x="1177" y="871"/>
                    </a:lnTo>
                    <a:lnTo>
                      <a:pt x="1177" y="869"/>
                    </a:lnTo>
                    <a:lnTo>
                      <a:pt x="1179" y="869"/>
                    </a:lnTo>
                    <a:lnTo>
                      <a:pt x="1179" y="867"/>
                    </a:lnTo>
                    <a:lnTo>
                      <a:pt x="1181" y="866"/>
                    </a:lnTo>
                    <a:lnTo>
                      <a:pt x="1181" y="864"/>
                    </a:lnTo>
                    <a:lnTo>
                      <a:pt x="1183" y="864"/>
                    </a:lnTo>
                    <a:lnTo>
                      <a:pt x="1185" y="864"/>
                    </a:lnTo>
                    <a:lnTo>
                      <a:pt x="1186" y="864"/>
                    </a:lnTo>
                    <a:lnTo>
                      <a:pt x="1186" y="866"/>
                    </a:lnTo>
                    <a:lnTo>
                      <a:pt x="1186" y="864"/>
                    </a:lnTo>
                    <a:lnTo>
                      <a:pt x="1188" y="864"/>
                    </a:lnTo>
                    <a:lnTo>
                      <a:pt x="1190" y="866"/>
                    </a:lnTo>
                    <a:lnTo>
                      <a:pt x="1192" y="866"/>
                    </a:lnTo>
                    <a:lnTo>
                      <a:pt x="1194" y="866"/>
                    </a:lnTo>
                    <a:lnTo>
                      <a:pt x="1194" y="864"/>
                    </a:lnTo>
                    <a:lnTo>
                      <a:pt x="1196" y="864"/>
                    </a:lnTo>
                    <a:lnTo>
                      <a:pt x="1198" y="864"/>
                    </a:lnTo>
                    <a:lnTo>
                      <a:pt x="1198" y="866"/>
                    </a:lnTo>
                    <a:lnTo>
                      <a:pt x="1198" y="867"/>
                    </a:lnTo>
                    <a:lnTo>
                      <a:pt x="1199" y="867"/>
                    </a:lnTo>
                    <a:lnTo>
                      <a:pt x="1199" y="869"/>
                    </a:lnTo>
                    <a:lnTo>
                      <a:pt x="1201" y="869"/>
                    </a:lnTo>
                    <a:lnTo>
                      <a:pt x="1203" y="869"/>
                    </a:lnTo>
                    <a:lnTo>
                      <a:pt x="1203" y="871"/>
                    </a:lnTo>
                    <a:lnTo>
                      <a:pt x="1205" y="871"/>
                    </a:lnTo>
                    <a:lnTo>
                      <a:pt x="1207" y="873"/>
                    </a:lnTo>
                    <a:lnTo>
                      <a:pt x="1209" y="873"/>
                    </a:lnTo>
                    <a:lnTo>
                      <a:pt x="1210" y="873"/>
                    </a:lnTo>
                    <a:lnTo>
                      <a:pt x="1212" y="875"/>
                    </a:lnTo>
                    <a:lnTo>
                      <a:pt x="1214" y="875"/>
                    </a:lnTo>
                    <a:lnTo>
                      <a:pt x="1214" y="877"/>
                    </a:lnTo>
                    <a:lnTo>
                      <a:pt x="1216" y="877"/>
                    </a:lnTo>
                    <a:lnTo>
                      <a:pt x="1216" y="879"/>
                    </a:lnTo>
                    <a:lnTo>
                      <a:pt x="1216" y="880"/>
                    </a:lnTo>
                    <a:lnTo>
                      <a:pt x="1218" y="880"/>
                    </a:lnTo>
                    <a:lnTo>
                      <a:pt x="1218" y="882"/>
                    </a:lnTo>
                    <a:lnTo>
                      <a:pt x="1220" y="880"/>
                    </a:lnTo>
                    <a:lnTo>
                      <a:pt x="1222" y="880"/>
                    </a:lnTo>
                    <a:lnTo>
                      <a:pt x="1223" y="880"/>
                    </a:lnTo>
                    <a:lnTo>
                      <a:pt x="1222" y="882"/>
                    </a:lnTo>
                    <a:lnTo>
                      <a:pt x="1223" y="882"/>
                    </a:lnTo>
                    <a:lnTo>
                      <a:pt x="1223" y="884"/>
                    </a:lnTo>
                    <a:lnTo>
                      <a:pt x="1225" y="884"/>
                    </a:lnTo>
                    <a:lnTo>
                      <a:pt x="1225" y="886"/>
                    </a:lnTo>
                    <a:lnTo>
                      <a:pt x="1225" y="888"/>
                    </a:lnTo>
                    <a:lnTo>
                      <a:pt x="1227" y="888"/>
                    </a:lnTo>
                    <a:lnTo>
                      <a:pt x="1229" y="888"/>
                    </a:lnTo>
                    <a:lnTo>
                      <a:pt x="1231" y="888"/>
                    </a:lnTo>
                    <a:lnTo>
                      <a:pt x="1233" y="888"/>
                    </a:lnTo>
                    <a:lnTo>
                      <a:pt x="1234" y="888"/>
                    </a:lnTo>
                    <a:lnTo>
                      <a:pt x="1236" y="888"/>
                    </a:lnTo>
                    <a:lnTo>
                      <a:pt x="1238" y="886"/>
                    </a:lnTo>
                    <a:lnTo>
                      <a:pt x="1238" y="888"/>
                    </a:lnTo>
                    <a:lnTo>
                      <a:pt x="1240" y="888"/>
                    </a:lnTo>
                    <a:lnTo>
                      <a:pt x="1242" y="888"/>
                    </a:lnTo>
                    <a:lnTo>
                      <a:pt x="1244" y="888"/>
                    </a:lnTo>
                    <a:lnTo>
                      <a:pt x="1246" y="888"/>
                    </a:lnTo>
                    <a:lnTo>
                      <a:pt x="1247" y="888"/>
                    </a:lnTo>
                    <a:lnTo>
                      <a:pt x="1247" y="886"/>
                    </a:lnTo>
                    <a:lnTo>
                      <a:pt x="1249" y="888"/>
                    </a:lnTo>
                    <a:lnTo>
                      <a:pt x="1249" y="886"/>
                    </a:lnTo>
                    <a:lnTo>
                      <a:pt x="1251" y="886"/>
                    </a:lnTo>
                    <a:lnTo>
                      <a:pt x="1253" y="886"/>
                    </a:lnTo>
                    <a:lnTo>
                      <a:pt x="1253" y="888"/>
                    </a:lnTo>
                    <a:lnTo>
                      <a:pt x="1255" y="888"/>
                    </a:lnTo>
                    <a:lnTo>
                      <a:pt x="1257" y="890"/>
                    </a:lnTo>
                    <a:lnTo>
                      <a:pt x="1257" y="892"/>
                    </a:lnTo>
                    <a:lnTo>
                      <a:pt x="1259" y="892"/>
                    </a:lnTo>
                    <a:lnTo>
                      <a:pt x="1260" y="893"/>
                    </a:lnTo>
                    <a:lnTo>
                      <a:pt x="1262" y="893"/>
                    </a:lnTo>
                    <a:lnTo>
                      <a:pt x="1262" y="895"/>
                    </a:lnTo>
                    <a:lnTo>
                      <a:pt x="1264" y="895"/>
                    </a:lnTo>
                    <a:lnTo>
                      <a:pt x="1264" y="897"/>
                    </a:lnTo>
                    <a:lnTo>
                      <a:pt x="1266" y="897"/>
                    </a:lnTo>
                    <a:lnTo>
                      <a:pt x="1268" y="899"/>
                    </a:lnTo>
                    <a:lnTo>
                      <a:pt x="1268" y="901"/>
                    </a:lnTo>
                    <a:lnTo>
                      <a:pt x="1270" y="901"/>
                    </a:lnTo>
                    <a:lnTo>
                      <a:pt x="1270" y="903"/>
                    </a:lnTo>
                    <a:lnTo>
                      <a:pt x="1270" y="904"/>
                    </a:lnTo>
                    <a:lnTo>
                      <a:pt x="1271" y="904"/>
                    </a:lnTo>
                    <a:lnTo>
                      <a:pt x="1273" y="906"/>
                    </a:lnTo>
                    <a:lnTo>
                      <a:pt x="1275" y="906"/>
                    </a:lnTo>
                    <a:lnTo>
                      <a:pt x="1275" y="908"/>
                    </a:lnTo>
                    <a:lnTo>
                      <a:pt x="1277" y="908"/>
                    </a:lnTo>
                    <a:lnTo>
                      <a:pt x="1279" y="908"/>
                    </a:lnTo>
                    <a:lnTo>
                      <a:pt x="1281" y="908"/>
                    </a:lnTo>
                    <a:lnTo>
                      <a:pt x="1281" y="910"/>
                    </a:lnTo>
                    <a:lnTo>
                      <a:pt x="1281" y="912"/>
                    </a:lnTo>
                    <a:lnTo>
                      <a:pt x="1283" y="912"/>
                    </a:lnTo>
                    <a:lnTo>
                      <a:pt x="1283" y="914"/>
                    </a:lnTo>
                    <a:lnTo>
                      <a:pt x="1281" y="914"/>
                    </a:lnTo>
                    <a:lnTo>
                      <a:pt x="1281" y="916"/>
                    </a:lnTo>
                    <a:lnTo>
                      <a:pt x="1281" y="917"/>
                    </a:lnTo>
                    <a:lnTo>
                      <a:pt x="1281" y="919"/>
                    </a:lnTo>
                    <a:lnTo>
                      <a:pt x="1281" y="921"/>
                    </a:lnTo>
                    <a:lnTo>
                      <a:pt x="1281" y="923"/>
                    </a:lnTo>
                    <a:lnTo>
                      <a:pt x="1283" y="925"/>
                    </a:lnTo>
                    <a:lnTo>
                      <a:pt x="1283" y="927"/>
                    </a:lnTo>
                    <a:lnTo>
                      <a:pt x="1283" y="929"/>
                    </a:lnTo>
                    <a:lnTo>
                      <a:pt x="1283" y="930"/>
                    </a:lnTo>
                    <a:lnTo>
                      <a:pt x="1284" y="930"/>
                    </a:lnTo>
                    <a:lnTo>
                      <a:pt x="1284" y="932"/>
                    </a:lnTo>
                    <a:lnTo>
                      <a:pt x="1284" y="934"/>
                    </a:lnTo>
                    <a:lnTo>
                      <a:pt x="1284" y="936"/>
                    </a:lnTo>
                    <a:lnTo>
                      <a:pt x="1286" y="936"/>
                    </a:lnTo>
                    <a:lnTo>
                      <a:pt x="1288" y="938"/>
                    </a:lnTo>
                    <a:lnTo>
                      <a:pt x="1290" y="940"/>
                    </a:lnTo>
                    <a:lnTo>
                      <a:pt x="1294" y="941"/>
                    </a:lnTo>
                    <a:lnTo>
                      <a:pt x="1292" y="943"/>
                    </a:lnTo>
                    <a:lnTo>
                      <a:pt x="1290" y="943"/>
                    </a:lnTo>
                    <a:lnTo>
                      <a:pt x="1290" y="945"/>
                    </a:lnTo>
                    <a:lnTo>
                      <a:pt x="1288" y="945"/>
                    </a:lnTo>
                    <a:lnTo>
                      <a:pt x="1288" y="947"/>
                    </a:lnTo>
                    <a:lnTo>
                      <a:pt x="1288" y="949"/>
                    </a:lnTo>
                    <a:lnTo>
                      <a:pt x="1290" y="951"/>
                    </a:lnTo>
                    <a:lnTo>
                      <a:pt x="1288" y="953"/>
                    </a:lnTo>
                    <a:lnTo>
                      <a:pt x="1288" y="954"/>
                    </a:lnTo>
                    <a:lnTo>
                      <a:pt x="1288" y="956"/>
                    </a:lnTo>
                    <a:lnTo>
                      <a:pt x="1288" y="958"/>
                    </a:lnTo>
                    <a:lnTo>
                      <a:pt x="1290" y="958"/>
                    </a:lnTo>
                    <a:lnTo>
                      <a:pt x="1290" y="960"/>
                    </a:lnTo>
                    <a:lnTo>
                      <a:pt x="1290" y="962"/>
                    </a:lnTo>
                    <a:lnTo>
                      <a:pt x="1288" y="964"/>
                    </a:lnTo>
                    <a:lnTo>
                      <a:pt x="1290" y="966"/>
                    </a:lnTo>
                    <a:lnTo>
                      <a:pt x="1290" y="967"/>
                    </a:lnTo>
                    <a:lnTo>
                      <a:pt x="1290" y="969"/>
                    </a:lnTo>
                    <a:lnTo>
                      <a:pt x="1290" y="971"/>
                    </a:lnTo>
                    <a:lnTo>
                      <a:pt x="1290" y="973"/>
                    </a:lnTo>
                    <a:lnTo>
                      <a:pt x="1290" y="975"/>
                    </a:lnTo>
                    <a:lnTo>
                      <a:pt x="1292" y="975"/>
                    </a:lnTo>
                    <a:lnTo>
                      <a:pt x="1294" y="975"/>
                    </a:lnTo>
                    <a:lnTo>
                      <a:pt x="1296" y="977"/>
                    </a:lnTo>
                    <a:lnTo>
                      <a:pt x="1296" y="978"/>
                    </a:lnTo>
                    <a:lnTo>
                      <a:pt x="1297" y="978"/>
                    </a:lnTo>
                    <a:lnTo>
                      <a:pt x="1299" y="982"/>
                    </a:lnTo>
                    <a:lnTo>
                      <a:pt x="1301" y="984"/>
                    </a:lnTo>
                    <a:lnTo>
                      <a:pt x="1303" y="986"/>
                    </a:lnTo>
                    <a:lnTo>
                      <a:pt x="1305" y="986"/>
                    </a:lnTo>
                    <a:lnTo>
                      <a:pt x="1305" y="988"/>
                    </a:lnTo>
                    <a:lnTo>
                      <a:pt x="1305" y="990"/>
                    </a:lnTo>
                    <a:lnTo>
                      <a:pt x="1307" y="990"/>
                    </a:lnTo>
                    <a:lnTo>
                      <a:pt x="1307" y="991"/>
                    </a:lnTo>
                    <a:lnTo>
                      <a:pt x="1307" y="993"/>
                    </a:lnTo>
                    <a:lnTo>
                      <a:pt x="1307" y="995"/>
                    </a:lnTo>
                    <a:lnTo>
                      <a:pt x="1308" y="995"/>
                    </a:lnTo>
                    <a:lnTo>
                      <a:pt x="1307" y="997"/>
                    </a:lnTo>
                    <a:lnTo>
                      <a:pt x="1307" y="999"/>
                    </a:lnTo>
                    <a:lnTo>
                      <a:pt x="1305" y="1001"/>
                    </a:lnTo>
                    <a:lnTo>
                      <a:pt x="1305" y="1003"/>
                    </a:lnTo>
                    <a:lnTo>
                      <a:pt x="1303" y="1003"/>
                    </a:lnTo>
                    <a:lnTo>
                      <a:pt x="1303" y="1004"/>
                    </a:lnTo>
                    <a:lnTo>
                      <a:pt x="1303" y="1006"/>
                    </a:lnTo>
                    <a:lnTo>
                      <a:pt x="1299" y="1010"/>
                    </a:lnTo>
                    <a:lnTo>
                      <a:pt x="1297" y="1012"/>
                    </a:lnTo>
                    <a:lnTo>
                      <a:pt x="1296" y="1014"/>
                    </a:lnTo>
                    <a:lnTo>
                      <a:pt x="1296" y="1015"/>
                    </a:lnTo>
                    <a:lnTo>
                      <a:pt x="1296" y="1017"/>
                    </a:lnTo>
                    <a:lnTo>
                      <a:pt x="1297" y="1017"/>
                    </a:lnTo>
                    <a:lnTo>
                      <a:pt x="1299" y="1017"/>
                    </a:lnTo>
                    <a:lnTo>
                      <a:pt x="1301" y="1017"/>
                    </a:lnTo>
                    <a:lnTo>
                      <a:pt x="1303" y="1017"/>
                    </a:lnTo>
                    <a:lnTo>
                      <a:pt x="1307" y="1015"/>
                    </a:lnTo>
                    <a:lnTo>
                      <a:pt x="1308" y="1015"/>
                    </a:lnTo>
                    <a:lnTo>
                      <a:pt x="1310" y="1015"/>
                    </a:lnTo>
                    <a:lnTo>
                      <a:pt x="1312" y="1014"/>
                    </a:lnTo>
                    <a:lnTo>
                      <a:pt x="1314" y="1012"/>
                    </a:lnTo>
                    <a:lnTo>
                      <a:pt x="1316" y="1012"/>
                    </a:lnTo>
                    <a:lnTo>
                      <a:pt x="1316" y="1010"/>
                    </a:lnTo>
                    <a:lnTo>
                      <a:pt x="1318" y="1010"/>
                    </a:lnTo>
                    <a:lnTo>
                      <a:pt x="1320" y="1008"/>
                    </a:lnTo>
                    <a:lnTo>
                      <a:pt x="1321" y="1008"/>
                    </a:lnTo>
                    <a:lnTo>
                      <a:pt x="1321" y="1006"/>
                    </a:lnTo>
                    <a:lnTo>
                      <a:pt x="1325" y="1006"/>
                    </a:lnTo>
                    <a:lnTo>
                      <a:pt x="1327" y="1004"/>
                    </a:lnTo>
                    <a:lnTo>
                      <a:pt x="1329" y="1004"/>
                    </a:lnTo>
                    <a:lnTo>
                      <a:pt x="1331" y="1004"/>
                    </a:lnTo>
                    <a:lnTo>
                      <a:pt x="1332" y="1003"/>
                    </a:lnTo>
                    <a:lnTo>
                      <a:pt x="1334" y="1003"/>
                    </a:lnTo>
                    <a:lnTo>
                      <a:pt x="1334" y="1001"/>
                    </a:lnTo>
                    <a:lnTo>
                      <a:pt x="1336" y="1001"/>
                    </a:lnTo>
                    <a:lnTo>
                      <a:pt x="1342" y="999"/>
                    </a:lnTo>
                    <a:lnTo>
                      <a:pt x="1344" y="997"/>
                    </a:lnTo>
                    <a:lnTo>
                      <a:pt x="1344" y="999"/>
                    </a:lnTo>
                    <a:lnTo>
                      <a:pt x="1345" y="995"/>
                    </a:lnTo>
                    <a:lnTo>
                      <a:pt x="1345" y="993"/>
                    </a:lnTo>
                    <a:lnTo>
                      <a:pt x="1345" y="990"/>
                    </a:lnTo>
                    <a:lnTo>
                      <a:pt x="1347" y="990"/>
                    </a:lnTo>
                    <a:lnTo>
                      <a:pt x="1347" y="988"/>
                    </a:lnTo>
                    <a:lnTo>
                      <a:pt x="1347" y="986"/>
                    </a:lnTo>
                    <a:lnTo>
                      <a:pt x="1347" y="980"/>
                    </a:lnTo>
                    <a:lnTo>
                      <a:pt x="1349" y="978"/>
                    </a:lnTo>
                    <a:lnTo>
                      <a:pt x="1349" y="977"/>
                    </a:lnTo>
                    <a:lnTo>
                      <a:pt x="1347" y="975"/>
                    </a:lnTo>
                    <a:lnTo>
                      <a:pt x="1349" y="973"/>
                    </a:lnTo>
                    <a:lnTo>
                      <a:pt x="1349" y="971"/>
                    </a:lnTo>
                    <a:lnTo>
                      <a:pt x="1351" y="969"/>
                    </a:lnTo>
                    <a:lnTo>
                      <a:pt x="1355" y="966"/>
                    </a:lnTo>
                    <a:lnTo>
                      <a:pt x="1357" y="964"/>
                    </a:lnTo>
                    <a:lnTo>
                      <a:pt x="1357" y="962"/>
                    </a:lnTo>
                    <a:lnTo>
                      <a:pt x="1358" y="962"/>
                    </a:lnTo>
                    <a:lnTo>
                      <a:pt x="1358" y="960"/>
                    </a:lnTo>
                    <a:lnTo>
                      <a:pt x="1362" y="956"/>
                    </a:lnTo>
                    <a:lnTo>
                      <a:pt x="1366" y="953"/>
                    </a:lnTo>
                    <a:lnTo>
                      <a:pt x="1369" y="947"/>
                    </a:lnTo>
                    <a:lnTo>
                      <a:pt x="1371" y="945"/>
                    </a:lnTo>
                    <a:lnTo>
                      <a:pt x="1373" y="943"/>
                    </a:lnTo>
                    <a:lnTo>
                      <a:pt x="1375" y="943"/>
                    </a:lnTo>
                    <a:lnTo>
                      <a:pt x="1379" y="940"/>
                    </a:lnTo>
                    <a:lnTo>
                      <a:pt x="1381" y="940"/>
                    </a:lnTo>
                    <a:lnTo>
                      <a:pt x="1384" y="936"/>
                    </a:lnTo>
                    <a:lnTo>
                      <a:pt x="1386" y="934"/>
                    </a:lnTo>
                    <a:lnTo>
                      <a:pt x="1388" y="932"/>
                    </a:lnTo>
                    <a:lnTo>
                      <a:pt x="1392" y="929"/>
                    </a:lnTo>
                    <a:lnTo>
                      <a:pt x="1395" y="927"/>
                    </a:lnTo>
                    <a:lnTo>
                      <a:pt x="1403" y="921"/>
                    </a:lnTo>
                    <a:lnTo>
                      <a:pt x="1405" y="917"/>
                    </a:lnTo>
                    <a:lnTo>
                      <a:pt x="1412" y="914"/>
                    </a:lnTo>
                    <a:lnTo>
                      <a:pt x="1418" y="917"/>
                    </a:lnTo>
                    <a:lnTo>
                      <a:pt x="1421" y="919"/>
                    </a:lnTo>
                    <a:lnTo>
                      <a:pt x="1429" y="914"/>
                    </a:lnTo>
                    <a:lnTo>
                      <a:pt x="1430" y="916"/>
                    </a:lnTo>
                    <a:lnTo>
                      <a:pt x="1436" y="917"/>
                    </a:lnTo>
                    <a:lnTo>
                      <a:pt x="1442" y="917"/>
                    </a:lnTo>
                    <a:lnTo>
                      <a:pt x="1443" y="919"/>
                    </a:lnTo>
                    <a:lnTo>
                      <a:pt x="1449" y="917"/>
                    </a:lnTo>
                    <a:lnTo>
                      <a:pt x="1453" y="916"/>
                    </a:lnTo>
                    <a:lnTo>
                      <a:pt x="1456" y="916"/>
                    </a:lnTo>
                    <a:lnTo>
                      <a:pt x="1460" y="919"/>
                    </a:lnTo>
                    <a:lnTo>
                      <a:pt x="1464" y="917"/>
                    </a:lnTo>
                    <a:lnTo>
                      <a:pt x="1467" y="914"/>
                    </a:lnTo>
                    <a:lnTo>
                      <a:pt x="1469" y="912"/>
                    </a:lnTo>
                    <a:lnTo>
                      <a:pt x="1469" y="910"/>
                    </a:lnTo>
                    <a:lnTo>
                      <a:pt x="1469" y="908"/>
                    </a:lnTo>
                    <a:lnTo>
                      <a:pt x="1471" y="906"/>
                    </a:lnTo>
                    <a:lnTo>
                      <a:pt x="1473" y="903"/>
                    </a:lnTo>
                    <a:lnTo>
                      <a:pt x="1475" y="903"/>
                    </a:lnTo>
                    <a:lnTo>
                      <a:pt x="1477" y="903"/>
                    </a:lnTo>
                    <a:lnTo>
                      <a:pt x="1479" y="901"/>
                    </a:lnTo>
                    <a:lnTo>
                      <a:pt x="1486" y="897"/>
                    </a:lnTo>
                    <a:lnTo>
                      <a:pt x="1491" y="895"/>
                    </a:lnTo>
                    <a:lnTo>
                      <a:pt x="1495" y="890"/>
                    </a:lnTo>
                    <a:lnTo>
                      <a:pt x="1497" y="886"/>
                    </a:lnTo>
                    <a:lnTo>
                      <a:pt x="1501" y="884"/>
                    </a:lnTo>
                    <a:lnTo>
                      <a:pt x="1504" y="882"/>
                    </a:lnTo>
                    <a:lnTo>
                      <a:pt x="1510" y="877"/>
                    </a:lnTo>
                    <a:lnTo>
                      <a:pt x="1512" y="875"/>
                    </a:lnTo>
                    <a:lnTo>
                      <a:pt x="1512" y="871"/>
                    </a:lnTo>
                    <a:lnTo>
                      <a:pt x="1512" y="866"/>
                    </a:lnTo>
                    <a:lnTo>
                      <a:pt x="1521" y="847"/>
                    </a:lnTo>
                    <a:lnTo>
                      <a:pt x="1523" y="838"/>
                    </a:lnTo>
                    <a:lnTo>
                      <a:pt x="1527" y="836"/>
                    </a:lnTo>
                    <a:lnTo>
                      <a:pt x="1528" y="834"/>
                    </a:lnTo>
                    <a:lnTo>
                      <a:pt x="1530" y="834"/>
                    </a:lnTo>
                    <a:lnTo>
                      <a:pt x="1532" y="836"/>
                    </a:lnTo>
                    <a:lnTo>
                      <a:pt x="1534" y="836"/>
                    </a:lnTo>
                    <a:lnTo>
                      <a:pt x="1536" y="836"/>
                    </a:lnTo>
                    <a:lnTo>
                      <a:pt x="1538" y="836"/>
                    </a:lnTo>
                    <a:lnTo>
                      <a:pt x="1540" y="836"/>
                    </a:lnTo>
                    <a:lnTo>
                      <a:pt x="1540" y="838"/>
                    </a:lnTo>
                    <a:lnTo>
                      <a:pt x="1541" y="838"/>
                    </a:lnTo>
                    <a:lnTo>
                      <a:pt x="1543" y="838"/>
                    </a:lnTo>
                    <a:lnTo>
                      <a:pt x="1543" y="836"/>
                    </a:lnTo>
                    <a:lnTo>
                      <a:pt x="1545" y="836"/>
                    </a:lnTo>
                    <a:lnTo>
                      <a:pt x="1547" y="836"/>
                    </a:lnTo>
                    <a:lnTo>
                      <a:pt x="1547" y="834"/>
                    </a:lnTo>
                    <a:lnTo>
                      <a:pt x="1549" y="834"/>
                    </a:lnTo>
                    <a:lnTo>
                      <a:pt x="1551" y="832"/>
                    </a:lnTo>
                    <a:lnTo>
                      <a:pt x="1552" y="832"/>
                    </a:lnTo>
                    <a:lnTo>
                      <a:pt x="1552" y="830"/>
                    </a:lnTo>
                    <a:lnTo>
                      <a:pt x="1554" y="830"/>
                    </a:lnTo>
                    <a:lnTo>
                      <a:pt x="1554" y="829"/>
                    </a:lnTo>
                    <a:lnTo>
                      <a:pt x="1556" y="829"/>
                    </a:lnTo>
                    <a:lnTo>
                      <a:pt x="1556" y="827"/>
                    </a:lnTo>
                    <a:lnTo>
                      <a:pt x="1558" y="827"/>
                    </a:lnTo>
                    <a:lnTo>
                      <a:pt x="1560" y="827"/>
                    </a:lnTo>
                    <a:lnTo>
                      <a:pt x="1560" y="825"/>
                    </a:lnTo>
                    <a:lnTo>
                      <a:pt x="1562" y="825"/>
                    </a:lnTo>
                    <a:lnTo>
                      <a:pt x="1564" y="825"/>
                    </a:lnTo>
                    <a:lnTo>
                      <a:pt x="1564" y="823"/>
                    </a:lnTo>
                    <a:lnTo>
                      <a:pt x="1565" y="823"/>
                    </a:lnTo>
                    <a:lnTo>
                      <a:pt x="1565" y="821"/>
                    </a:lnTo>
                    <a:lnTo>
                      <a:pt x="1567" y="821"/>
                    </a:lnTo>
                    <a:lnTo>
                      <a:pt x="1567" y="819"/>
                    </a:lnTo>
                    <a:lnTo>
                      <a:pt x="1569" y="819"/>
                    </a:lnTo>
                    <a:lnTo>
                      <a:pt x="1569" y="818"/>
                    </a:lnTo>
                    <a:lnTo>
                      <a:pt x="1571" y="818"/>
                    </a:lnTo>
                    <a:lnTo>
                      <a:pt x="1573" y="816"/>
                    </a:lnTo>
                    <a:lnTo>
                      <a:pt x="1575" y="816"/>
                    </a:lnTo>
                    <a:lnTo>
                      <a:pt x="1575" y="814"/>
                    </a:lnTo>
                    <a:lnTo>
                      <a:pt x="1576" y="814"/>
                    </a:lnTo>
                    <a:lnTo>
                      <a:pt x="1584" y="806"/>
                    </a:lnTo>
                    <a:lnTo>
                      <a:pt x="1588" y="801"/>
                    </a:lnTo>
                    <a:lnTo>
                      <a:pt x="1589" y="797"/>
                    </a:lnTo>
                    <a:lnTo>
                      <a:pt x="1591" y="799"/>
                    </a:lnTo>
                    <a:lnTo>
                      <a:pt x="1597" y="803"/>
                    </a:lnTo>
                    <a:lnTo>
                      <a:pt x="1602" y="808"/>
                    </a:lnTo>
                    <a:lnTo>
                      <a:pt x="1602" y="810"/>
                    </a:lnTo>
                    <a:lnTo>
                      <a:pt x="1606" y="818"/>
                    </a:lnTo>
                    <a:lnTo>
                      <a:pt x="1612" y="825"/>
                    </a:lnTo>
                    <a:lnTo>
                      <a:pt x="1615" y="823"/>
                    </a:lnTo>
                    <a:lnTo>
                      <a:pt x="1617" y="819"/>
                    </a:lnTo>
                    <a:lnTo>
                      <a:pt x="1619" y="818"/>
                    </a:lnTo>
                    <a:lnTo>
                      <a:pt x="1619" y="816"/>
                    </a:lnTo>
                    <a:lnTo>
                      <a:pt x="1621" y="816"/>
                    </a:lnTo>
                    <a:lnTo>
                      <a:pt x="1621" y="814"/>
                    </a:lnTo>
                    <a:lnTo>
                      <a:pt x="1623" y="814"/>
                    </a:lnTo>
                    <a:lnTo>
                      <a:pt x="1623" y="812"/>
                    </a:lnTo>
                    <a:lnTo>
                      <a:pt x="1625" y="810"/>
                    </a:lnTo>
                    <a:lnTo>
                      <a:pt x="1625" y="808"/>
                    </a:lnTo>
                    <a:lnTo>
                      <a:pt x="1626" y="808"/>
                    </a:lnTo>
                    <a:lnTo>
                      <a:pt x="1626" y="806"/>
                    </a:lnTo>
                    <a:lnTo>
                      <a:pt x="1628" y="805"/>
                    </a:lnTo>
                    <a:lnTo>
                      <a:pt x="1628" y="803"/>
                    </a:lnTo>
                    <a:lnTo>
                      <a:pt x="1630" y="803"/>
                    </a:lnTo>
                    <a:lnTo>
                      <a:pt x="1630" y="801"/>
                    </a:lnTo>
                    <a:lnTo>
                      <a:pt x="1632" y="801"/>
                    </a:lnTo>
                    <a:lnTo>
                      <a:pt x="1632" y="799"/>
                    </a:lnTo>
                    <a:lnTo>
                      <a:pt x="1632" y="797"/>
                    </a:lnTo>
                    <a:lnTo>
                      <a:pt x="1634" y="797"/>
                    </a:lnTo>
                    <a:lnTo>
                      <a:pt x="1634" y="795"/>
                    </a:lnTo>
                    <a:lnTo>
                      <a:pt x="1636" y="795"/>
                    </a:lnTo>
                    <a:lnTo>
                      <a:pt x="1636" y="794"/>
                    </a:lnTo>
                    <a:lnTo>
                      <a:pt x="1636" y="792"/>
                    </a:lnTo>
                    <a:lnTo>
                      <a:pt x="1637" y="792"/>
                    </a:lnTo>
                    <a:lnTo>
                      <a:pt x="1639" y="792"/>
                    </a:lnTo>
                    <a:lnTo>
                      <a:pt x="1639" y="790"/>
                    </a:lnTo>
                    <a:lnTo>
                      <a:pt x="1641" y="790"/>
                    </a:lnTo>
                    <a:lnTo>
                      <a:pt x="1643" y="790"/>
                    </a:lnTo>
                    <a:lnTo>
                      <a:pt x="1643" y="788"/>
                    </a:lnTo>
                    <a:lnTo>
                      <a:pt x="1645" y="788"/>
                    </a:lnTo>
                    <a:lnTo>
                      <a:pt x="1647" y="788"/>
                    </a:lnTo>
                    <a:lnTo>
                      <a:pt x="1647" y="786"/>
                    </a:lnTo>
                    <a:lnTo>
                      <a:pt x="1649" y="786"/>
                    </a:lnTo>
                    <a:lnTo>
                      <a:pt x="1649" y="784"/>
                    </a:lnTo>
                    <a:lnTo>
                      <a:pt x="1650" y="784"/>
                    </a:lnTo>
                    <a:lnTo>
                      <a:pt x="1650" y="782"/>
                    </a:lnTo>
                    <a:lnTo>
                      <a:pt x="1652" y="782"/>
                    </a:lnTo>
                    <a:lnTo>
                      <a:pt x="1652" y="788"/>
                    </a:lnTo>
                    <a:lnTo>
                      <a:pt x="1652" y="790"/>
                    </a:lnTo>
                    <a:lnTo>
                      <a:pt x="1652" y="797"/>
                    </a:lnTo>
                    <a:lnTo>
                      <a:pt x="1654" y="797"/>
                    </a:lnTo>
                    <a:lnTo>
                      <a:pt x="1654" y="799"/>
                    </a:lnTo>
                    <a:lnTo>
                      <a:pt x="1656" y="799"/>
                    </a:lnTo>
                    <a:lnTo>
                      <a:pt x="1656" y="801"/>
                    </a:lnTo>
                    <a:lnTo>
                      <a:pt x="1656" y="803"/>
                    </a:lnTo>
                    <a:lnTo>
                      <a:pt x="1658" y="803"/>
                    </a:lnTo>
                    <a:lnTo>
                      <a:pt x="1658" y="805"/>
                    </a:lnTo>
                    <a:lnTo>
                      <a:pt x="1660" y="806"/>
                    </a:lnTo>
                    <a:lnTo>
                      <a:pt x="1660" y="808"/>
                    </a:lnTo>
                    <a:lnTo>
                      <a:pt x="1662" y="808"/>
                    </a:lnTo>
                    <a:lnTo>
                      <a:pt x="1662" y="810"/>
                    </a:lnTo>
                    <a:lnTo>
                      <a:pt x="1663" y="810"/>
                    </a:lnTo>
                    <a:lnTo>
                      <a:pt x="1663" y="812"/>
                    </a:lnTo>
                    <a:lnTo>
                      <a:pt x="1663" y="814"/>
                    </a:lnTo>
                    <a:lnTo>
                      <a:pt x="1665" y="814"/>
                    </a:lnTo>
                    <a:lnTo>
                      <a:pt x="1665" y="816"/>
                    </a:lnTo>
                    <a:lnTo>
                      <a:pt x="1665" y="818"/>
                    </a:lnTo>
                    <a:lnTo>
                      <a:pt x="1665" y="819"/>
                    </a:lnTo>
                    <a:lnTo>
                      <a:pt x="1665" y="821"/>
                    </a:lnTo>
                    <a:lnTo>
                      <a:pt x="1665" y="823"/>
                    </a:lnTo>
                    <a:lnTo>
                      <a:pt x="1663" y="823"/>
                    </a:lnTo>
                    <a:lnTo>
                      <a:pt x="1663" y="825"/>
                    </a:lnTo>
                    <a:lnTo>
                      <a:pt x="1663" y="827"/>
                    </a:lnTo>
                    <a:lnTo>
                      <a:pt x="1665" y="827"/>
                    </a:lnTo>
                    <a:lnTo>
                      <a:pt x="1665" y="829"/>
                    </a:lnTo>
                    <a:lnTo>
                      <a:pt x="1667" y="829"/>
                    </a:lnTo>
                    <a:lnTo>
                      <a:pt x="1667" y="830"/>
                    </a:lnTo>
                    <a:lnTo>
                      <a:pt x="1667" y="832"/>
                    </a:lnTo>
                    <a:lnTo>
                      <a:pt x="1667" y="834"/>
                    </a:lnTo>
                    <a:lnTo>
                      <a:pt x="1667" y="836"/>
                    </a:lnTo>
                    <a:lnTo>
                      <a:pt x="1667" y="838"/>
                    </a:lnTo>
                    <a:lnTo>
                      <a:pt x="1667" y="840"/>
                    </a:lnTo>
                    <a:lnTo>
                      <a:pt x="1669" y="840"/>
                    </a:lnTo>
                    <a:lnTo>
                      <a:pt x="1669" y="842"/>
                    </a:lnTo>
                    <a:lnTo>
                      <a:pt x="1669" y="843"/>
                    </a:lnTo>
                    <a:lnTo>
                      <a:pt x="1669" y="845"/>
                    </a:lnTo>
                    <a:lnTo>
                      <a:pt x="1669" y="847"/>
                    </a:lnTo>
                    <a:lnTo>
                      <a:pt x="1669" y="849"/>
                    </a:lnTo>
                    <a:lnTo>
                      <a:pt x="1671" y="849"/>
                    </a:lnTo>
                    <a:lnTo>
                      <a:pt x="1671" y="851"/>
                    </a:lnTo>
                    <a:lnTo>
                      <a:pt x="1669" y="851"/>
                    </a:lnTo>
                    <a:lnTo>
                      <a:pt x="1669" y="853"/>
                    </a:lnTo>
                    <a:lnTo>
                      <a:pt x="1669" y="855"/>
                    </a:lnTo>
                    <a:lnTo>
                      <a:pt x="1669" y="856"/>
                    </a:lnTo>
                    <a:lnTo>
                      <a:pt x="1669" y="858"/>
                    </a:lnTo>
                    <a:lnTo>
                      <a:pt x="1669" y="860"/>
                    </a:lnTo>
                    <a:lnTo>
                      <a:pt x="1667" y="860"/>
                    </a:lnTo>
                    <a:lnTo>
                      <a:pt x="1667" y="862"/>
                    </a:lnTo>
                    <a:lnTo>
                      <a:pt x="1667" y="864"/>
                    </a:lnTo>
                    <a:lnTo>
                      <a:pt x="1667" y="866"/>
                    </a:lnTo>
                    <a:lnTo>
                      <a:pt x="1669" y="866"/>
                    </a:lnTo>
                    <a:lnTo>
                      <a:pt x="1669" y="867"/>
                    </a:lnTo>
                    <a:lnTo>
                      <a:pt x="1669" y="869"/>
                    </a:lnTo>
                    <a:lnTo>
                      <a:pt x="1669" y="871"/>
                    </a:lnTo>
                    <a:lnTo>
                      <a:pt x="1667" y="871"/>
                    </a:lnTo>
                    <a:lnTo>
                      <a:pt x="1667" y="873"/>
                    </a:lnTo>
                    <a:lnTo>
                      <a:pt x="1667" y="875"/>
                    </a:lnTo>
                    <a:lnTo>
                      <a:pt x="1665" y="875"/>
                    </a:lnTo>
                    <a:lnTo>
                      <a:pt x="1665" y="877"/>
                    </a:lnTo>
                    <a:lnTo>
                      <a:pt x="1665" y="879"/>
                    </a:lnTo>
                    <a:lnTo>
                      <a:pt x="1667" y="879"/>
                    </a:lnTo>
                    <a:lnTo>
                      <a:pt x="1667" y="880"/>
                    </a:lnTo>
                    <a:lnTo>
                      <a:pt x="1665" y="880"/>
                    </a:lnTo>
                    <a:lnTo>
                      <a:pt x="1665" y="882"/>
                    </a:lnTo>
                    <a:lnTo>
                      <a:pt x="1663" y="882"/>
                    </a:lnTo>
                    <a:lnTo>
                      <a:pt x="1663" y="884"/>
                    </a:lnTo>
                    <a:lnTo>
                      <a:pt x="1663" y="886"/>
                    </a:lnTo>
                    <a:lnTo>
                      <a:pt x="1663" y="888"/>
                    </a:lnTo>
                    <a:lnTo>
                      <a:pt x="1665" y="888"/>
                    </a:lnTo>
                    <a:lnTo>
                      <a:pt x="1663" y="888"/>
                    </a:lnTo>
                    <a:lnTo>
                      <a:pt x="1663" y="890"/>
                    </a:lnTo>
                    <a:lnTo>
                      <a:pt x="1662" y="892"/>
                    </a:lnTo>
                    <a:lnTo>
                      <a:pt x="1662" y="893"/>
                    </a:lnTo>
                    <a:lnTo>
                      <a:pt x="1660" y="893"/>
                    </a:lnTo>
                    <a:lnTo>
                      <a:pt x="1660" y="895"/>
                    </a:lnTo>
                    <a:lnTo>
                      <a:pt x="1660" y="897"/>
                    </a:lnTo>
                    <a:lnTo>
                      <a:pt x="1658" y="897"/>
                    </a:lnTo>
                    <a:lnTo>
                      <a:pt x="1660" y="897"/>
                    </a:lnTo>
                    <a:lnTo>
                      <a:pt x="1660" y="899"/>
                    </a:lnTo>
                    <a:lnTo>
                      <a:pt x="1658" y="899"/>
                    </a:lnTo>
                    <a:lnTo>
                      <a:pt x="1656" y="899"/>
                    </a:lnTo>
                    <a:lnTo>
                      <a:pt x="1656" y="901"/>
                    </a:lnTo>
                    <a:lnTo>
                      <a:pt x="1656" y="899"/>
                    </a:lnTo>
                    <a:lnTo>
                      <a:pt x="1654" y="901"/>
                    </a:lnTo>
                    <a:lnTo>
                      <a:pt x="1652" y="901"/>
                    </a:lnTo>
                    <a:lnTo>
                      <a:pt x="1652" y="903"/>
                    </a:lnTo>
                    <a:lnTo>
                      <a:pt x="1650" y="903"/>
                    </a:lnTo>
                    <a:lnTo>
                      <a:pt x="1650" y="901"/>
                    </a:lnTo>
                    <a:lnTo>
                      <a:pt x="1650" y="903"/>
                    </a:lnTo>
                    <a:lnTo>
                      <a:pt x="1649" y="903"/>
                    </a:lnTo>
                    <a:lnTo>
                      <a:pt x="1647" y="903"/>
                    </a:lnTo>
                    <a:lnTo>
                      <a:pt x="1647" y="904"/>
                    </a:lnTo>
                    <a:lnTo>
                      <a:pt x="1649" y="904"/>
                    </a:lnTo>
                    <a:lnTo>
                      <a:pt x="1650" y="906"/>
                    </a:lnTo>
                    <a:lnTo>
                      <a:pt x="1650" y="908"/>
                    </a:lnTo>
                    <a:lnTo>
                      <a:pt x="1650" y="910"/>
                    </a:lnTo>
                    <a:lnTo>
                      <a:pt x="1650" y="912"/>
                    </a:lnTo>
                    <a:lnTo>
                      <a:pt x="1650" y="914"/>
                    </a:lnTo>
                    <a:lnTo>
                      <a:pt x="1650" y="916"/>
                    </a:lnTo>
                    <a:lnTo>
                      <a:pt x="1652" y="917"/>
                    </a:lnTo>
                    <a:lnTo>
                      <a:pt x="1649" y="917"/>
                    </a:lnTo>
                    <a:lnTo>
                      <a:pt x="1647" y="917"/>
                    </a:lnTo>
                    <a:lnTo>
                      <a:pt x="1645" y="917"/>
                    </a:lnTo>
                    <a:lnTo>
                      <a:pt x="1643" y="917"/>
                    </a:lnTo>
                    <a:lnTo>
                      <a:pt x="1641" y="917"/>
                    </a:lnTo>
                    <a:lnTo>
                      <a:pt x="1641" y="919"/>
                    </a:lnTo>
                    <a:lnTo>
                      <a:pt x="1639" y="919"/>
                    </a:lnTo>
                    <a:lnTo>
                      <a:pt x="1639" y="921"/>
                    </a:lnTo>
                    <a:lnTo>
                      <a:pt x="1637" y="921"/>
                    </a:lnTo>
                    <a:lnTo>
                      <a:pt x="1637" y="919"/>
                    </a:lnTo>
                    <a:lnTo>
                      <a:pt x="1636" y="919"/>
                    </a:lnTo>
                    <a:lnTo>
                      <a:pt x="1634" y="919"/>
                    </a:lnTo>
                    <a:lnTo>
                      <a:pt x="1636" y="923"/>
                    </a:lnTo>
                    <a:lnTo>
                      <a:pt x="1636" y="929"/>
                    </a:lnTo>
                    <a:lnTo>
                      <a:pt x="1636" y="934"/>
                    </a:lnTo>
                    <a:lnTo>
                      <a:pt x="1636" y="938"/>
                    </a:lnTo>
                    <a:lnTo>
                      <a:pt x="1637" y="943"/>
                    </a:lnTo>
                    <a:lnTo>
                      <a:pt x="1639" y="949"/>
                    </a:lnTo>
                    <a:lnTo>
                      <a:pt x="1643" y="956"/>
                    </a:lnTo>
                    <a:lnTo>
                      <a:pt x="1643" y="960"/>
                    </a:lnTo>
                    <a:lnTo>
                      <a:pt x="1643" y="962"/>
                    </a:lnTo>
                    <a:lnTo>
                      <a:pt x="1643" y="966"/>
                    </a:lnTo>
                    <a:lnTo>
                      <a:pt x="1641" y="967"/>
                    </a:lnTo>
                    <a:lnTo>
                      <a:pt x="1641" y="969"/>
                    </a:lnTo>
                    <a:lnTo>
                      <a:pt x="1643" y="971"/>
                    </a:lnTo>
                    <a:lnTo>
                      <a:pt x="1641" y="971"/>
                    </a:lnTo>
                    <a:lnTo>
                      <a:pt x="1641" y="975"/>
                    </a:lnTo>
                    <a:lnTo>
                      <a:pt x="1641" y="977"/>
                    </a:lnTo>
                    <a:lnTo>
                      <a:pt x="1639" y="978"/>
                    </a:lnTo>
                    <a:lnTo>
                      <a:pt x="1637" y="978"/>
                    </a:lnTo>
                    <a:lnTo>
                      <a:pt x="1637" y="980"/>
                    </a:lnTo>
                    <a:lnTo>
                      <a:pt x="1639" y="980"/>
                    </a:lnTo>
                    <a:lnTo>
                      <a:pt x="1641" y="980"/>
                    </a:lnTo>
                    <a:lnTo>
                      <a:pt x="1641" y="982"/>
                    </a:lnTo>
                    <a:lnTo>
                      <a:pt x="1643" y="984"/>
                    </a:lnTo>
                    <a:lnTo>
                      <a:pt x="1645" y="986"/>
                    </a:lnTo>
                    <a:lnTo>
                      <a:pt x="1647" y="986"/>
                    </a:lnTo>
                    <a:lnTo>
                      <a:pt x="1645" y="986"/>
                    </a:lnTo>
                    <a:lnTo>
                      <a:pt x="1645" y="988"/>
                    </a:lnTo>
                    <a:lnTo>
                      <a:pt x="1643" y="988"/>
                    </a:lnTo>
                    <a:lnTo>
                      <a:pt x="1641" y="988"/>
                    </a:lnTo>
                    <a:lnTo>
                      <a:pt x="1641" y="990"/>
                    </a:lnTo>
                    <a:lnTo>
                      <a:pt x="1639" y="990"/>
                    </a:lnTo>
                    <a:lnTo>
                      <a:pt x="1637" y="990"/>
                    </a:lnTo>
                    <a:lnTo>
                      <a:pt x="1637" y="991"/>
                    </a:lnTo>
                    <a:lnTo>
                      <a:pt x="1637" y="993"/>
                    </a:lnTo>
                    <a:lnTo>
                      <a:pt x="1637" y="995"/>
                    </a:lnTo>
                    <a:lnTo>
                      <a:pt x="1637" y="997"/>
                    </a:lnTo>
                    <a:lnTo>
                      <a:pt x="1637" y="999"/>
                    </a:lnTo>
                    <a:lnTo>
                      <a:pt x="1637" y="1001"/>
                    </a:lnTo>
                    <a:lnTo>
                      <a:pt x="1636" y="1003"/>
                    </a:lnTo>
                    <a:lnTo>
                      <a:pt x="1636" y="1006"/>
                    </a:lnTo>
                    <a:lnTo>
                      <a:pt x="1632" y="1010"/>
                    </a:lnTo>
                    <a:lnTo>
                      <a:pt x="1626" y="1012"/>
                    </a:lnTo>
                    <a:lnTo>
                      <a:pt x="1619" y="1015"/>
                    </a:lnTo>
                    <a:lnTo>
                      <a:pt x="1613" y="1015"/>
                    </a:lnTo>
                    <a:lnTo>
                      <a:pt x="1608" y="1017"/>
                    </a:lnTo>
                    <a:lnTo>
                      <a:pt x="1606" y="1015"/>
                    </a:lnTo>
                    <a:lnTo>
                      <a:pt x="1606" y="1014"/>
                    </a:lnTo>
                    <a:lnTo>
                      <a:pt x="1604" y="1014"/>
                    </a:lnTo>
                    <a:lnTo>
                      <a:pt x="1602" y="1014"/>
                    </a:lnTo>
                    <a:lnTo>
                      <a:pt x="1601" y="1014"/>
                    </a:lnTo>
                    <a:lnTo>
                      <a:pt x="1599" y="1014"/>
                    </a:lnTo>
                    <a:lnTo>
                      <a:pt x="1597" y="1014"/>
                    </a:lnTo>
                    <a:lnTo>
                      <a:pt x="1595" y="1014"/>
                    </a:lnTo>
                    <a:lnTo>
                      <a:pt x="1593" y="1014"/>
                    </a:lnTo>
                    <a:lnTo>
                      <a:pt x="1591" y="1019"/>
                    </a:lnTo>
                    <a:lnTo>
                      <a:pt x="1591" y="1023"/>
                    </a:lnTo>
                    <a:lnTo>
                      <a:pt x="1589" y="1025"/>
                    </a:lnTo>
                    <a:lnTo>
                      <a:pt x="1589" y="1027"/>
                    </a:lnTo>
                    <a:lnTo>
                      <a:pt x="1591" y="1028"/>
                    </a:lnTo>
                    <a:lnTo>
                      <a:pt x="1593" y="1030"/>
                    </a:lnTo>
                    <a:lnTo>
                      <a:pt x="1593" y="1032"/>
                    </a:lnTo>
                    <a:lnTo>
                      <a:pt x="1595" y="1032"/>
                    </a:lnTo>
                    <a:lnTo>
                      <a:pt x="1595" y="1034"/>
                    </a:lnTo>
                    <a:lnTo>
                      <a:pt x="1599" y="1036"/>
                    </a:lnTo>
                    <a:lnTo>
                      <a:pt x="1601" y="1038"/>
                    </a:lnTo>
                    <a:lnTo>
                      <a:pt x="1601" y="1040"/>
                    </a:lnTo>
                    <a:lnTo>
                      <a:pt x="1601" y="1041"/>
                    </a:lnTo>
                    <a:lnTo>
                      <a:pt x="1601" y="1043"/>
                    </a:lnTo>
                    <a:lnTo>
                      <a:pt x="1602" y="1047"/>
                    </a:lnTo>
                    <a:lnTo>
                      <a:pt x="1606" y="1051"/>
                    </a:lnTo>
                    <a:lnTo>
                      <a:pt x="1608" y="1052"/>
                    </a:lnTo>
                    <a:lnTo>
                      <a:pt x="1610" y="1052"/>
                    </a:lnTo>
                    <a:lnTo>
                      <a:pt x="1610" y="1054"/>
                    </a:lnTo>
                    <a:lnTo>
                      <a:pt x="1610" y="1056"/>
                    </a:lnTo>
                    <a:lnTo>
                      <a:pt x="1612" y="1060"/>
                    </a:lnTo>
                    <a:lnTo>
                      <a:pt x="1613" y="1062"/>
                    </a:lnTo>
                    <a:lnTo>
                      <a:pt x="1613" y="1064"/>
                    </a:lnTo>
                    <a:lnTo>
                      <a:pt x="1613" y="1065"/>
                    </a:lnTo>
                    <a:lnTo>
                      <a:pt x="1612" y="1065"/>
                    </a:lnTo>
                    <a:lnTo>
                      <a:pt x="1613" y="1067"/>
                    </a:lnTo>
                    <a:lnTo>
                      <a:pt x="1612" y="1067"/>
                    </a:lnTo>
                    <a:lnTo>
                      <a:pt x="1612" y="1069"/>
                    </a:lnTo>
                    <a:lnTo>
                      <a:pt x="1612" y="1071"/>
                    </a:lnTo>
                    <a:lnTo>
                      <a:pt x="1612" y="1073"/>
                    </a:lnTo>
                    <a:lnTo>
                      <a:pt x="1610" y="1077"/>
                    </a:lnTo>
                    <a:lnTo>
                      <a:pt x="1610" y="1078"/>
                    </a:lnTo>
                    <a:lnTo>
                      <a:pt x="1610" y="1080"/>
                    </a:lnTo>
                    <a:lnTo>
                      <a:pt x="1612" y="1084"/>
                    </a:lnTo>
                    <a:lnTo>
                      <a:pt x="1612" y="1089"/>
                    </a:lnTo>
                    <a:lnTo>
                      <a:pt x="1610" y="1091"/>
                    </a:lnTo>
                    <a:lnTo>
                      <a:pt x="1608" y="1093"/>
                    </a:lnTo>
                    <a:lnTo>
                      <a:pt x="1606" y="1095"/>
                    </a:lnTo>
                    <a:lnTo>
                      <a:pt x="1606" y="1097"/>
                    </a:lnTo>
                    <a:lnTo>
                      <a:pt x="1606" y="1099"/>
                    </a:lnTo>
                    <a:lnTo>
                      <a:pt x="1606" y="1102"/>
                    </a:lnTo>
                    <a:lnTo>
                      <a:pt x="1604" y="1102"/>
                    </a:lnTo>
                    <a:lnTo>
                      <a:pt x="1602" y="1106"/>
                    </a:lnTo>
                    <a:lnTo>
                      <a:pt x="1602" y="1108"/>
                    </a:lnTo>
                    <a:lnTo>
                      <a:pt x="1602" y="1110"/>
                    </a:lnTo>
                    <a:lnTo>
                      <a:pt x="1601" y="1112"/>
                    </a:lnTo>
                    <a:lnTo>
                      <a:pt x="1597" y="1115"/>
                    </a:lnTo>
                    <a:lnTo>
                      <a:pt x="1599" y="1117"/>
                    </a:lnTo>
                    <a:lnTo>
                      <a:pt x="1595" y="1123"/>
                    </a:lnTo>
                    <a:lnTo>
                      <a:pt x="1593" y="1126"/>
                    </a:lnTo>
                    <a:lnTo>
                      <a:pt x="1593" y="1128"/>
                    </a:lnTo>
                    <a:lnTo>
                      <a:pt x="1591" y="1128"/>
                    </a:lnTo>
                    <a:lnTo>
                      <a:pt x="1591" y="1130"/>
                    </a:lnTo>
                    <a:lnTo>
                      <a:pt x="1591" y="1132"/>
                    </a:lnTo>
                    <a:lnTo>
                      <a:pt x="1591" y="1136"/>
                    </a:lnTo>
                    <a:lnTo>
                      <a:pt x="1591" y="1138"/>
                    </a:lnTo>
                    <a:lnTo>
                      <a:pt x="1591" y="1139"/>
                    </a:lnTo>
                    <a:lnTo>
                      <a:pt x="1602" y="1139"/>
                    </a:lnTo>
                    <a:lnTo>
                      <a:pt x="1604" y="1139"/>
                    </a:lnTo>
                    <a:lnTo>
                      <a:pt x="1606" y="1139"/>
                    </a:lnTo>
                    <a:lnTo>
                      <a:pt x="1608" y="1138"/>
                    </a:lnTo>
                    <a:lnTo>
                      <a:pt x="1610" y="1138"/>
                    </a:lnTo>
                    <a:lnTo>
                      <a:pt x="1610" y="1139"/>
                    </a:lnTo>
                    <a:lnTo>
                      <a:pt x="1612" y="1139"/>
                    </a:lnTo>
                    <a:lnTo>
                      <a:pt x="1612" y="1141"/>
                    </a:lnTo>
                    <a:lnTo>
                      <a:pt x="1610" y="1141"/>
                    </a:lnTo>
                    <a:lnTo>
                      <a:pt x="1610" y="1143"/>
                    </a:lnTo>
                    <a:lnTo>
                      <a:pt x="1610" y="1145"/>
                    </a:lnTo>
                    <a:lnTo>
                      <a:pt x="1612" y="1147"/>
                    </a:lnTo>
                    <a:lnTo>
                      <a:pt x="1610" y="1147"/>
                    </a:lnTo>
                    <a:lnTo>
                      <a:pt x="1610" y="1150"/>
                    </a:lnTo>
                    <a:lnTo>
                      <a:pt x="1612" y="1150"/>
                    </a:lnTo>
                    <a:lnTo>
                      <a:pt x="1612" y="1152"/>
                    </a:lnTo>
                    <a:lnTo>
                      <a:pt x="1613" y="1152"/>
                    </a:lnTo>
                    <a:lnTo>
                      <a:pt x="1613" y="1154"/>
                    </a:lnTo>
                    <a:lnTo>
                      <a:pt x="1613" y="1156"/>
                    </a:lnTo>
                    <a:lnTo>
                      <a:pt x="1615" y="1156"/>
                    </a:lnTo>
                    <a:lnTo>
                      <a:pt x="1615" y="1160"/>
                    </a:lnTo>
                    <a:lnTo>
                      <a:pt x="1615" y="1162"/>
                    </a:lnTo>
                    <a:lnTo>
                      <a:pt x="1621" y="1169"/>
                    </a:lnTo>
                    <a:lnTo>
                      <a:pt x="1623" y="1175"/>
                    </a:lnTo>
                    <a:lnTo>
                      <a:pt x="1623" y="1173"/>
                    </a:lnTo>
                    <a:lnTo>
                      <a:pt x="1623" y="1175"/>
                    </a:lnTo>
                    <a:lnTo>
                      <a:pt x="1626" y="1175"/>
                    </a:lnTo>
                    <a:lnTo>
                      <a:pt x="1630" y="1173"/>
                    </a:lnTo>
                    <a:lnTo>
                      <a:pt x="1637" y="1167"/>
                    </a:lnTo>
                    <a:lnTo>
                      <a:pt x="1637" y="1169"/>
                    </a:lnTo>
                    <a:lnTo>
                      <a:pt x="1637" y="1171"/>
                    </a:lnTo>
                    <a:lnTo>
                      <a:pt x="1639" y="1171"/>
                    </a:lnTo>
                    <a:lnTo>
                      <a:pt x="1639" y="1173"/>
                    </a:lnTo>
                    <a:lnTo>
                      <a:pt x="1641" y="1173"/>
                    </a:lnTo>
                    <a:lnTo>
                      <a:pt x="1641" y="1175"/>
                    </a:lnTo>
                    <a:lnTo>
                      <a:pt x="1641" y="1176"/>
                    </a:lnTo>
                    <a:lnTo>
                      <a:pt x="1639" y="1176"/>
                    </a:lnTo>
                    <a:lnTo>
                      <a:pt x="1637" y="1176"/>
                    </a:lnTo>
                    <a:lnTo>
                      <a:pt x="1637" y="1178"/>
                    </a:lnTo>
                    <a:lnTo>
                      <a:pt x="1637" y="1180"/>
                    </a:lnTo>
                    <a:lnTo>
                      <a:pt x="1636" y="1180"/>
                    </a:lnTo>
                    <a:lnTo>
                      <a:pt x="1634" y="1180"/>
                    </a:lnTo>
                    <a:lnTo>
                      <a:pt x="1632" y="1180"/>
                    </a:lnTo>
                    <a:lnTo>
                      <a:pt x="1630" y="1180"/>
                    </a:lnTo>
                    <a:lnTo>
                      <a:pt x="1630" y="1182"/>
                    </a:lnTo>
                    <a:lnTo>
                      <a:pt x="1628" y="1182"/>
                    </a:lnTo>
                    <a:lnTo>
                      <a:pt x="1626" y="1182"/>
                    </a:lnTo>
                    <a:lnTo>
                      <a:pt x="1628" y="1186"/>
                    </a:lnTo>
                    <a:lnTo>
                      <a:pt x="1630" y="1193"/>
                    </a:lnTo>
                    <a:lnTo>
                      <a:pt x="1630" y="1195"/>
                    </a:lnTo>
                    <a:lnTo>
                      <a:pt x="1632" y="1200"/>
                    </a:lnTo>
                    <a:lnTo>
                      <a:pt x="1630" y="1241"/>
                    </a:lnTo>
                    <a:lnTo>
                      <a:pt x="1601" y="1273"/>
                    </a:lnTo>
                    <a:lnTo>
                      <a:pt x="1584" y="1293"/>
                    </a:lnTo>
                    <a:lnTo>
                      <a:pt x="1584" y="1310"/>
                    </a:lnTo>
                    <a:lnTo>
                      <a:pt x="1591" y="1317"/>
                    </a:lnTo>
                    <a:lnTo>
                      <a:pt x="1593" y="1321"/>
                    </a:lnTo>
                    <a:lnTo>
                      <a:pt x="1595" y="1323"/>
                    </a:lnTo>
                    <a:lnTo>
                      <a:pt x="1591" y="1323"/>
                    </a:lnTo>
                    <a:lnTo>
                      <a:pt x="1591" y="1324"/>
                    </a:lnTo>
                    <a:lnTo>
                      <a:pt x="1591" y="1326"/>
                    </a:lnTo>
                    <a:lnTo>
                      <a:pt x="1591" y="1330"/>
                    </a:lnTo>
                    <a:lnTo>
                      <a:pt x="1589" y="1330"/>
                    </a:lnTo>
                    <a:lnTo>
                      <a:pt x="1586" y="1330"/>
                    </a:lnTo>
                    <a:lnTo>
                      <a:pt x="1584" y="1332"/>
                    </a:lnTo>
                    <a:lnTo>
                      <a:pt x="1582" y="1334"/>
                    </a:lnTo>
                    <a:lnTo>
                      <a:pt x="1580" y="1334"/>
                    </a:lnTo>
                    <a:lnTo>
                      <a:pt x="1580" y="1335"/>
                    </a:lnTo>
                    <a:lnTo>
                      <a:pt x="1580" y="1337"/>
                    </a:lnTo>
                    <a:lnTo>
                      <a:pt x="1582" y="1345"/>
                    </a:lnTo>
                    <a:lnTo>
                      <a:pt x="1584" y="1354"/>
                    </a:lnTo>
                    <a:lnTo>
                      <a:pt x="1584" y="1356"/>
                    </a:lnTo>
                    <a:lnTo>
                      <a:pt x="1584" y="1358"/>
                    </a:lnTo>
                    <a:lnTo>
                      <a:pt x="1584" y="1360"/>
                    </a:lnTo>
                    <a:lnTo>
                      <a:pt x="1582" y="1360"/>
                    </a:lnTo>
                    <a:lnTo>
                      <a:pt x="1582" y="1361"/>
                    </a:lnTo>
                    <a:lnTo>
                      <a:pt x="1580" y="1361"/>
                    </a:lnTo>
                    <a:lnTo>
                      <a:pt x="1580" y="1363"/>
                    </a:lnTo>
                    <a:lnTo>
                      <a:pt x="1578" y="1363"/>
                    </a:lnTo>
                    <a:lnTo>
                      <a:pt x="1576" y="1365"/>
                    </a:lnTo>
                    <a:lnTo>
                      <a:pt x="1575" y="1365"/>
                    </a:lnTo>
                    <a:lnTo>
                      <a:pt x="1573" y="1363"/>
                    </a:lnTo>
                    <a:lnTo>
                      <a:pt x="1573" y="1365"/>
                    </a:lnTo>
                    <a:lnTo>
                      <a:pt x="1573" y="1363"/>
                    </a:lnTo>
                    <a:lnTo>
                      <a:pt x="1571" y="1363"/>
                    </a:lnTo>
                    <a:lnTo>
                      <a:pt x="1569" y="1363"/>
                    </a:lnTo>
                    <a:lnTo>
                      <a:pt x="1567" y="1365"/>
                    </a:lnTo>
                    <a:lnTo>
                      <a:pt x="1567" y="1367"/>
                    </a:lnTo>
                    <a:lnTo>
                      <a:pt x="1565" y="1367"/>
                    </a:lnTo>
                    <a:lnTo>
                      <a:pt x="1565" y="1369"/>
                    </a:lnTo>
                    <a:lnTo>
                      <a:pt x="1564" y="1371"/>
                    </a:lnTo>
                    <a:lnTo>
                      <a:pt x="1562" y="1372"/>
                    </a:lnTo>
                    <a:lnTo>
                      <a:pt x="1562" y="1374"/>
                    </a:lnTo>
                    <a:lnTo>
                      <a:pt x="1560" y="1374"/>
                    </a:lnTo>
                    <a:lnTo>
                      <a:pt x="1560" y="1376"/>
                    </a:lnTo>
                    <a:lnTo>
                      <a:pt x="1560" y="1378"/>
                    </a:lnTo>
                    <a:lnTo>
                      <a:pt x="1558" y="1380"/>
                    </a:lnTo>
                    <a:lnTo>
                      <a:pt x="1556" y="1380"/>
                    </a:lnTo>
                    <a:lnTo>
                      <a:pt x="1556" y="1382"/>
                    </a:lnTo>
                    <a:lnTo>
                      <a:pt x="1554" y="1382"/>
                    </a:lnTo>
                    <a:lnTo>
                      <a:pt x="1552" y="1384"/>
                    </a:lnTo>
                    <a:lnTo>
                      <a:pt x="1552" y="1385"/>
                    </a:lnTo>
                    <a:lnTo>
                      <a:pt x="1551" y="1385"/>
                    </a:lnTo>
                    <a:lnTo>
                      <a:pt x="1551" y="1387"/>
                    </a:lnTo>
                    <a:lnTo>
                      <a:pt x="1551" y="1389"/>
                    </a:lnTo>
                    <a:lnTo>
                      <a:pt x="1549" y="1389"/>
                    </a:lnTo>
                    <a:lnTo>
                      <a:pt x="1549" y="1391"/>
                    </a:lnTo>
                    <a:lnTo>
                      <a:pt x="1547" y="1391"/>
                    </a:lnTo>
                    <a:lnTo>
                      <a:pt x="1547" y="1393"/>
                    </a:lnTo>
                    <a:lnTo>
                      <a:pt x="1545" y="1393"/>
                    </a:lnTo>
                    <a:lnTo>
                      <a:pt x="1545" y="1395"/>
                    </a:lnTo>
                    <a:lnTo>
                      <a:pt x="1543" y="1395"/>
                    </a:lnTo>
                    <a:lnTo>
                      <a:pt x="1541" y="1395"/>
                    </a:lnTo>
                    <a:lnTo>
                      <a:pt x="1540" y="1395"/>
                    </a:lnTo>
                    <a:lnTo>
                      <a:pt x="1540" y="1397"/>
                    </a:lnTo>
                    <a:lnTo>
                      <a:pt x="1538" y="1397"/>
                    </a:lnTo>
                    <a:lnTo>
                      <a:pt x="1536" y="1397"/>
                    </a:lnTo>
                    <a:lnTo>
                      <a:pt x="1534" y="1398"/>
                    </a:lnTo>
                    <a:lnTo>
                      <a:pt x="1534" y="1400"/>
                    </a:lnTo>
                    <a:lnTo>
                      <a:pt x="1532" y="1402"/>
                    </a:lnTo>
                    <a:lnTo>
                      <a:pt x="1532" y="1404"/>
                    </a:lnTo>
                    <a:lnTo>
                      <a:pt x="1530" y="1406"/>
                    </a:lnTo>
                    <a:lnTo>
                      <a:pt x="1530" y="1408"/>
                    </a:lnTo>
                    <a:lnTo>
                      <a:pt x="1530" y="1409"/>
                    </a:lnTo>
                    <a:lnTo>
                      <a:pt x="1530" y="1411"/>
                    </a:lnTo>
                    <a:lnTo>
                      <a:pt x="1530" y="1413"/>
                    </a:lnTo>
                    <a:lnTo>
                      <a:pt x="1528" y="1413"/>
                    </a:lnTo>
                    <a:lnTo>
                      <a:pt x="1528" y="1415"/>
                    </a:lnTo>
                    <a:lnTo>
                      <a:pt x="1528" y="1417"/>
                    </a:lnTo>
                    <a:lnTo>
                      <a:pt x="1527" y="1417"/>
                    </a:lnTo>
                    <a:lnTo>
                      <a:pt x="1525" y="1417"/>
                    </a:lnTo>
                    <a:lnTo>
                      <a:pt x="1525" y="1419"/>
                    </a:lnTo>
                    <a:lnTo>
                      <a:pt x="1523" y="1419"/>
                    </a:lnTo>
                    <a:lnTo>
                      <a:pt x="1521" y="1419"/>
                    </a:lnTo>
                    <a:lnTo>
                      <a:pt x="1521" y="1421"/>
                    </a:lnTo>
                    <a:lnTo>
                      <a:pt x="1519" y="1421"/>
                    </a:lnTo>
                    <a:lnTo>
                      <a:pt x="1519" y="1422"/>
                    </a:lnTo>
                    <a:lnTo>
                      <a:pt x="1517" y="1424"/>
                    </a:lnTo>
                    <a:lnTo>
                      <a:pt x="1515" y="1426"/>
                    </a:lnTo>
                    <a:lnTo>
                      <a:pt x="1514" y="1428"/>
                    </a:lnTo>
                    <a:lnTo>
                      <a:pt x="1512" y="1428"/>
                    </a:lnTo>
                    <a:lnTo>
                      <a:pt x="1510" y="1428"/>
                    </a:lnTo>
                    <a:lnTo>
                      <a:pt x="1508" y="1428"/>
                    </a:lnTo>
                    <a:lnTo>
                      <a:pt x="1508" y="1430"/>
                    </a:lnTo>
                    <a:lnTo>
                      <a:pt x="1506" y="1428"/>
                    </a:lnTo>
                    <a:lnTo>
                      <a:pt x="1504" y="1428"/>
                    </a:lnTo>
                    <a:lnTo>
                      <a:pt x="1503" y="1428"/>
                    </a:lnTo>
                    <a:lnTo>
                      <a:pt x="1501" y="1428"/>
                    </a:lnTo>
                    <a:lnTo>
                      <a:pt x="1499" y="1428"/>
                    </a:lnTo>
                    <a:lnTo>
                      <a:pt x="1497" y="1428"/>
                    </a:lnTo>
                    <a:lnTo>
                      <a:pt x="1495" y="1428"/>
                    </a:lnTo>
                    <a:lnTo>
                      <a:pt x="1493" y="1428"/>
                    </a:lnTo>
                    <a:lnTo>
                      <a:pt x="1493" y="1430"/>
                    </a:lnTo>
                    <a:lnTo>
                      <a:pt x="1491" y="1430"/>
                    </a:lnTo>
                    <a:lnTo>
                      <a:pt x="1491" y="1432"/>
                    </a:lnTo>
                    <a:lnTo>
                      <a:pt x="1491" y="1434"/>
                    </a:lnTo>
                    <a:lnTo>
                      <a:pt x="1491" y="1435"/>
                    </a:lnTo>
                    <a:lnTo>
                      <a:pt x="1491" y="1437"/>
                    </a:lnTo>
                    <a:lnTo>
                      <a:pt x="1490" y="1437"/>
                    </a:lnTo>
                    <a:lnTo>
                      <a:pt x="1490" y="1439"/>
                    </a:lnTo>
                    <a:lnTo>
                      <a:pt x="1490" y="1441"/>
                    </a:lnTo>
                    <a:lnTo>
                      <a:pt x="1488" y="1443"/>
                    </a:lnTo>
                    <a:lnTo>
                      <a:pt x="1488" y="1446"/>
                    </a:lnTo>
                    <a:lnTo>
                      <a:pt x="1488" y="1450"/>
                    </a:lnTo>
                    <a:lnTo>
                      <a:pt x="1488" y="1452"/>
                    </a:lnTo>
                    <a:lnTo>
                      <a:pt x="1488" y="1454"/>
                    </a:lnTo>
                    <a:lnTo>
                      <a:pt x="1490" y="1454"/>
                    </a:lnTo>
                    <a:lnTo>
                      <a:pt x="1490" y="1456"/>
                    </a:lnTo>
                    <a:lnTo>
                      <a:pt x="1488" y="1456"/>
                    </a:lnTo>
                    <a:lnTo>
                      <a:pt x="1486" y="1458"/>
                    </a:lnTo>
                    <a:lnTo>
                      <a:pt x="1484" y="1458"/>
                    </a:lnTo>
                    <a:lnTo>
                      <a:pt x="1484" y="1459"/>
                    </a:lnTo>
                    <a:lnTo>
                      <a:pt x="1484" y="1461"/>
                    </a:lnTo>
                    <a:lnTo>
                      <a:pt x="1482" y="1461"/>
                    </a:lnTo>
                    <a:lnTo>
                      <a:pt x="1482" y="1463"/>
                    </a:lnTo>
                    <a:lnTo>
                      <a:pt x="1480" y="1463"/>
                    </a:lnTo>
                    <a:lnTo>
                      <a:pt x="1479" y="1467"/>
                    </a:lnTo>
                    <a:lnTo>
                      <a:pt x="1480" y="1467"/>
                    </a:lnTo>
                    <a:lnTo>
                      <a:pt x="1479" y="1469"/>
                    </a:lnTo>
                    <a:lnTo>
                      <a:pt x="1477" y="1469"/>
                    </a:lnTo>
                    <a:lnTo>
                      <a:pt x="1477" y="1470"/>
                    </a:lnTo>
                    <a:lnTo>
                      <a:pt x="1475" y="1470"/>
                    </a:lnTo>
                    <a:lnTo>
                      <a:pt x="1475" y="1472"/>
                    </a:lnTo>
                    <a:lnTo>
                      <a:pt x="1473" y="1472"/>
                    </a:lnTo>
                    <a:lnTo>
                      <a:pt x="1473" y="1474"/>
                    </a:lnTo>
                    <a:lnTo>
                      <a:pt x="1473" y="1476"/>
                    </a:lnTo>
                    <a:lnTo>
                      <a:pt x="1471" y="1476"/>
                    </a:lnTo>
                    <a:lnTo>
                      <a:pt x="1469" y="1478"/>
                    </a:lnTo>
                    <a:lnTo>
                      <a:pt x="1467" y="1480"/>
                    </a:lnTo>
                    <a:lnTo>
                      <a:pt x="1466" y="1482"/>
                    </a:lnTo>
                    <a:lnTo>
                      <a:pt x="1464" y="1482"/>
                    </a:lnTo>
                    <a:lnTo>
                      <a:pt x="1462" y="1482"/>
                    </a:lnTo>
                    <a:lnTo>
                      <a:pt x="1462" y="1483"/>
                    </a:lnTo>
                    <a:lnTo>
                      <a:pt x="1462" y="1482"/>
                    </a:lnTo>
                    <a:lnTo>
                      <a:pt x="1462" y="1483"/>
                    </a:lnTo>
                    <a:lnTo>
                      <a:pt x="1460" y="1483"/>
                    </a:lnTo>
                    <a:lnTo>
                      <a:pt x="1460" y="1485"/>
                    </a:lnTo>
                    <a:lnTo>
                      <a:pt x="1458" y="1485"/>
                    </a:lnTo>
                    <a:lnTo>
                      <a:pt x="1456" y="1487"/>
                    </a:lnTo>
                    <a:lnTo>
                      <a:pt x="1454" y="1487"/>
                    </a:lnTo>
                    <a:lnTo>
                      <a:pt x="1453" y="1487"/>
                    </a:lnTo>
                    <a:lnTo>
                      <a:pt x="1451" y="1489"/>
                    </a:lnTo>
                    <a:lnTo>
                      <a:pt x="1451" y="1491"/>
                    </a:lnTo>
                    <a:lnTo>
                      <a:pt x="1449" y="1491"/>
                    </a:lnTo>
                    <a:lnTo>
                      <a:pt x="1449" y="1493"/>
                    </a:lnTo>
                    <a:lnTo>
                      <a:pt x="1447" y="1493"/>
                    </a:lnTo>
                    <a:lnTo>
                      <a:pt x="1447" y="1495"/>
                    </a:lnTo>
                    <a:lnTo>
                      <a:pt x="1445" y="1496"/>
                    </a:lnTo>
                    <a:lnTo>
                      <a:pt x="1443" y="1498"/>
                    </a:lnTo>
                    <a:lnTo>
                      <a:pt x="1442" y="1500"/>
                    </a:lnTo>
                    <a:lnTo>
                      <a:pt x="1440" y="1500"/>
                    </a:lnTo>
                    <a:lnTo>
                      <a:pt x="1438" y="1500"/>
                    </a:lnTo>
                    <a:lnTo>
                      <a:pt x="1436" y="1500"/>
                    </a:lnTo>
                    <a:lnTo>
                      <a:pt x="1436" y="1502"/>
                    </a:lnTo>
                    <a:lnTo>
                      <a:pt x="1434" y="1502"/>
                    </a:lnTo>
                    <a:lnTo>
                      <a:pt x="1432" y="1502"/>
                    </a:lnTo>
                    <a:lnTo>
                      <a:pt x="1432" y="1504"/>
                    </a:lnTo>
                    <a:lnTo>
                      <a:pt x="1430" y="1504"/>
                    </a:lnTo>
                    <a:lnTo>
                      <a:pt x="1429" y="1504"/>
                    </a:lnTo>
                    <a:lnTo>
                      <a:pt x="1427" y="1504"/>
                    </a:lnTo>
                    <a:lnTo>
                      <a:pt x="1427" y="1506"/>
                    </a:lnTo>
                    <a:lnTo>
                      <a:pt x="1425" y="1506"/>
                    </a:lnTo>
                    <a:lnTo>
                      <a:pt x="1425" y="1504"/>
                    </a:lnTo>
                    <a:lnTo>
                      <a:pt x="1423" y="1504"/>
                    </a:lnTo>
                    <a:lnTo>
                      <a:pt x="1421" y="1504"/>
                    </a:lnTo>
                    <a:lnTo>
                      <a:pt x="1419" y="1504"/>
                    </a:lnTo>
                    <a:lnTo>
                      <a:pt x="1419" y="1502"/>
                    </a:lnTo>
                    <a:lnTo>
                      <a:pt x="1418" y="1502"/>
                    </a:lnTo>
                    <a:lnTo>
                      <a:pt x="1418" y="1500"/>
                    </a:lnTo>
                    <a:lnTo>
                      <a:pt x="1408" y="1504"/>
                    </a:lnTo>
                    <a:lnTo>
                      <a:pt x="1406" y="1504"/>
                    </a:lnTo>
                    <a:lnTo>
                      <a:pt x="1405" y="1506"/>
                    </a:lnTo>
                    <a:lnTo>
                      <a:pt x="1403" y="1507"/>
                    </a:lnTo>
                    <a:lnTo>
                      <a:pt x="1401" y="1507"/>
                    </a:lnTo>
                    <a:lnTo>
                      <a:pt x="1401" y="1509"/>
                    </a:lnTo>
                    <a:lnTo>
                      <a:pt x="1401" y="1511"/>
                    </a:lnTo>
                    <a:lnTo>
                      <a:pt x="1399" y="1511"/>
                    </a:lnTo>
                    <a:lnTo>
                      <a:pt x="1397" y="1511"/>
                    </a:lnTo>
                    <a:lnTo>
                      <a:pt x="1395" y="1511"/>
                    </a:lnTo>
                    <a:lnTo>
                      <a:pt x="1395" y="1513"/>
                    </a:lnTo>
                    <a:lnTo>
                      <a:pt x="1393" y="1513"/>
                    </a:lnTo>
                    <a:lnTo>
                      <a:pt x="1392" y="1513"/>
                    </a:lnTo>
                    <a:lnTo>
                      <a:pt x="1392" y="1515"/>
                    </a:lnTo>
                    <a:lnTo>
                      <a:pt x="1390" y="1515"/>
                    </a:lnTo>
                    <a:lnTo>
                      <a:pt x="1390" y="1517"/>
                    </a:lnTo>
                    <a:lnTo>
                      <a:pt x="1388" y="1517"/>
                    </a:lnTo>
                    <a:lnTo>
                      <a:pt x="1388" y="1519"/>
                    </a:lnTo>
                    <a:lnTo>
                      <a:pt x="1386" y="1519"/>
                    </a:lnTo>
                    <a:lnTo>
                      <a:pt x="1384" y="1519"/>
                    </a:lnTo>
                    <a:lnTo>
                      <a:pt x="1382" y="1520"/>
                    </a:lnTo>
                    <a:lnTo>
                      <a:pt x="1381" y="1520"/>
                    </a:lnTo>
                    <a:lnTo>
                      <a:pt x="1381" y="1522"/>
                    </a:lnTo>
                    <a:lnTo>
                      <a:pt x="1379" y="1522"/>
                    </a:lnTo>
                    <a:lnTo>
                      <a:pt x="1377" y="1524"/>
                    </a:lnTo>
                    <a:lnTo>
                      <a:pt x="1375" y="1524"/>
                    </a:lnTo>
                    <a:lnTo>
                      <a:pt x="1373" y="1524"/>
                    </a:lnTo>
                    <a:lnTo>
                      <a:pt x="1373" y="1526"/>
                    </a:lnTo>
                    <a:lnTo>
                      <a:pt x="1371" y="1526"/>
                    </a:lnTo>
                    <a:lnTo>
                      <a:pt x="1369" y="1526"/>
                    </a:lnTo>
                    <a:lnTo>
                      <a:pt x="1369" y="1528"/>
                    </a:lnTo>
                    <a:lnTo>
                      <a:pt x="1368" y="1528"/>
                    </a:lnTo>
                    <a:lnTo>
                      <a:pt x="1366" y="1528"/>
                    </a:lnTo>
                    <a:lnTo>
                      <a:pt x="1364" y="1528"/>
                    </a:lnTo>
                    <a:lnTo>
                      <a:pt x="1362" y="1530"/>
                    </a:lnTo>
                    <a:lnTo>
                      <a:pt x="1362" y="1528"/>
                    </a:lnTo>
                    <a:lnTo>
                      <a:pt x="1362" y="1526"/>
                    </a:lnTo>
                    <a:lnTo>
                      <a:pt x="1360" y="1524"/>
                    </a:lnTo>
                    <a:lnTo>
                      <a:pt x="1360" y="1522"/>
                    </a:lnTo>
                    <a:lnTo>
                      <a:pt x="1358" y="1520"/>
                    </a:lnTo>
                    <a:lnTo>
                      <a:pt x="1357" y="1520"/>
                    </a:lnTo>
                    <a:lnTo>
                      <a:pt x="1357" y="1519"/>
                    </a:lnTo>
                    <a:lnTo>
                      <a:pt x="1355" y="1515"/>
                    </a:lnTo>
                    <a:lnTo>
                      <a:pt x="1355" y="1513"/>
                    </a:lnTo>
                    <a:lnTo>
                      <a:pt x="1353" y="1513"/>
                    </a:lnTo>
                    <a:lnTo>
                      <a:pt x="1353" y="1511"/>
                    </a:lnTo>
                    <a:lnTo>
                      <a:pt x="1353" y="1509"/>
                    </a:lnTo>
                    <a:lnTo>
                      <a:pt x="1351" y="1507"/>
                    </a:lnTo>
                    <a:lnTo>
                      <a:pt x="1349" y="1506"/>
                    </a:lnTo>
                    <a:lnTo>
                      <a:pt x="1349" y="1504"/>
                    </a:lnTo>
                    <a:lnTo>
                      <a:pt x="1347" y="1504"/>
                    </a:lnTo>
                    <a:lnTo>
                      <a:pt x="1347" y="1502"/>
                    </a:lnTo>
                    <a:lnTo>
                      <a:pt x="1345" y="1502"/>
                    </a:lnTo>
                    <a:lnTo>
                      <a:pt x="1345" y="1500"/>
                    </a:lnTo>
                    <a:lnTo>
                      <a:pt x="1344" y="1498"/>
                    </a:lnTo>
                    <a:lnTo>
                      <a:pt x="1342" y="1498"/>
                    </a:lnTo>
                    <a:lnTo>
                      <a:pt x="1342" y="1496"/>
                    </a:lnTo>
                    <a:lnTo>
                      <a:pt x="1340" y="1496"/>
                    </a:lnTo>
                    <a:lnTo>
                      <a:pt x="1340" y="1495"/>
                    </a:lnTo>
                    <a:lnTo>
                      <a:pt x="1338" y="1495"/>
                    </a:lnTo>
                    <a:lnTo>
                      <a:pt x="1336" y="1495"/>
                    </a:lnTo>
                    <a:lnTo>
                      <a:pt x="1334" y="1493"/>
                    </a:lnTo>
                    <a:lnTo>
                      <a:pt x="1332" y="1493"/>
                    </a:lnTo>
                    <a:lnTo>
                      <a:pt x="1332" y="1491"/>
                    </a:lnTo>
                    <a:lnTo>
                      <a:pt x="1332" y="1489"/>
                    </a:lnTo>
                    <a:lnTo>
                      <a:pt x="1332" y="1487"/>
                    </a:lnTo>
                    <a:lnTo>
                      <a:pt x="1332" y="1485"/>
                    </a:lnTo>
                    <a:lnTo>
                      <a:pt x="1332" y="1483"/>
                    </a:lnTo>
                    <a:lnTo>
                      <a:pt x="1331" y="1482"/>
                    </a:lnTo>
                    <a:lnTo>
                      <a:pt x="1331" y="1480"/>
                    </a:lnTo>
                    <a:lnTo>
                      <a:pt x="1331" y="1472"/>
                    </a:lnTo>
                    <a:lnTo>
                      <a:pt x="1329" y="1470"/>
                    </a:lnTo>
                    <a:lnTo>
                      <a:pt x="1329" y="1469"/>
                    </a:lnTo>
                    <a:lnTo>
                      <a:pt x="1329" y="1467"/>
                    </a:lnTo>
                    <a:lnTo>
                      <a:pt x="1329" y="1465"/>
                    </a:lnTo>
                    <a:lnTo>
                      <a:pt x="1327" y="1461"/>
                    </a:lnTo>
                    <a:lnTo>
                      <a:pt x="1327" y="1459"/>
                    </a:lnTo>
                    <a:lnTo>
                      <a:pt x="1325" y="1458"/>
                    </a:lnTo>
                    <a:lnTo>
                      <a:pt x="1323" y="1458"/>
                    </a:lnTo>
                    <a:lnTo>
                      <a:pt x="1323" y="1456"/>
                    </a:lnTo>
                    <a:lnTo>
                      <a:pt x="1321" y="1456"/>
                    </a:lnTo>
                    <a:lnTo>
                      <a:pt x="1321" y="1454"/>
                    </a:lnTo>
                    <a:lnTo>
                      <a:pt x="1320" y="1452"/>
                    </a:lnTo>
                    <a:lnTo>
                      <a:pt x="1320" y="1450"/>
                    </a:lnTo>
                    <a:lnTo>
                      <a:pt x="1320" y="1448"/>
                    </a:lnTo>
                    <a:lnTo>
                      <a:pt x="1320" y="1446"/>
                    </a:lnTo>
                    <a:lnTo>
                      <a:pt x="1320" y="1445"/>
                    </a:lnTo>
                    <a:lnTo>
                      <a:pt x="1320" y="1443"/>
                    </a:lnTo>
                    <a:lnTo>
                      <a:pt x="1320" y="1439"/>
                    </a:lnTo>
                    <a:lnTo>
                      <a:pt x="1320" y="1437"/>
                    </a:lnTo>
                    <a:lnTo>
                      <a:pt x="1320" y="1435"/>
                    </a:lnTo>
                    <a:lnTo>
                      <a:pt x="1318" y="1434"/>
                    </a:lnTo>
                    <a:lnTo>
                      <a:pt x="1318" y="1432"/>
                    </a:lnTo>
                    <a:lnTo>
                      <a:pt x="1316" y="1432"/>
                    </a:lnTo>
                    <a:lnTo>
                      <a:pt x="1314" y="1430"/>
                    </a:lnTo>
                    <a:lnTo>
                      <a:pt x="1312" y="1430"/>
                    </a:lnTo>
                    <a:lnTo>
                      <a:pt x="1312" y="1428"/>
                    </a:lnTo>
                    <a:lnTo>
                      <a:pt x="1310" y="1428"/>
                    </a:lnTo>
                    <a:lnTo>
                      <a:pt x="1310" y="1426"/>
                    </a:lnTo>
                    <a:lnTo>
                      <a:pt x="1310" y="1424"/>
                    </a:lnTo>
                    <a:lnTo>
                      <a:pt x="1308" y="1424"/>
                    </a:lnTo>
                    <a:lnTo>
                      <a:pt x="1308" y="1422"/>
                    </a:lnTo>
                    <a:lnTo>
                      <a:pt x="1308" y="1421"/>
                    </a:lnTo>
                    <a:lnTo>
                      <a:pt x="1307" y="1421"/>
                    </a:lnTo>
                    <a:lnTo>
                      <a:pt x="1307" y="1419"/>
                    </a:lnTo>
                    <a:lnTo>
                      <a:pt x="1303" y="1415"/>
                    </a:lnTo>
                    <a:lnTo>
                      <a:pt x="1303" y="1413"/>
                    </a:lnTo>
                    <a:lnTo>
                      <a:pt x="1301" y="1413"/>
                    </a:lnTo>
                    <a:lnTo>
                      <a:pt x="1301" y="1411"/>
                    </a:lnTo>
                    <a:lnTo>
                      <a:pt x="1301" y="1409"/>
                    </a:lnTo>
                    <a:lnTo>
                      <a:pt x="1299" y="1398"/>
                    </a:lnTo>
                    <a:lnTo>
                      <a:pt x="1299" y="1397"/>
                    </a:lnTo>
                    <a:lnTo>
                      <a:pt x="1299" y="1395"/>
                    </a:lnTo>
                    <a:lnTo>
                      <a:pt x="1297" y="1395"/>
                    </a:lnTo>
                    <a:lnTo>
                      <a:pt x="1297" y="1393"/>
                    </a:lnTo>
                    <a:lnTo>
                      <a:pt x="1296" y="1393"/>
                    </a:lnTo>
                    <a:lnTo>
                      <a:pt x="1290" y="1389"/>
                    </a:lnTo>
                    <a:lnTo>
                      <a:pt x="1290" y="1387"/>
                    </a:lnTo>
                    <a:lnTo>
                      <a:pt x="1288" y="1387"/>
                    </a:lnTo>
                    <a:lnTo>
                      <a:pt x="1288" y="1385"/>
                    </a:lnTo>
                    <a:lnTo>
                      <a:pt x="1283" y="1382"/>
                    </a:lnTo>
                    <a:lnTo>
                      <a:pt x="1281" y="1380"/>
                    </a:lnTo>
                    <a:lnTo>
                      <a:pt x="1281" y="1378"/>
                    </a:lnTo>
                    <a:lnTo>
                      <a:pt x="1275" y="1372"/>
                    </a:lnTo>
                    <a:lnTo>
                      <a:pt x="1270" y="1365"/>
                    </a:lnTo>
                    <a:lnTo>
                      <a:pt x="1268" y="1363"/>
                    </a:lnTo>
                    <a:lnTo>
                      <a:pt x="1268" y="1361"/>
                    </a:lnTo>
                    <a:lnTo>
                      <a:pt x="1266" y="1360"/>
                    </a:lnTo>
                    <a:lnTo>
                      <a:pt x="1266" y="1358"/>
                    </a:lnTo>
                    <a:lnTo>
                      <a:pt x="1266" y="1356"/>
                    </a:lnTo>
                    <a:lnTo>
                      <a:pt x="1266" y="1352"/>
                    </a:lnTo>
                    <a:lnTo>
                      <a:pt x="1266" y="1350"/>
                    </a:lnTo>
                    <a:lnTo>
                      <a:pt x="1264" y="1348"/>
                    </a:lnTo>
                    <a:lnTo>
                      <a:pt x="1264" y="1347"/>
                    </a:lnTo>
                    <a:lnTo>
                      <a:pt x="1264" y="1343"/>
                    </a:lnTo>
                    <a:lnTo>
                      <a:pt x="1262" y="1339"/>
                    </a:lnTo>
                    <a:lnTo>
                      <a:pt x="1262" y="1335"/>
                    </a:lnTo>
                    <a:lnTo>
                      <a:pt x="1262" y="1334"/>
                    </a:lnTo>
                    <a:lnTo>
                      <a:pt x="1260" y="1334"/>
                    </a:lnTo>
                    <a:lnTo>
                      <a:pt x="1260" y="1332"/>
                    </a:lnTo>
                    <a:lnTo>
                      <a:pt x="1260" y="1330"/>
                    </a:lnTo>
                    <a:lnTo>
                      <a:pt x="1259" y="1330"/>
                    </a:lnTo>
                    <a:lnTo>
                      <a:pt x="1259" y="1328"/>
                    </a:lnTo>
                    <a:lnTo>
                      <a:pt x="1247" y="1319"/>
                    </a:lnTo>
                    <a:lnTo>
                      <a:pt x="1247" y="1317"/>
                    </a:lnTo>
                    <a:lnTo>
                      <a:pt x="1246" y="1317"/>
                    </a:lnTo>
                    <a:lnTo>
                      <a:pt x="1246" y="1315"/>
                    </a:lnTo>
                    <a:lnTo>
                      <a:pt x="1244" y="1315"/>
                    </a:lnTo>
                    <a:lnTo>
                      <a:pt x="1242" y="1313"/>
                    </a:lnTo>
                    <a:lnTo>
                      <a:pt x="1236" y="1311"/>
                    </a:lnTo>
                    <a:lnTo>
                      <a:pt x="1234" y="1310"/>
                    </a:lnTo>
                    <a:lnTo>
                      <a:pt x="1231" y="1306"/>
                    </a:lnTo>
                    <a:lnTo>
                      <a:pt x="1229" y="1306"/>
                    </a:lnTo>
                    <a:lnTo>
                      <a:pt x="1229" y="1304"/>
                    </a:lnTo>
                    <a:lnTo>
                      <a:pt x="1227" y="1302"/>
                    </a:lnTo>
                    <a:lnTo>
                      <a:pt x="1227" y="1300"/>
                    </a:lnTo>
                    <a:lnTo>
                      <a:pt x="1227" y="1298"/>
                    </a:lnTo>
                    <a:lnTo>
                      <a:pt x="1227" y="1297"/>
                    </a:lnTo>
                    <a:lnTo>
                      <a:pt x="1227" y="1291"/>
                    </a:lnTo>
                    <a:lnTo>
                      <a:pt x="1227" y="1289"/>
                    </a:lnTo>
                    <a:lnTo>
                      <a:pt x="1227" y="1287"/>
                    </a:lnTo>
                    <a:lnTo>
                      <a:pt x="1225" y="1284"/>
                    </a:lnTo>
                    <a:lnTo>
                      <a:pt x="1225" y="1282"/>
                    </a:lnTo>
                    <a:lnTo>
                      <a:pt x="1223" y="1280"/>
                    </a:lnTo>
                    <a:lnTo>
                      <a:pt x="1223" y="1278"/>
                    </a:lnTo>
                    <a:lnTo>
                      <a:pt x="1223" y="1274"/>
                    </a:lnTo>
                    <a:lnTo>
                      <a:pt x="1223" y="1273"/>
                    </a:lnTo>
                    <a:lnTo>
                      <a:pt x="1222" y="1269"/>
                    </a:lnTo>
                    <a:lnTo>
                      <a:pt x="1222" y="1267"/>
                    </a:lnTo>
                    <a:lnTo>
                      <a:pt x="1222" y="1265"/>
                    </a:lnTo>
                    <a:lnTo>
                      <a:pt x="1222" y="1263"/>
                    </a:lnTo>
                    <a:lnTo>
                      <a:pt x="1222" y="1261"/>
                    </a:lnTo>
                    <a:lnTo>
                      <a:pt x="1222" y="1258"/>
                    </a:lnTo>
                    <a:lnTo>
                      <a:pt x="1222" y="1254"/>
                    </a:lnTo>
                    <a:lnTo>
                      <a:pt x="1222" y="1252"/>
                    </a:lnTo>
                    <a:lnTo>
                      <a:pt x="1222" y="1250"/>
                    </a:lnTo>
                    <a:lnTo>
                      <a:pt x="1222" y="1249"/>
                    </a:lnTo>
                    <a:lnTo>
                      <a:pt x="1222" y="1247"/>
                    </a:lnTo>
                    <a:lnTo>
                      <a:pt x="1220" y="1241"/>
                    </a:lnTo>
                    <a:lnTo>
                      <a:pt x="1220" y="1239"/>
                    </a:lnTo>
                    <a:lnTo>
                      <a:pt x="1220" y="1237"/>
                    </a:lnTo>
                    <a:lnTo>
                      <a:pt x="1218" y="1237"/>
                    </a:lnTo>
                    <a:lnTo>
                      <a:pt x="1218" y="1236"/>
                    </a:lnTo>
                    <a:lnTo>
                      <a:pt x="1207" y="1221"/>
                    </a:lnTo>
                    <a:lnTo>
                      <a:pt x="1205" y="1221"/>
                    </a:lnTo>
                    <a:lnTo>
                      <a:pt x="1205" y="1219"/>
                    </a:lnTo>
                    <a:lnTo>
                      <a:pt x="1203" y="1219"/>
                    </a:lnTo>
                    <a:lnTo>
                      <a:pt x="1201" y="1217"/>
                    </a:lnTo>
                    <a:lnTo>
                      <a:pt x="1199" y="1217"/>
                    </a:lnTo>
                    <a:lnTo>
                      <a:pt x="1198" y="1217"/>
                    </a:lnTo>
                    <a:lnTo>
                      <a:pt x="1194" y="1217"/>
                    </a:lnTo>
                    <a:lnTo>
                      <a:pt x="1183" y="1219"/>
                    </a:lnTo>
                    <a:lnTo>
                      <a:pt x="1181" y="1219"/>
                    </a:lnTo>
                    <a:lnTo>
                      <a:pt x="1179" y="1219"/>
                    </a:lnTo>
                    <a:lnTo>
                      <a:pt x="1177" y="1219"/>
                    </a:lnTo>
                    <a:lnTo>
                      <a:pt x="1175" y="1219"/>
                    </a:lnTo>
                    <a:lnTo>
                      <a:pt x="1175" y="1217"/>
                    </a:lnTo>
                    <a:lnTo>
                      <a:pt x="1173" y="1217"/>
                    </a:lnTo>
                    <a:lnTo>
                      <a:pt x="1172" y="1215"/>
                    </a:lnTo>
                    <a:lnTo>
                      <a:pt x="1170" y="1215"/>
                    </a:lnTo>
                    <a:lnTo>
                      <a:pt x="1170" y="1213"/>
                    </a:lnTo>
                    <a:lnTo>
                      <a:pt x="1168" y="1213"/>
                    </a:lnTo>
                    <a:lnTo>
                      <a:pt x="1168" y="1212"/>
                    </a:lnTo>
                    <a:lnTo>
                      <a:pt x="1164" y="1204"/>
                    </a:lnTo>
                    <a:lnTo>
                      <a:pt x="1164" y="1202"/>
                    </a:lnTo>
                    <a:lnTo>
                      <a:pt x="1162" y="1202"/>
                    </a:lnTo>
                    <a:lnTo>
                      <a:pt x="1162" y="1200"/>
                    </a:lnTo>
                    <a:lnTo>
                      <a:pt x="1161" y="1197"/>
                    </a:lnTo>
                    <a:lnTo>
                      <a:pt x="1159" y="1197"/>
                    </a:lnTo>
                    <a:lnTo>
                      <a:pt x="1159" y="1195"/>
                    </a:lnTo>
                    <a:lnTo>
                      <a:pt x="1157" y="1195"/>
                    </a:lnTo>
                    <a:lnTo>
                      <a:pt x="1155" y="1193"/>
                    </a:lnTo>
                    <a:lnTo>
                      <a:pt x="1153" y="1191"/>
                    </a:lnTo>
                    <a:lnTo>
                      <a:pt x="1153" y="1189"/>
                    </a:lnTo>
                    <a:lnTo>
                      <a:pt x="1151" y="1189"/>
                    </a:lnTo>
                    <a:lnTo>
                      <a:pt x="1151" y="1187"/>
                    </a:lnTo>
                    <a:lnTo>
                      <a:pt x="1151" y="1186"/>
                    </a:lnTo>
                    <a:lnTo>
                      <a:pt x="1151" y="1184"/>
                    </a:lnTo>
                    <a:lnTo>
                      <a:pt x="1151" y="1182"/>
                    </a:lnTo>
                    <a:lnTo>
                      <a:pt x="1157" y="1173"/>
                    </a:lnTo>
                    <a:lnTo>
                      <a:pt x="1157" y="1171"/>
                    </a:lnTo>
                    <a:lnTo>
                      <a:pt x="1157" y="1169"/>
                    </a:lnTo>
                    <a:lnTo>
                      <a:pt x="1157" y="1167"/>
                    </a:lnTo>
                    <a:lnTo>
                      <a:pt x="1159" y="1167"/>
                    </a:lnTo>
                    <a:lnTo>
                      <a:pt x="1159" y="1165"/>
                    </a:lnTo>
                    <a:lnTo>
                      <a:pt x="1159" y="1163"/>
                    </a:lnTo>
                    <a:lnTo>
                      <a:pt x="1159" y="1160"/>
                    </a:lnTo>
                    <a:lnTo>
                      <a:pt x="1159" y="1156"/>
                    </a:lnTo>
                    <a:lnTo>
                      <a:pt x="1159" y="1152"/>
                    </a:lnTo>
                    <a:lnTo>
                      <a:pt x="1157" y="1150"/>
                    </a:lnTo>
                    <a:lnTo>
                      <a:pt x="1157" y="1147"/>
                    </a:lnTo>
                    <a:lnTo>
                      <a:pt x="1157" y="1143"/>
                    </a:lnTo>
                    <a:lnTo>
                      <a:pt x="1155" y="1143"/>
                    </a:lnTo>
                    <a:lnTo>
                      <a:pt x="1155" y="1141"/>
                    </a:lnTo>
                    <a:lnTo>
                      <a:pt x="1153" y="1141"/>
                    </a:lnTo>
                    <a:lnTo>
                      <a:pt x="1153" y="1139"/>
                    </a:lnTo>
                    <a:lnTo>
                      <a:pt x="1151" y="1138"/>
                    </a:lnTo>
                    <a:lnTo>
                      <a:pt x="1149" y="1138"/>
                    </a:lnTo>
                    <a:lnTo>
                      <a:pt x="1148" y="1134"/>
                    </a:lnTo>
                    <a:lnTo>
                      <a:pt x="1146" y="1134"/>
                    </a:lnTo>
                    <a:lnTo>
                      <a:pt x="1142" y="1132"/>
                    </a:lnTo>
                    <a:lnTo>
                      <a:pt x="1142" y="1130"/>
                    </a:lnTo>
                    <a:lnTo>
                      <a:pt x="1140" y="1130"/>
                    </a:lnTo>
                    <a:lnTo>
                      <a:pt x="1138" y="1126"/>
                    </a:lnTo>
                    <a:lnTo>
                      <a:pt x="1137" y="1126"/>
                    </a:lnTo>
                    <a:lnTo>
                      <a:pt x="1137" y="1125"/>
                    </a:lnTo>
                    <a:lnTo>
                      <a:pt x="1135" y="1123"/>
                    </a:lnTo>
                    <a:lnTo>
                      <a:pt x="1127" y="1115"/>
                    </a:lnTo>
                    <a:lnTo>
                      <a:pt x="1125" y="1114"/>
                    </a:lnTo>
                    <a:lnTo>
                      <a:pt x="1124" y="1112"/>
                    </a:lnTo>
                    <a:lnTo>
                      <a:pt x="1122" y="1110"/>
                    </a:lnTo>
                    <a:lnTo>
                      <a:pt x="1122" y="1108"/>
                    </a:lnTo>
                    <a:lnTo>
                      <a:pt x="1120" y="1104"/>
                    </a:lnTo>
                    <a:lnTo>
                      <a:pt x="1118" y="1104"/>
                    </a:lnTo>
                    <a:lnTo>
                      <a:pt x="1118" y="1102"/>
                    </a:lnTo>
                    <a:lnTo>
                      <a:pt x="1116" y="1101"/>
                    </a:lnTo>
                    <a:lnTo>
                      <a:pt x="1114" y="1099"/>
                    </a:lnTo>
                    <a:lnTo>
                      <a:pt x="1114" y="1097"/>
                    </a:lnTo>
                    <a:lnTo>
                      <a:pt x="1072" y="1043"/>
                    </a:lnTo>
                    <a:lnTo>
                      <a:pt x="1070" y="1041"/>
                    </a:lnTo>
                    <a:lnTo>
                      <a:pt x="1068" y="1040"/>
                    </a:lnTo>
                    <a:lnTo>
                      <a:pt x="1068" y="1038"/>
                    </a:lnTo>
                    <a:lnTo>
                      <a:pt x="1066" y="1038"/>
                    </a:lnTo>
                    <a:lnTo>
                      <a:pt x="1020" y="1025"/>
                    </a:lnTo>
                    <a:lnTo>
                      <a:pt x="870" y="980"/>
                    </a:lnTo>
                    <a:lnTo>
                      <a:pt x="700" y="977"/>
                    </a:lnTo>
                    <a:lnTo>
                      <a:pt x="643" y="975"/>
                    </a:lnTo>
                    <a:lnTo>
                      <a:pt x="510" y="1056"/>
                    </a:lnTo>
                    <a:lnTo>
                      <a:pt x="382" y="1078"/>
                    </a:lnTo>
                    <a:lnTo>
                      <a:pt x="379" y="1080"/>
                    </a:lnTo>
                    <a:lnTo>
                      <a:pt x="264" y="1165"/>
                    </a:lnTo>
                    <a:lnTo>
                      <a:pt x="247" y="1199"/>
                    </a:lnTo>
                    <a:lnTo>
                      <a:pt x="207" y="1178"/>
                    </a:lnTo>
                    <a:lnTo>
                      <a:pt x="207" y="1176"/>
                    </a:lnTo>
                    <a:lnTo>
                      <a:pt x="207" y="1178"/>
                    </a:lnTo>
                    <a:lnTo>
                      <a:pt x="205" y="1176"/>
                    </a:lnTo>
                    <a:lnTo>
                      <a:pt x="203" y="1176"/>
                    </a:lnTo>
                    <a:lnTo>
                      <a:pt x="201" y="1176"/>
                    </a:lnTo>
                    <a:lnTo>
                      <a:pt x="201" y="1175"/>
                    </a:lnTo>
                    <a:lnTo>
                      <a:pt x="199" y="1175"/>
                    </a:lnTo>
                    <a:lnTo>
                      <a:pt x="197" y="1175"/>
                    </a:lnTo>
                    <a:lnTo>
                      <a:pt x="196" y="1175"/>
                    </a:lnTo>
                    <a:lnTo>
                      <a:pt x="194" y="1175"/>
                    </a:lnTo>
                    <a:lnTo>
                      <a:pt x="192" y="1175"/>
                    </a:lnTo>
                    <a:lnTo>
                      <a:pt x="190" y="1175"/>
                    </a:lnTo>
                    <a:lnTo>
                      <a:pt x="190" y="1173"/>
                    </a:lnTo>
                    <a:lnTo>
                      <a:pt x="190" y="1171"/>
                    </a:lnTo>
                    <a:lnTo>
                      <a:pt x="188" y="1171"/>
                    </a:lnTo>
                    <a:lnTo>
                      <a:pt x="188" y="1169"/>
                    </a:lnTo>
                    <a:lnTo>
                      <a:pt x="188" y="1167"/>
                    </a:lnTo>
                    <a:lnTo>
                      <a:pt x="186" y="1167"/>
                    </a:lnTo>
                    <a:lnTo>
                      <a:pt x="188" y="1167"/>
                    </a:lnTo>
                    <a:lnTo>
                      <a:pt x="188" y="1165"/>
                    </a:lnTo>
                    <a:lnTo>
                      <a:pt x="186" y="1165"/>
                    </a:lnTo>
                    <a:lnTo>
                      <a:pt x="186" y="1163"/>
                    </a:lnTo>
                    <a:lnTo>
                      <a:pt x="185" y="1163"/>
                    </a:lnTo>
                    <a:lnTo>
                      <a:pt x="183" y="1163"/>
                    </a:lnTo>
                    <a:lnTo>
                      <a:pt x="181" y="1163"/>
                    </a:lnTo>
                    <a:lnTo>
                      <a:pt x="179" y="1163"/>
                    </a:lnTo>
                    <a:lnTo>
                      <a:pt x="177" y="1163"/>
                    </a:lnTo>
                    <a:lnTo>
                      <a:pt x="175" y="1163"/>
                    </a:lnTo>
                    <a:lnTo>
                      <a:pt x="173" y="1163"/>
                    </a:lnTo>
                    <a:lnTo>
                      <a:pt x="172" y="1163"/>
                    </a:lnTo>
                    <a:lnTo>
                      <a:pt x="172" y="1162"/>
                    </a:lnTo>
                    <a:lnTo>
                      <a:pt x="170" y="1162"/>
                    </a:lnTo>
                    <a:lnTo>
                      <a:pt x="170" y="1160"/>
                    </a:lnTo>
                    <a:lnTo>
                      <a:pt x="168" y="1160"/>
                    </a:lnTo>
                    <a:lnTo>
                      <a:pt x="168" y="1158"/>
                    </a:lnTo>
                    <a:lnTo>
                      <a:pt x="166" y="1158"/>
                    </a:lnTo>
                    <a:lnTo>
                      <a:pt x="164" y="1156"/>
                    </a:lnTo>
                    <a:lnTo>
                      <a:pt x="162" y="1154"/>
                    </a:lnTo>
                    <a:lnTo>
                      <a:pt x="160" y="1156"/>
                    </a:lnTo>
                    <a:lnTo>
                      <a:pt x="157" y="1158"/>
                    </a:lnTo>
                    <a:lnTo>
                      <a:pt x="153" y="1160"/>
                    </a:lnTo>
                    <a:lnTo>
                      <a:pt x="155" y="1160"/>
                    </a:lnTo>
                    <a:lnTo>
                      <a:pt x="153" y="1160"/>
                    </a:lnTo>
                    <a:lnTo>
                      <a:pt x="155" y="1162"/>
                    </a:lnTo>
                    <a:lnTo>
                      <a:pt x="157" y="1163"/>
                    </a:lnTo>
                    <a:lnTo>
                      <a:pt x="153" y="1165"/>
                    </a:lnTo>
                    <a:lnTo>
                      <a:pt x="151" y="1165"/>
                    </a:lnTo>
                    <a:lnTo>
                      <a:pt x="149" y="1167"/>
                    </a:lnTo>
                    <a:lnTo>
                      <a:pt x="149" y="1169"/>
                    </a:lnTo>
                    <a:lnTo>
                      <a:pt x="149" y="1171"/>
                    </a:lnTo>
                    <a:lnTo>
                      <a:pt x="151" y="1175"/>
                    </a:lnTo>
                    <a:lnTo>
                      <a:pt x="153" y="1175"/>
                    </a:lnTo>
                    <a:lnTo>
                      <a:pt x="153" y="1176"/>
                    </a:lnTo>
                    <a:lnTo>
                      <a:pt x="155" y="1176"/>
                    </a:lnTo>
                    <a:lnTo>
                      <a:pt x="157" y="1176"/>
                    </a:lnTo>
                    <a:lnTo>
                      <a:pt x="162" y="1178"/>
                    </a:lnTo>
                    <a:lnTo>
                      <a:pt x="164" y="1180"/>
                    </a:lnTo>
                    <a:lnTo>
                      <a:pt x="164" y="1182"/>
                    </a:lnTo>
                    <a:lnTo>
                      <a:pt x="166" y="1182"/>
                    </a:lnTo>
                    <a:lnTo>
                      <a:pt x="166" y="1184"/>
                    </a:lnTo>
                    <a:lnTo>
                      <a:pt x="170" y="1186"/>
                    </a:lnTo>
                    <a:lnTo>
                      <a:pt x="172" y="1186"/>
                    </a:lnTo>
                    <a:lnTo>
                      <a:pt x="172" y="1184"/>
                    </a:lnTo>
                    <a:lnTo>
                      <a:pt x="173" y="1184"/>
                    </a:lnTo>
                    <a:lnTo>
                      <a:pt x="173" y="1186"/>
                    </a:lnTo>
                    <a:lnTo>
                      <a:pt x="175" y="1186"/>
                    </a:lnTo>
                    <a:lnTo>
                      <a:pt x="177" y="1186"/>
                    </a:lnTo>
                    <a:lnTo>
                      <a:pt x="177" y="1187"/>
                    </a:lnTo>
                    <a:lnTo>
                      <a:pt x="179" y="1187"/>
                    </a:lnTo>
                    <a:lnTo>
                      <a:pt x="181" y="1187"/>
                    </a:lnTo>
                    <a:lnTo>
                      <a:pt x="183" y="1187"/>
                    </a:lnTo>
                    <a:lnTo>
                      <a:pt x="179" y="1197"/>
                    </a:lnTo>
                    <a:lnTo>
                      <a:pt x="181" y="1199"/>
                    </a:lnTo>
                    <a:lnTo>
                      <a:pt x="183" y="1199"/>
                    </a:lnTo>
                    <a:lnTo>
                      <a:pt x="185" y="1200"/>
                    </a:lnTo>
                    <a:lnTo>
                      <a:pt x="186" y="1202"/>
                    </a:lnTo>
                    <a:lnTo>
                      <a:pt x="192" y="1206"/>
                    </a:lnTo>
                    <a:lnTo>
                      <a:pt x="194" y="1208"/>
                    </a:lnTo>
                    <a:lnTo>
                      <a:pt x="196" y="1206"/>
                    </a:lnTo>
                    <a:lnTo>
                      <a:pt x="197" y="1206"/>
                    </a:lnTo>
                    <a:lnTo>
                      <a:pt x="197" y="1208"/>
                    </a:lnTo>
                    <a:lnTo>
                      <a:pt x="199" y="1208"/>
                    </a:lnTo>
                    <a:lnTo>
                      <a:pt x="234" y="1224"/>
                    </a:lnTo>
                    <a:lnTo>
                      <a:pt x="216" y="1263"/>
                    </a:lnTo>
                    <a:lnTo>
                      <a:pt x="203" y="1287"/>
                    </a:lnTo>
                    <a:lnTo>
                      <a:pt x="186" y="1319"/>
                    </a:lnTo>
                    <a:lnTo>
                      <a:pt x="146" y="1297"/>
                    </a:lnTo>
                    <a:lnTo>
                      <a:pt x="142" y="1297"/>
                    </a:lnTo>
                    <a:lnTo>
                      <a:pt x="142" y="1295"/>
                    </a:lnTo>
                    <a:lnTo>
                      <a:pt x="138" y="1295"/>
                    </a:lnTo>
                    <a:lnTo>
                      <a:pt x="135" y="1293"/>
                    </a:lnTo>
                    <a:lnTo>
                      <a:pt x="131" y="1291"/>
                    </a:lnTo>
                    <a:lnTo>
                      <a:pt x="127" y="1289"/>
                    </a:lnTo>
                    <a:lnTo>
                      <a:pt x="125" y="1289"/>
                    </a:lnTo>
                    <a:lnTo>
                      <a:pt x="122" y="1287"/>
                    </a:lnTo>
                    <a:lnTo>
                      <a:pt x="120" y="1286"/>
                    </a:lnTo>
                    <a:lnTo>
                      <a:pt x="118" y="1284"/>
                    </a:lnTo>
                    <a:lnTo>
                      <a:pt x="116" y="1282"/>
                    </a:lnTo>
                    <a:lnTo>
                      <a:pt x="112" y="1280"/>
                    </a:lnTo>
                    <a:lnTo>
                      <a:pt x="109" y="1278"/>
                    </a:lnTo>
                    <a:lnTo>
                      <a:pt x="107" y="1276"/>
                    </a:lnTo>
                    <a:lnTo>
                      <a:pt x="105" y="1276"/>
                    </a:lnTo>
                    <a:lnTo>
                      <a:pt x="105" y="1274"/>
                    </a:lnTo>
                    <a:lnTo>
                      <a:pt x="98" y="1269"/>
                    </a:lnTo>
                    <a:lnTo>
                      <a:pt x="96" y="1267"/>
                    </a:lnTo>
                    <a:lnTo>
                      <a:pt x="96" y="1265"/>
                    </a:lnTo>
                    <a:lnTo>
                      <a:pt x="94" y="1265"/>
                    </a:lnTo>
                    <a:lnTo>
                      <a:pt x="96" y="1263"/>
                    </a:lnTo>
                    <a:lnTo>
                      <a:pt x="94" y="1263"/>
                    </a:lnTo>
                    <a:lnTo>
                      <a:pt x="90" y="1260"/>
                    </a:lnTo>
                    <a:lnTo>
                      <a:pt x="88" y="1260"/>
                    </a:lnTo>
                    <a:lnTo>
                      <a:pt x="90" y="1258"/>
                    </a:lnTo>
                    <a:lnTo>
                      <a:pt x="88" y="1258"/>
                    </a:lnTo>
                    <a:lnTo>
                      <a:pt x="88" y="1256"/>
                    </a:lnTo>
                    <a:lnTo>
                      <a:pt x="87" y="1256"/>
                    </a:lnTo>
                    <a:lnTo>
                      <a:pt x="88" y="1254"/>
                    </a:lnTo>
                    <a:lnTo>
                      <a:pt x="85" y="1252"/>
                    </a:lnTo>
                    <a:lnTo>
                      <a:pt x="85" y="1250"/>
                    </a:lnTo>
                    <a:lnTo>
                      <a:pt x="85" y="1249"/>
                    </a:lnTo>
                    <a:lnTo>
                      <a:pt x="83" y="1249"/>
                    </a:lnTo>
                    <a:lnTo>
                      <a:pt x="83" y="1247"/>
                    </a:lnTo>
                    <a:lnTo>
                      <a:pt x="83" y="1245"/>
                    </a:lnTo>
                    <a:lnTo>
                      <a:pt x="85" y="1245"/>
                    </a:lnTo>
                    <a:lnTo>
                      <a:pt x="85" y="1243"/>
                    </a:lnTo>
                    <a:lnTo>
                      <a:pt x="85" y="1241"/>
                    </a:lnTo>
                    <a:lnTo>
                      <a:pt x="87" y="1241"/>
                    </a:lnTo>
                    <a:lnTo>
                      <a:pt x="88" y="1241"/>
                    </a:lnTo>
                    <a:lnTo>
                      <a:pt x="88" y="1239"/>
                    </a:lnTo>
                    <a:lnTo>
                      <a:pt x="90" y="1239"/>
                    </a:lnTo>
                    <a:lnTo>
                      <a:pt x="90" y="1237"/>
                    </a:lnTo>
                    <a:lnTo>
                      <a:pt x="92" y="1237"/>
                    </a:lnTo>
                    <a:lnTo>
                      <a:pt x="92" y="1236"/>
                    </a:lnTo>
                    <a:lnTo>
                      <a:pt x="92" y="1234"/>
                    </a:lnTo>
                    <a:lnTo>
                      <a:pt x="94" y="1234"/>
                    </a:lnTo>
                    <a:lnTo>
                      <a:pt x="94" y="1232"/>
                    </a:lnTo>
                    <a:lnTo>
                      <a:pt x="96" y="1230"/>
                    </a:lnTo>
                    <a:lnTo>
                      <a:pt x="96" y="1228"/>
                    </a:lnTo>
                    <a:lnTo>
                      <a:pt x="98" y="1228"/>
                    </a:lnTo>
                    <a:lnTo>
                      <a:pt x="99" y="1226"/>
                    </a:lnTo>
                    <a:lnTo>
                      <a:pt x="98" y="1226"/>
                    </a:lnTo>
                    <a:lnTo>
                      <a:pt x="98" y="1224"/>
                    </a:lnTo>
                    <a:lnTo>
                      <a:pt x="99" y="1224"/>
                    </a:lnTo>
                    <a:lnTo>
                      <a:pt x="99" y="1223"/>
                    </a:lnTo>
                    <a:lnTo>
                      <a:pt x="99" y="1221"/>
                    </a:lnTo>
                    <a:lnTo>
                      <a:pt x="99" y="1219"/>
                    </a:lnTo>
                    <a:lnTo>
                      <a:pt x="101" y="1219"/>
                    </a:lnTo>
                    <a:lnTo>
                      <a:pt x="101" y="1217"/>
                    </a:lnTo>
                    <a:lnTo>
                      <a:pt x="103" y="1219"/>
                    </a:lnTo>
                    <a:lnTo>
                      <a:pt x="103" y="1217"/>
                    </a:lnTo>
                    <a:lnTo>
                      <a:pt x="103" y="1215"/>
                    </a:lnTo>
                    <a:lnTo>
                      <a:pt x="103" y="1213"/>
                    </a:lnTo>
                    <a:lnTo>
                      <a:pt x="101" y="1213"/>
                    </a:lnTo>
                    <a:lnTo>
                      <a:pt x="101" y="1212"/>
                    </a:lnTo>
                    <a:lnTo>
                      <a:pt x="101" y="1210"/>
                    </a:lnTo>
                    <a:lnTo>
                      <a:pt x="103" y="1208"/>
                    </a:lnTo>
                    <a:lnTo>
                      <a:pt x="101" y="1208"/>
                    </a:lnTo>
                    <a:lnTo>
                      <a:pt x="101" y="1206"/>
                    </a:lnTo>
                    <a:lnTo>
                      <a:pt x="103" y="1206"/>
                    </a:lnTo>
                    <a:lnTo>
                      <a:pt x="103" y="1204"/>
                    </a:lnTo>
                    <a:lnTo>
                      <a:pt x="103" y="1206"/>
                    </a:lnTo>
                    <a:lnTo>
                      <a:pt x="105" y="1206"/>
                    </a:lnTo>
                    <a:lnTo>
                      <a:pt x="105" y="1204"/>
                    </a:lnTo>
                    <a:lnTo>
                      <a:pt x="105" y="1202"/>
                    </a:lnTo>
                    <a:lnTo>
                      <a:pt x="107" y="1202"/>
                    </a:lnTo>
                    <a:lnTo>
                      <a:pt x="109" y="1202"/>
                    </a:lnTo>
                    <a:lnTo>
                      <a:pt x="111" y="1200"/>
                    </a:lnTo>
                    <a:lnTo>
                      <a:pt x="112" y="1202"/>
                    </a:lnTo>
                    <a:lnTo>
                      <a:pt x="111" y="1202"/>
                    </a:lnTo>
                    <a:lnTo>
                      <a:pt x="112" y="1202"/>
                    </a:lnTo>
                    <a:lnTo>
                      <a:pt x="112" y="1200"/>
                    </a:lnTo>
                    <a:lnTo>
                      <a:pt x="114" y="1200"/>
                    </a:lnTo>
                    <a:lnTo>
                      <a:pt x="116" y="1200"/>
                    </a:lnTo>
                    <a:lnTo>
                      <a:pt x="116" y="1199"/>
                    </a:lnTo>
                    <a:lnTo>
                      <a:pt x="118" y="1199"/>
                    </a:lnTo>
                    <a:lnTo>
                      <a:pt x="118" y="1197"/>
                    </a:lnTo>
                    <a:lnTo>
                      <a:pt x="120" y="1195"/>
                    </a:lnTo>
                    <a:lnTo>
                      <a:pt x="122" y="1195"/>
                    </a:lnTo>
                    <a:lnTo>
                      <a:pt x="120" y="1195"/>
                    </a:lnTo>
                    <a:lnTo>
                      <a:pt x="120" y="1193"/>
                    </a:lnTo>
                    <a:lnTo>
                      <a:pt x="122" y="1193"/>
                    </a:lnTo>
                    <a:lnTo>
                      <a:pt x="122" y="1191"/>
                    </a:lnTo>
                    <a:lnTo>
                      <a:pt x="122" y="1189"/>
                    </a:lnTo>
                    <a:lnTo>
                      <a:pt x="124" y="1189"/>
                    </a:lnTo>
                    <a:lnTo>
                      <a:pt x="125" y="1189"/>
                    </a:lnTo>
                    <a:lnTo>
                      <a:pt x="125" y="1187"/>
                    </a:lnTo>
                    <a:lnTo>
                      <a:pt x="127" y="1187"/>
                    </a:lnTo>
                    <a:lnTo>
                      <a:pt x="127" y="1186"/>
                    </a:lnTo>
                    <a:lnTo>
                      <a:pt x="129" y="1184"/>
                    </a:lnTo>
                    <a:lnTo>
                      <a:pt x="131" y="1184"/>
                    </a:lnTo>
                    <a:lnTo>
                      <a:pt x="129" y="1182"/>
                    </a:lnTo>
                    <a:lnTo>
                      <a:pt x="131" y="1182"/>
                    </a:lnTo>
                    <a:lnTo>
                      <a:pt x="131" y="1180"/>
                    </a:lnTo>
                    <a:lnTo>
                      <a:pt x="129" y="1178"/>
                    </a:lnTo>
                    <a:lnTo>
                      <a:pt x="131" y="1178"/>
                    </a:lnTo>
                    <a:lnTo>
                      <a:pt x="131" y="1176"/>
                    </a:lnTo>
                    <a:lnTo>
                      <a:pt x="131" y="1175"/>
                    </a:lnTo>
                    <a:lnTo>
                      <a:pt x="131" y="1173"/>
                    </a:lnTo>
                    <a:lnTo>
                      <a:pt x="133" y="1173"/>
                    </a:lnTo>
                    <a:lnTo>
                      <a:pt x="131" y="1173"/>
                    </a:lnTo>
                    <a:lnTo>
                      <a:pt x="131" y="1171"/>
                    </a:lnTo>
                    <a:lnTo>
                      <a:pt x="133" y="1171"/>
                    </a:lnTo>
                    <a:lnTo>
                      <a:pt x="133" y="1169"/>
                    </a:lnTo>
                    <a:lnTo>
                      <a:pt x="136" y="1163"/>
                    </a:lnTo>
                    <a:lnTo>
                      <a:pt x="146" y="1152"/>
                    </a:lnTo>
                    <a:lnTo>
                      <a:pt x="148" y="1150"/>
                    </a:lnTo>
                    <a:lnTo>
                      <a:pt x="148" y="1149"/>
                    </a:lnTo>
                    <a:lnTo>
                      <a:pt x="144" y="1143"/>
                    </a:lnTo>
                    <a:lnTo>
                      <a:pt x="142" y="1139"/>
                    </a:lnTo>
                    <a:lnTo>
                      <a:pt x="142" y="1138"/>
                    </a:lnTo>
                    <a:lnTo>
                      <a:pt x="140" y="1138"/>
                    </a:lnTo>
                    <a:lnTo>
                      <a:pt x="138" y="1136"/>
                    </a:lnTo>
                    <a:lnTo>
                      <a:pt x="138" y="1134"/>
                    </a:lnTo>
                    <a:lnTo>
                      <a:pt x="136" y="1134"/>
                    </a:lnTo>
                    <a:lnTo>
                      <a:pt x="135" y="1132"/>
                    </a:lnTo>
                    <a:lnTo>
                      <a:pt x="136" y="1132"/>
                    </a:lnTo>
                    <a:lnTo>
                      <a:pt x="135" y="1132"/>
                    </a:lnTo>
                    <a:lnTo>
                      <a:pt x="135" y="1130"/>
                    </a:lnTo>
                    <a:lnTo>
                      <a:pt x="136" y="1130"/>
                    </a:lnTo>
                    <a:lnTo>
                      <a:pt x="135" y="1130"/>
                    </a:lnTo>
                    <a:lnTo>
                      <a:pt x="135" y="1128"/>
                    </a:lnTo>
                    <a:lnTo>
                      <a:pt x="135" y="1126"/>
                    </a:lnTo>
                    <a:lnTo>
                      <a:pt x="135" y="1125"/>
                    </a:lnTo>
                    <a:lnTo>
                      <a:pt x="133" y="1125"/>
                    </a:lnTo>
                    <a:lnTo>
                      <a:pt x="133" y="1123"/>
                    </a:lnTo>
                    <a:lnTo>
                      <a:pt x="131" y="1125"/>
                    </a:lnTo>
                    <a:lnTo>
                      <a:pt x="131" y="1126"/>
                    </a:lnTo>
                    <a:lnTo>
                      <a:pt x="129" y="1126"/>
                    </a:lnTo>
                    <a:lnTo>
                      <a:pt x="127" y="1125"/>
                    </a:lnTo>
                    <a:lnTo>
                      <a:pt x="127" y="1126"/>
                    </a:lnTo>
                    <a:lnTo>
                      <a:pt x="125" y="1126"/>
                    </a:lnTo>
                    <a:lnTo>
                      <a:pt x="125" y="1128"/>
                    </a:lnTo>
                    <a:lnTo>
                      <a:pt x="125" y="1126"/>
                    </a:lnTo>
                    <a:lnTo>
                      <a:pt x="125" y="1128"/>
                    </a:lnTo>
                    <a:lnTo>
                      <a:pt x="122" y="1128"/>
                    </a:lnTo>
                    <a:lnTo>
                      <a:pt x="120" y="1128"/>
                    </a:lnTo>
                    <a:lnTo>
                      <a:pt x="118" y="1125"/>
                    </a:lnTo>
                    <a:lnTo>
                      <a:pt x="116" y="1123"/>
                    </a:lnTo>
                    <a:lnTo>
                      <a:pt x="111" y="1117"/>
                    </a:lnTo>
                    <a:lnTo>
                      <a:pt x="107" y="1114"/>
                    </a:lnTo>
                    <a:lnTo>
                      <a:pt x="103" y="1108"/>
                    </a:lnTo>
                    <a:lnTo>
                      <a:pt x="99" y="1104"/>
                    </a:lnTo>
                    <a:lnTo>
                      <a:pt x="94" y="1102"/>
                    </a:lnTo>
                    <a:lnTo>
                      <a:pt x="94" y="1101"/>
                    </a:lnTo>
                    <a:lnTo>
                      <a:pt x="92" y="1101"/>
                    </a:lnTo>
                    <a:lnTo>
                      <a:pt x="85" y="1093"/>
                    </a:lnTo>
                    <a:lnTo>
                      <a:pt x="79" y="1089"/>
                    </a:lnTo>
                    <a:lnTo>
                      <a:pt x="77" y="1089"/>
                    </a:lnTo>
                    <a:lnTo>
                      <a:pt x="77" y="1088"/>
                    </a:lnTo>
                    <a:lnTo>
                      <a:pt x="75" y="1088"/>
                    </a:lnTo>
                    <a:lnTo>
                      <a:pt x="74" y="1086"/>
                    </a:lnTo>
                    <a:lnTo>
                      <a:pt x="72" y="1084"/>
                    </a:lnTo>
                    <a:lnTo>
                      <a:pt x="68" y="1080"/>
                    </a:lnTo>
                    <a:lnTo>
                      <a:pt x="68" y="1082"/>
                    </a:lnTo>
                    <a:lnTo>
                      <a:pt x="68" y="1084"/>
                    </a:lnTo>
                    <a:lnTo>
                      <a:pt x="70" y="1084"/>
                    </a:lnTo>
                    <a:lnTo>
                      <a:pt x="70" y="1086"/>
                    </a:lnTo>
                    <a:lnTo>
                      <a:pt x="72" y="1086"/>
                    </a:lnTo>
                    <a:lnTo>
                      <a:pt x="70" y="1088"/>
                    </a:lnTo>
                    <a:lnTo>
                      <a:pt x="66" y="1084"/>
                    </a:lnTo>
                    <a:lnTo>
                      <a:pt x="64" y="1082"/>
                    </a:lnTo>
                    <a:lnTo>
                      <a:pt x="63" y="1082"/>
                    </a:lnTo>
                    <a:lnTo>
                      <a:pt x="61" y="1082"/>
                    </a:lnTo>
                    <a:lnTo>
                      <a:pt x="59" y="1082"/>
                    </a:lnTo>
                    <a:lnTo>
                      <a:pt x="57" y="1080"/>
                    </a:lnTo>
                    <a:lnTo>
                      <a:pt x="55" y="1078"/>
                    </a:lnTo>
                    <a:lnTo>
                      <a:pt x="55" y="1077"/>
                    </a:lnTo>
                    <a:lnTo>
                      <a:pt x="53" y="1077"/>
                    </a:lnTo>
                    <a:lnTo>
                      <a:pt x="53" y="1073"/>
                    </a:lnTo>
                    <a:lnTo>
                      <a:pt x="51" y="1073"/>
                    </a:lnTo>
                    <a:lnTo>
                      <a:pt x="51" y="1071"/>
                    </a:lnTo>
                    <a:lnTo>
                      <a:pt x="50" y="1069"/>
                    </a:lnTo>
                    <a:lnTo>
                      <a:pt x="50" y="1067"/>
                    </a:lnTo>
                    <a:lnTo>
                      <a:pt x="50" y="1065"/>
                    </a:lnTo>
                    <a:lnTo>
                      <a:pt x="50" y="1064"/>
                    </a:lnTo>
                    <a:lnTo>
                      <a:pt x="48" y="1065"/>
                    </a:lnTo>
                    <a:lnTo>
                      <a:pt x="48" y="1064"/>
                    </a:lnTo>
                    <a:lnTo>
                      <a:pt x="48" y="1062"/>
                    </a:lnTo>
                    <a:lnTo>
                      <a:pt x="33" y="1058"/>
                    </a:lnTo>
                    <a:lnTo>
                      <a:pt x="26" y="1056"/>
                    </a:lnTo>
                    <a:lnTo>
                      <a:pt x="14" y="1052"/>
                    </a:lnTo>
                    <a:lnTo>
                      <a:pt x="11" y="1051"/>
                    </a:lnTo>
                    <a:lnTo>
                      <a:pt x="7" y="1051"/>
                    </a:lnTo>
                    <a:lnTo>
                      <a:pt x="5" y="1049"/>
                    </a:lnTo>
                    <a:lnTo>
                      <a:pt x="3" y="1049"/>
                    </a:lnTo>
                    <a:lnTo>
                      <a:pt x="3" y="1047"/>
                    </a:lnTo>
                    <a:lnTo>
                      <a:pt x="2" y="1047"/>
                    </a:lnTo>
                    <a:lnTo>
                      <a:pt x="0" y="1047"/>
                    </a:lnTo>
                    <a:lnTo>
                      <a:pt x="5" y="1038"/>
                    </a:lnTo>
                    <a:lnTo>
                      <a:pt x="9" y="1028"/>
                    </a:lnTo>
                    <a:lnTo>
                      <a:pt x="14" y="1023"/>
                    </a:lnTo>
                    <a:lnTo>
                      <a:pt x="14" y="1021"/>
                    </a:lnTo>
                    <a:lnTo>
                      <a:pt x="14" y="1017"/>
                    </a:lnTo>
                    <a:lnTo>
                      <a:pt x="16" y="1014"/>
                    </a:lnTo>
                    <a:lnTo>
                      <a:pt x="29" y="999"/>
                    </a:lnTo>
                    <a:lnTo>
                      <a:pt x="31" y="997"/>
                    </a:lnTo>
                    <a:lnTo>
                      <a:pt x="33" y="991"/>
                    </a:lnTo>
                    <a:lnTo>
                      <a:pt x="29" y="984"/>
                    </a:lnTo>
                    <a:lnTo>
                      <a:pt x="22" y="977"/>
                    </a:lnTo>
                    <a:lnTo>
                      <a:pt x="16" y="971"/>
                    </a:lnTo>
                    <a:lnTo>
                      <a:pt x="20" y="964"/>
                    </a:lnTo>
                    <a:lnTo>
                      <a:pt x="20" y="962"/>
                    </a:lnTo>
                    <a:lnTo>
                      <a:pt x="14" y="958"/>
                    </a:lnTo>
                    <a:lnTo>
                      <a:pt x="16" y="951"/>
                    </a:lnTo>
                    <a:lnTo>
                      <a:pt x="14" y="949"/>
                    </a:lnTo>
                    <a:lnTo>
                      <a:pt x="14" y="947"/>
                    </a:lnTo>
                    <a:lnTo>
                      <a:pt x="20" y="943"/>
                    </a:lnTo>
                    <a:lnTo>
                      <a:pt x="26" y="938"/>
                    </a:lnTo>
                    <a:lnTo>
                      <a:pt x="27" y="936"/>
                    </a:lnTo>
                    <a:lnTo>
                      <a:pt x="31" y="932"/>
                    </a:lnTo>
                    <a:lnTo>
                      <a:pt x="31" y="930"/>
                    </a:lnTo>
                    <a:lnTo>
                      <a:pt x="33" y="930"/>
                    </a:lnTo>
                    <a:lnTo>
                      <a:pt x="37" y="927"/>
                    </a:lnTo>
                    <a:lnTo>
                      <a:pt x="37" y="925"/>
                    </a:lnTo>
                    <a:lnTo>
                      <a:pt x="38" y="925"/>
                    </a:lnTo>
                    <a:lnTo>
                      <a:pt x="40" y="923"/>
                    </a:lnTo>
                    <a:lnTo>
                      <a:pt x="44" y="919"/>
                    </a:lnTo>
                    <a:lnTo>
                      <a:pt x="46" y="917"/>
                    </a:lnTo>
                    <a:lnTo>
                      <a:pt x="48" y="916"/>
                    </a:lnTo>
                    <a:lnTo>
                      <a:pt x="50" y="916"/>
                    </a:lnTo>
                    <a:lnTo>
                      <a:pt x="50" y="912"/>
                    </a:lnTo>
                    <a:lnTo>
                      <a:pt x="51" y="908"/>
                    </a:lnTo>
                    <a:lnTo>
                      <a:pt x="59" y="890"/>
                    </a:lnTo>
                    <a:lnTo>
                      <a:pt x="68" y="869"/>
                    </a:lnTo>
                    <a:lnTo>
                      <a:pt x="72" y="858"/>
                    </a:lnTo>
                    <a:lnTo>
                      <a:pt x="79" y="849"/>
                    </a:lnTo>
                    <a:lnTo>
                      <a:pt x="85" y="842"/>
                    </a:lnTo>
                    <a:lnTo>
                      <a:pt x="99" y="823"/>
                    </a:lnTo>
                    <a:lnTo>
                      <a:pt x="109" y="814"/>
                    </a:lnTo>
                    <a:lnTo>
                      <a:pt x="116" y="821"/>
                    </a:lnTo>
                    <a:lnTo>
                      <a:pt x="118" y="819"/>
                    </a:lnTo>
                    <a:lnTo>
                      <a:pt x="129" y="806"/>
                    </a:lnTo>
                    <a:lnTo>
                      <a:pt x="131" y="803"/>
                    </a:lnTo>
                    <a:lnTo>
                      <a:pt x="124" y="797"/>
                    </a:lnTo>
                    <a:lnTo>
                      <a:pt x="129" y="792"/>
                    </a:lnTo>
                    <a:lnTo>
                      <a:pt x="135" y="786"/>
                    </a:lnTo>
                    <a:lnTo>
                      <a:pt x="135" y="784"/>
                    </a:lnTo>
                    <a:lnTo>
                      <a:pt x="127" y="779"/>
                    </a:lnTo>
                    <a:lnTo>
                      <a:pt x="124" y="775"/>
                    </a:lnTo>
                    <a:lnTo>
                      <a:pt x="124" y="773"/>
                    </a:lnTo>
                    <a:lnTo>
                      <a:pt x="122" y="773"/>
                    </a:lnTo>
                    <a:lnTo>
                      <a:pt x="120" y="769"/>
                    </a:lnTo>
                    <a:lnTo>
                      <a:pt x="114" y="766"/>
                    </a:lnTo>
                    <a:lnTo>
                      <a:pt x="112" y="764"/>
                    </a:lnTo>
                    <a:lnTo>
                      <a:pt x="109" y="760"/>
                    </a:lnTo>
                    <a:lnTo>
                      <a:pt x="103" y="755"/>
                    </a:lnTo>
                    <a:lnTo>
                      <a:pt x="94" y="745"/>
                    </a:lnTo>
                    <a:lnTo>
                      <a:pt x="90" y="740"/>
                    </a:lnTo>
                    <a:lnTo>
                      <a:pt x="83" y="732"/>
                    </a:lnTo>
                    <a:lnTo>
                      <a:pt x="79" y="729"/>
                    </a:lnTo>
                    <a:lnTo>
                      <a:pt x="75" y="725"/>
                    </a:lnTo>
                    <a:lnTo>
                      <a:pt x="72" y="721"/>
                    </a:lnTo>
                    <a:lnTo>
                      <a:pt x="77" y="714"/>
                    </a:lnTo>
                    <a:lnTo>
                      <a:pt x="83" y="710"/>
                    </a:lnTo>
                    <a:lnTo>
                      <a:pt x="87" y="707"/>
                    </a:lnTo>
                    <a:lnTo>
                      <a:pt x="88" y="705"/>
                    </a:lnTo>
                    <a:lnTo>
                      <a:pt x="88" y="703"/>
                    </a:lnTo>
                    <a:lnTo>
                      <a:pt x="90" y="699"/>
                    </a:lnTo>
                    <a:lnTo>
                      <a:pt x="94" y="694"/>
                    </a:lnTo>
                    <a:lnTo>
                      <a:pt x="99" y="692"/>
                    </a:lnTo>
                    <a:lnTo>
                      <a:pt x="103" y="688"/>
                    </a:lnTo>
                    <a:lnTo>
                      <a:pt x="107" y="683"/>
                    </a:lnTo>
                    <a:lnTo>
                      <a:pt x="111" y="681"/>
                    </a:lnTo>
                    <a:lnTo>
                      <a:pt x="112" y="679"/>
                    </a:lnTo>
                    <a:lnTo>
                      <a:pt x="116" y="679"/>
                    </a:lnTo>
                    <a:lnTo>
                      <a:pt x="122" y="671"/>
                    </a:lnTo>
                    <a:lnTo>
                      <a:pt x="125" y="670"/>
                    </a:lnTo>
                    <a:lnTo>
                      <a:pt x="129" y="668"/>
                    </a:lnTo>
                    <a:lnTo>
                      <a:pt x="133" y="668"/>
                    </a:lnTo>
                    <a:lnTo>
                      <a:pt x="133" y="666"/>
                    </a:lnTo>
                    <a:lnTo>
                      <a:pt x="136" y="662"/>
                    </a:lnTo>
                    <a:lnTo>
                      <a:pt x="138" y="658"/>
                    </a:lnTo>
                    <a:lnTo>
                      <a:pt x="140" y="657"/>
                    </a:lnTo>
                    <a:lnTo>
                      <a:pt x="144" y="655"/>
                    </a:lnTo>
                    <a:lnTo>
                      <a:pt x="148" y="655"/>
                    </a:lnTo>
                    <a:lnTo>
                      <a:pt x="149" y="653"/>
                    </a:lnTo>
                    <a:lnTo>
                      <a:pt x="149" y="655"/>
                    </a:lnTo>
                    <a:lnTo>
                      <a:pt x="151" y="653"/>
                    </a:lnTo>
                    <a:lnTo>
                      <a:pt x="155" y="651"/>
                    </a:lnTo>
                    <a:lnTo>
                      <a:pt x="159" y="649"/>
                    </a:lnTo>
                    <a:lnTo>
                      <a:pt x="164" y="646"/>
                    </a:lnTo>
                    <a:lnTo>
                      <a:pt x="168" y="644"/>
                    </a:lnTo>
                    <a:lnTo>
                      <a:pt x="170" y="640"/>
                    </a:lnTo>
                    <a:lnTo>
                      <a:pt x="170" y="638"/>
                    </a:lnTo>
                    <a:lnTo>
                      <a:pt x="170" y="636"/>
                    </a:lnTo>
                    <a:lnTo>
                      <a:pt x="170" y="634"/>
                    </a:lnTo>
                    <a:lnTo>
                      <a:pt x="172" y="633"/>
                    </a:lnTo>
                    <a:lnTo>
                      <a:pt x="175" y="631"/>
                    </a:lnTo>
                    <a:lnTo>
                      <a:pt x="179" y="627"/>
                    </a:lnTo>
                    <a:lnTo>
                      <a:pt x="181" y="625"/>
                    </a:lnTo>
                    <a:lnTo>
                      <a:pt x="183" y="625"/>
                    </a:lnTo>
                    <a:lnTo>
                      <a:pt x="183" y="623"/>
                    </a:lnTo>
                    <a:lnTo>
                      <a:pt x="186" y="623"/>
                    </a:lnTo>
                    <a:lnTo>
                      <a:pt x="188" y="621"/>
                    </a:lnTo>
                    <a:lnTo>
                      <a:pt x="190" y="621"/>
                    </a:lnTo>
                    <a:lnTo>
                      <a:pt x="190" y="620"/>
                    </a:lnTo>
                    <a:lnTo>
                      <a:pt x="192" y="618"/>
                    </a:lnTo>
                    <a:lnTo>
                      <a:pt x="194" y="618"/>
                    </a:lnTo>
                    <a:lnTo>
                      <a:pt x="192" y="616"/>
                    </a:lnTo>
                    <a:lnTo>
                      <a:pt x="194" y="614"/>
                    </a:lnTo>
                    <a:lnTo>
                      <a:pt x="199" y="607"/>
                    </a:lnTo>
                    <a:lnTo>
                      <a:pt x="197" y="605"/>
                    </a:lnTo>
                    <a:lnTo>
                      <a:pt x="205" y="601"/>
                    </a:lnTo>
                    <a:lnTo>
                      <a:pt x="207" y="605"/>
                    </a:lnTo>
                    <a:lnTo>
                      <a:pt x="209" y="603"/>
                    </a:lnTo>
                    <a:lnTo>
                      <a:pt x="210" y="603"/>
                    </a:lnTo>
                    <a:lnTo>
                      <a:pt x="210" y="601"/>
                    </a:lnTo>
                    <a:lnTo>
                      <a:pt x="212" y="599"/>
                    </a:lnTo>
                    <a:lnTo>
                      <a:pt x="214" y="597"/>
                    </a:lnTo>
                    <a:lnTo>
                      <a:pt x="216" y="596"/>
                    </a:lnTo>
                    <a:lnTo>
                      <a:pt x="218" y="594"/>
                    </a:lnTo>
                    <a:lnTo>
                      <a:pt x="216" y="594"/>
                    </a:lnTo>
                    <a:lnTo>
                      <a:pt x="218" y="592"/>
                    </a:lnTo>
                    <a:lnTo>
                      <a:pt x="221" y="590"/>
                    </a:lnTo>
                    <a:lnTo>
                      <a:pt x="223" y="590"/>
                    </a:lnTo>
                    <a:lnTo>
                      <a:pt x="223" y="588"/>
                    </a:lnTo>
                    <a:lnTo>
                      <a:pt x="221" y="588"/>
                    </a:lnTo>
                    <a:lnTo>
                      <a:pt x="225" y="584"/>
                    </a:lnTo>
                    <a:lnTo>
                      <a:pt x="227" y="584"/>
                    </a:lnTo>
                    <a:lnTo>
                      <a:pt x="233" y="583"/>
                    </a:lnTo>
                    <a:lnTo>
                      <a:pt x="238" y="577"/>
                    </a:lnTo>
                    <a:lnTo>
                      <a:pt x="242" y="572"/>
                    </a:lnTo>
                    <a:lnTo>
                      <a:pt x="246" y="566"/>
                    </a:lnTo>
                    <a:lnTo>
                      <a:pt x="249" y="560"/>
                    </a:lnTo>
                    <a:lnTo>
                      <a:pt x="253" y="559"/>
                    </a:lnTo>
                    <a:lnTo>
                      <a:pt x="255" y="557"/>
                    </a:lnTo>
                    <a:lnTo>
                      <a:pt x="258" y="553"/>
                    </a:lnTo>
                    <a:lnTo>
                      <a:pt x="262" y="549"/>
                    </a:lnTo>
                    <a:lnTo>
                      <a:pt x="266" y="546"/>
                    </a:lnTo>
                    <a:lnTo>
                      <a:pt x="271" y="542"/>
                    </a:lnTo>
                    <a:lnTo>
                      <a:pt x="275" y="540"/>
                    </a:lnTo>
                    <a:lnTo>
                      <a:pt x="279" y="535"/>
                    </a:lnTo>
                    <a:lnTo>
                      <a:pt x="284" y="531"/>
                    </a:lnTo>
                    <a:lnTo>
                      <a:pt x="290" y="525"/>
                    </a:lnTo>
                    <a:lnTo>
                      <a:pt x="294" y="522"/>
                    </a:lnTo>
                    <a:lnTo>
                      <a:pt x="295" y="518"/>
                    </a:lnTo>
                    <a:lnTo>
                      <a:pt x="297" y="518"/>
                    </a:lnTo>
                    <a:lnTo>
                      <a:pt x="297" y="516"/>
                    </a:lnTo>
                    <a:lnTo>
                      <a:pt x="299" y="516"/>
                    </a:lnTo>
                    <a:lnTo>
                      <a:pt x="299" y="514"/>
                    </a:lnTo>
                    <a:lnTo>
                      <a:pt x="297" y="514"/>
                    </a:lnTo>
                    <a:lnTo>
                      <a:pt x="297" y="512"/>
                    </a:lnTo>
                    <a:lnTo>
                      <a:pt x="297" y="510"/>
                    </a:lnTo>
                    <a:lnTo>
                      <a:pt x="297" y="509"/>
                    </a:lnTo>
                    <a:lnTo>
                      <a:pt x="307" y="503"/>
                    </a:lnTo>
                    <a:lnTo>
                      <a:pt x="312" y="499"/>
                    </a:lnTo>
                    <a:lnTo>
                      <a:pt x="316" y="492"/>
                    </a:lnTo>
                    <a:lnTo>
                      <a:pt x="321" y="492"/>
                    </a:lnTo>
                    <a:lnTo>
                      <a:pt x="331" y="488"/>
                    </a:lnTo>
                    <a:lnTo>
                      <a:pt x="334" y="485"/>
                    </a:lnTo>
                    <a:lnTo>
                      <a:pt x="336" y="485"/>
                    </a:lnTo>
                    <a:lnTo>
                      <a:pt x="345" y="481"/>
                    </a:lnTo>
                    <a:lnTo>
                      <a:pt x="351" y="477"/>
                    </a:lnTo>
                    <a:lnTo>
                      <a:pt x="351" y="475"/>
                    </a:lnTo>
                    <a:lnTo>
                      <a:pt x="356" y="472"/>
                    </a:lnTo>
                    <a:lnTo>
                      <a:pt x="362" y="468"/>
                    </a:lnTo>
                    <a:lnTo>
                      <a:pt x="369" y="464"/>
                    </a:lnTo>
                    <a:lnTo>
                      <a:pt x="377" y="461"/>
                    </a:lnTo>
                    <a:lnTo>
                      <a:pt x="379" y="462"/>
                    </a:lnTo>
                    <a:lnTo>
                      <a:pt x="386" y="459"/>
                    </a:lnTo>
                    <a:lnTo>
                      <a:pt x="392" y="457"/>
                    </a:lnTo>
                    <a:lnTo>
                      <a:pt x="399" y="453"/>
                    </a:lnTo>
                    <a:lnTo>
                      <a:pt x="405" y="449"/>
                    </a:lnTo>
                    <a:lnTo>
                      <a:pt x="410" y="446"/>
                    </a:lnTo>
                    <a:lnTo>
                      <a:pt x="414" y="444"/>
                    </a:lnTo>
                    <a:lnTo>
                      <a:pt x="417" y="438"/>
                    </a:lnTo>
                    <a:lnTo>
                      <a:pt x="421" y="435"/>
                    </a:lnTo>
                    <a:lnTo>
                      <a:pt x="423" y="431"/>
                    </a:lnTo>
                    <a:lnTo>
                      <a:pt x="427" y="427"/>
                    </a:lnTo>
                    <a:lnTo>
                      <a:pt x="427" y="429"/>
                    </a:lnTo>
                    <a:lnTo>
                      <a:pt x="429" y="429"/>
                    </a:lnTo>
                    <a:lnTo>
                      <a:pt x="430" y="431"/>
                    </a:lnTo>
                    <a:lnTo>
                      <a:pt x="430" y="429"/>
                    </a:lnTo>
                    <a:lnTo>
                      <a:pt x="430" y="431"/>
                    </a:lnTo>
                    <a:lnTo>
                      <a:pt x="432" y="431"/>
                    </a:lnTo>
                    <a:lnTo>
                      <a:pt x="432" y="429"/>
                    </a:lnTo>
                    <a:lnTo>
                      <a:pt x="434" y="429"/>
                    </a:lnTo>
                    <a:lnTo>
                      <a:pt x="436" y="429"/>
                    </a:lnTo>
                    <a:lnTo>
                      <a:pt x="436" y="427"/>
                    </a:lnTo>
                    <a:lnTo>
                      <a:pt x="441" y="425"/>
                    </a:lnTo>
                    <a:lnTo>
                      <a:pt x="441" y="416"/>
                    </a:lnTo>
                    <a:lnTo>
                      <a:pt x="436" y="416"/>
                    </a:lnTo>
                    <a:lnTo>
                      <a:pt x="438" y="414"/>
                    </a:lnTo>
                    <a:lnTo>
                      <a:pt x="440" y="414"/>
                    </a:lnTo>
                    <a:lnTo>
                      <a:pt x="441" y="412"/>
                    </a:lnTo>
                    <a:lnTo>
                      <a:pt x="443" y="412"/>
                    </a:lnTo>
                    <a:lnTo>
                      <a:pt x="445" y="412"/>
                    </a:lnTo>
                    <a:lnTo>
                      <a:pt x="447" y="412"/>
                    </a:lnTo>
                    <a:lnTo>
                      <a:pt x="449" y="412"/>
                    </a:lnTo>
                    <a:lnTo>
                      <a:pt x="451" y="412"/>
                    </a:lnTo>
                    <a:lnTo>
                      <a:pt x="453" y="412"/>
                    </a:lnTo>
                    <a:lnTo>
                      <a:pt x="454" y="412"/>
                    </a:lnTo>
                    <a:lnTo>
                      <a:pt x="456" y="412"/>
                    </a:lnTo>
                    <a:lnTo>
                      <a:pt x="458" y="412"/>
                    </a:lnTo>
                    <a:lnTo>
                      <a:pt x="460" y="412"/>
                    </a:lnTo>
                    <a:lnTo>
                      <a:pt x="460" y="411"/>
                    </a:lnTo>
                    <a:lnTo>
                      <a:pt x="462" y="411"/>
                    </a:lnTo>
                    <a:lnTo>
                      <a:pt x="460" y="411"/>
                    </a:lnTo>
                    <a:lnTo>
                      <a:pt x="462" y="411"/>
                    </a:lnTo>
                    <a:close/>
                    <a:moveTo>
                      <a:pt x="1283" y="227"/>
                    </a:moveTo>
                    <a:lnTo>
                      <a:pt x="1283" y="226"/>
                    </a:lnTo>
                    <a:lnTo>
                      <a:pt x="1283" y="224"/>
                    </a:lnTo>
                    <a:lnTo>
                      <a:pt x="1284" y="226"/>
                    </a:lnTo>
                    <a:lnTo>
                      <a:pt x="1283" y="226"/>
                    </a:lnTo>
                    <a:lnTo>
                      <a:pt x="1283" y="227"/>
                    </a:lnTo>
                    <a:close/>
                    <a:moveTo>
                      <a:pt x="149" y="1204"/>
                    </a:moveTo>
                    <a:lnTo>
                      <a:pt x="148" y="1202"/>
                    </a:lnTo>
                    <a:lnTo>
                      <a:pt x="146" y="1200"/>
                    </a:lnTo>
                    <a:lnTo>
                      <a:pt x="142" y="1199"/>
                    </a:lnTo>
                    <a:lnTo>
                      <a:pt x="144" y="1195"/>
                    </a:lnTo>
                    <a:lnTo>
                      <a:pt x="146" y="1193"/>
                    </a:lnTo>
                    <a:lnTo>
                      <a:pt x="146" y="1191"/>
                    </a:lnTo>
                    <a:lnTo>
                      <a:pt x="148" y="1189"/>
                    </a:lnTo>
                    <a:lnTo>
                      <a:pt x="148" y="1187"/>
                    </a:lnTo>
                    <a:lnTo>
                      <a:pt x="149" y="1186"/>
                    </a:lnTo>
                    <a:lnTo>
                      <a:pt x="149" y="1184"/>
                    </a:lnTo>
                    <a:lnTo>
                      <a:pt x="153" y="1186"/>
                    </a:lnTo>
                    <a:lnTo>
                      <a:pt x="153" y="1184"/>
                    </a:lnTo>
                    <a:lnTo>
                      <a:pt x="155" y="1184"/>
                    </a:lnTo>
                    <a:lnTo>
                      <a:pt x="155" y="1182"/>
                    </a:lnTo>
                    <a:lnTo>
                      <a:pt x="162" y="1187"/>
                    </a:lnTo>
                    <a:lnTo>
                      <a:pt x="164" y="1189"/>
                    </a:lnTo>
                    <a:lnTo>
                      <a:pt x="166" y="1191"/>
                    </a:lnTo>
                    <a:lnTo>
                      <a:pt x="166" y="1193"/>
                    </a:lnTo>
                    <a:lnTo>
                      <a:pt x="168" y="1193"/>
                    </a:lnTo>
                    <a:lnTo>
                      <a:pt x="164" y="1197"/>
                    </a:lnTo>
                    <a:lnTo>
                      <a:pt x="162" y="1197"/>
                    </a:lnTo>
                    <a:lnTo>
                      <a:pt x="159" y="1195"/>
                    </a:lnTo>
                    <a:lnTo>
                      <a:pt x="157" y="1195"/>
                    </a:lnTo>
                    <a:lnTo>
                      <a:pt x="157" y="1193"/>
                    </a:lnTo>
                    <a:lnTo>
                      <a:pt x="155" y="1191"/>
                    </a:lnTo>
                    <a:lnTo>
                      <a:pt x="153" y="1191"/>
                    </a:lnTo>
                    <a:lnTo>
                      <a:pt x="153" y="1193"/>
                    </a:lnTo>
                    <a:lnTo>
                      <a:pt x="151" y="1193"/>
                    </a:lnTo>
                    <a:lnTo>
                      <a:pt x="151" y="1195"/>
                    </a:lnTo>
                    <a:lnTo>
                      <a:pt x="149" y="1195"/>
                    </a:lnTo>
                    <a:lnTo>
                      <a:pt x="149" y="1197"/>
                    </a:lnTo>
                    <a:lnTo>
                      <a:pt x="149" y="1199"/>
                    </a:lnTo>
                    <a:lnTo>
                      <a:pt x="151" y="1199"/>
                    </a:lnTo>
                    <a:lnTo>
                      <a:pt x="151" y="1200"/>
                    </a:lnTo>
                    <a:lnTo>
                      <a:pt x="151" y="1202"/>
                    </a:lnTo>
                    <a:lnTo>
                      <a:pt x="149" y="1202"/>
                    </a:lnTo>
                    <a:lnTo>
                      <a:pt x="149" y="1204"/>
                    </a:lnTo>
                    <a:close/>
                    <a:moveTo>
                      <a:pt x="970" y="416"/>
                    </a:moveTo>
                    <a:lnTo>
                      <a:pt x="972" y="414"/>
                    </a:lnTo>
                    <a:lnTo>
                      <a:pt x="972" y="412"/>
                    </a:lnTo>
                    <a:lnTo>
                      <a:pt x="974" y="412"/>
                    </a:lnTo>
                    <a:lnTo>
                      <a:pt x="974" y="411"/>
                    </a:lnTo>
                    <a:lnTo>
                      <a:pt x="974" y="409"/>
                    </a:lnTo>
                    <a:lnTo>
                      <a:pt x="976" y="409"/>
                    </a:lnTo>
                    <a:lnTo>
                      <a:pt x="976" y="407"/>
                    </a:lnTo>
                    <a:lnTo>
                      <a:pt x="978" y="407"/>
                    </a:lnTo>
                    <a:lnTo>
                      <a:pt x="978" y="405"/>
                    </a:lnTo>
                    <a:lnTo>
                      <a:pt x="979" y="405"/>
                    </a:lnTo>
                    <a:lnTo>
                      <a:pt x="981" y="405"/>
                    </a:lnTo>
                    <a:lnTo>
                      <a:pt x="983" y="405"/>
                    </a:lnTo>
                    <a:lnTo>
                      <a:pt x="985" y="405"/>
                    </a:lnTo>
                    <a:lnTo>
                      <a:pt x="985" y="403"/>
                    </a:lnTo>
                    <a:lnTo>
                      <a:pt x="985" y="401"/>
                    </a:lnTo>
                    <a:lnTo>
                      <a:pt x="994" y="394"/>
                    </a:lnTo>
                    <a:lnTo>
                      <a:pt x="996" y="392"/>
                    </a:lnTo>
                    <a:lnTo>
                      <a:pt x="998" y="392"/>
                    </a:lnTo>
                    <a:lnTo>
                      <a:pt x="998" y="390"/>
                    </a:lnTo>
                    <a:lnTo>
                      <a:pt x="1000" y="388"/>
                    </a:lnTo>
                    <a:lnTo>
                      <a:pt x="1000" y="385"/>
                    </a:lnTo>
                    <a:lnTo>
                      <a:pt x="1002" y="383"/>
                    </a:lnTo>
                    <a:lnTo>
                      <a:pt x="1005" y="377"/>
                    </a:lnTo>
                    <a:lnTo>
                      <a:pt x="1009" y="381"/>
                    </a:lnTo>
                    <a:lnTo>
                      <a:pt x="1013" y="379"/>
                    </a:lnTo>
                    <a:lnTo>
                      <a:pt x="1013" y="377"/>
                    </a:lnTo>
                    <a:lnTo>
                      <a:pt x="1018" y="381"/>
                    </a:lnTo>
                    <a:lnTo>
                      <a:pt x="1018" y="383"/>
                    </a:lnTo>
                    <a:lnTo>
                      <a:pt x="1020" y="383"/>
                    </a:lnTo>
                    <a:lnTo>
                      <a:pt x="1022" y="385"/>
                    </a:lnTo>
                    <a:lnTo>
                      <a:pt x="1024" y="385"/>
                    </a:lnTo>
                    <a:lnTo>
                      <a:pt x="1022" y="385"/>
                    </a:lnTo>
                    <a:lnTo>
                      <a:pt x="1022" y="387"/>
                    </a:lnTo>
                    <a:lnTo>
                      <a:pt x="1022" y="388"/>
                    </a:lnTo>
                    <a:lnTo>
                      <a:pt x="1020" y="388"/>
                    </a:lnTo>
                    <a:lnTo>
                      <a:pt x="1022" y="388"/>
                    </a:lnTo>
                    <a:lnTo>
                      <a:pt x="1020" y="392"/>
                    </a:lnTo>
                    <a:lnTo>
                      <a:pt x="1020" y="394"/>
                    </a:lnTo>
                    <a:lnTo>
                      <a:pt x="1020" y="396"/>
                    </a:lnTo>
                    <a:lnTo>
                      <a:pt x="1020" y="398"/>
                    </a:lnTo>
                    <a:lnTo>
                      <a:pt x="1020" y="403"/>
                    </a:lnTo>
                    <a:lnTo>
                      <a:pt x="1020" y="405"/>
                    </a:lnTo>
                    <a:lnTo>
                      <a:pt x="1020" y="407"/>
                    </a:lnTo>
                    <a:lnTo>
                      <a:pt x="1018" y="409"/>
                    </a:lnTo>
                    <a:lnTo>
                      <a:pt x="1020" y="409"/>
                    </a:lnTo>
                    <a:lnTo>
                      <a:pt x="1020" y="411"/>
                    </a:lnTo>
                    <a:lnTo>
                      <a:pt x="1018" y="411"/>
                    </a:lnTo>
                    <a:lnTo>
                      <a:pt x="1018" y="412"/>
                    </a:lnTo>
                    <a:lnTo>
                      <a:pt x="1018" y="414"/>
                    </a:lnTo>
                    <a:lnTo>
                      <a:pt x="1016" y="414"/>
                    </a:lnTo>
                    <a:lnTo>
                      <a:pt x="1016" y="416"/>
                    </a:lnTo>
                    <a:lnTo>
                      <a:pt x="1015" y="416"/>
                    </a:lnTo>
                    <a:lnTo>
                      <a:pt x="1015" y="418"/>
                    </a:lnTo>
                    <a:lnTo>
                      <a:pt x="1013" y="418"/>
                    </a:lnTo>
                    <a:lnTo>
                      <a:pt x="1013" y="420"/>
                    </a:lnTo>
                    <a:lnTo>
                      <a:pt x="1011" y="420"/>
                    </a:lnTo>
                    <a:lnTo>
                      <a:pt x="1011" y="422"/>
                    </a:lnTo>
                    <a:lnTo>
                      <a:pt x="1009" y="422"/>
                    </a:lnTo>
                    <a:lnTo>
                      <a:pt x="1009" y="424"/>
                    </a:lnTo>
                    <a:lnTo>
                      <a:pt x="1011" y="424"/>
                    </a:lnTo>
                    <a:lnTo>
                      <a:pt x="1011" y="425"/>
                    </a:lnTo>
                    <a:lnTo>
                      <a:pt x="1009" y="425"/>
                    </a:lnTo>
                    <a:lnTo>
                      <a:pt x="1009" y="427"/>
                    </a:lnTo>
                    <a:lnTo>
                      <a:pt x="1011" y="429"/>
                    </a:lnTo>
                    <a:lnTo>
                      <a:pt x="1009" y="429"/>
                    </a:lnTo>
                    <a:lnTo>
                      <a:pt x="1009" y="431"/>
                    </a:lnTo>
                    <a:lnTo>
                      <a:pt x="1005" y="435"/>
                    </a:lnTo>
                    <a:lnTo>
                      <a:pt x="1002" y="440"/>
                    </a:lnTo>
                    <a:lnTo>
                      <a:pt x="994" y="442"/>
                    </a:lnTo>
                    <a:lnTo>
                      <a:pt x="989" y="446"/>
                    </a:lnTo>
                    <a:lnTo>
                      <a:pt x="989" y="444"/>
                    </a:lnTo>
                    <a:lnTo>
                      <a:pt x="987" y="444"/>
                    </a:lnTo>
                    <a:lnTo>
                      <a:pt x="989" y="444"/>
                    </a:lnTo>
                    <a:lnTo>
                      <a:pt x="987" y="442"/>
                    </a:lnTo>
                    <a:lnTo>
                      <a:pt x="987" y="440"/>
                    </a:lnTo>
                    <a:lnTo>
                      <a:pt x="985" y="438"/>
                    </a:lnTo>
                    <a:lnTo>
                      <a:pt x="983" y="437"/>
                    </a:lnTo>
                    <a:lnTo>
                      <a:pt x="985" y="437"/>
                    </a:lnTo>
                    <a:lnTo>
                      <a:pt x="985" y="435"/>
                    </a:lnTo>
                    <a:lnTo>
                      <a:pt x="987" y="435"/>
                    </a:lnTo>
                    <a:lnTo>
                      <a:pt x="985" y="433"/>
                    </a:lnTo>
                    <a:lnTo>
                      <a:pt x="985" y="431"/>
                    </a:lnTo>
                    <a:lnTo>
                      <a:pt x="985" y="429"/>
                    </a:lnTo>
                    <a:lnTo>
                      <a:pt x="983" y="427"/>
                    </a:lnTo>
                    <a:lnTo>
                      <a:pt x="981" y="427"/>
                    </a:lnTo>
                    <a:lnTo>
                      <a:pt x="979" y="427"/>
                    </a:lnTo>
                    <a:lnTo>
                      <a:pt x="979" y="425"/>
                    </a:lnTo>
                    <a:lnTo>
                      <a:pt x="976" y="425"/>
                    </a:lnTo>
                    <a:lnTo>
                      <a:pt x="974" y="424"/>
                    </a:lnTo>
                    <a:lnTo>
                      <a:pt x="972" y="422"/>
                    </a:lnTo>
                    <a:lnTo>
                      <a:pt x="972" y="420"/>
                    </a:lnTo>
                    <a:lnTo>
                      <a:pt x="970" y="416"/>
                    </a:lnTo>
                    <a:close/>
                    <a:moveTo>
                      <a:pt x="1033" y="409"/>
                    </a:moveTo>
                    <a:lnTo>
                      <a:pt x="1035" y="409"/>
                    </a:lnTo>
                    <a:lnTo>
                      <a:pt x="1035" y="411"/>
                    </a:lnTo>
                    <a:lnTo>
                      <a:pt x="1035" y="409"/>
                    </a:lnTo>
                    <a:lnTo>
                      <a:pt x="1037" y="407"/>
                    </a:lnTo>
                    <a:lnTo>
                      <a:pt x="1037" y="409"/>
                    </a:lnTo>
                    <a:lnTo>
                      <a:pt x="1037" y="411"/>
                    </a:lnTo>
                    <a:lnTo>
                      <a:pt x="1039" y="411"/>
                    </a:lnTo>
                    <a:lnTo>
                      <a:pt x="1039" y="412"/>
                    </a:lnTo>
                    <a:lnTo>
                      <a:pt x="1040" y="412"/>
                    </a:lnTo>
                    <a:lnTo>
                      <a:pt x="1040" y="411"/>
                    </a:lnTo>
                    <a:lnTo>
                      <a:pt x="1042" y="411"/>
                    </a:lnTo>
                    <a:lnTo>
                      <a:pt x="1044" y="411"/>
                    </a:lnTo>
                    <a:lnTo>
                      <a:pt x="1044" y="409"/>
                    </a:lnTo>
                    <a:lnTo>
                      <a:pt x="1046" y="409"/>
                    </a:lnTo>
                    <a:lnTo>
                      <a:pt x="1046" y="407"/>
                    </a:lnTo>
                    <a:lnTo>
                      <a:pt x="1048" y="407"/>
                    </a:lnTo>
                    <a:lnTo>
                      <a:pt x="1050" y="409"/>
                    </a:lnTo>
                    <a:lnTo>
                      <a:pt x="1050" y="411"/>
                    </a:lnTo>
                    <a:lnTo>
                      <a:pt x="1050" y="409"/>
                    </a:lnTo>
                    <a:lnTo>
                      <a:pt x="1051" y="409"/>
                    </a:lnTo>
                    <a:lnTo>
                      <a:pt x="1053" y="409"/>
                    </a:lnTo>
                    <a:lnTo>
                      <a:pt x="1053" y="407"/>
                    </a:lnTo>
                    <a:lnTo>
                      <a:pt x="1055" y="407"/>
                    </a:lnTo>
                    <a:lnTo>
                      <a:pt x="1057" y="407"/>
                    </a:lnTo>
                    <a:lnTo>
                      <a:pt x="1057" y="405"/>
                    </a:lnTo>
                    <a:lnTo>
                      <a:pt x="1059" y="405"/>
                    </a:lnTo>
                    <a:lnTo>
                      <a:pt x="1061" y="405"/>
                    </a:lnTo>
                    <a:lnTo>
                      <a:pt x="1063" y="405"/>
                    </a:lnTo>
                    <a:lnTo>
                      <a:pt x="1064" y="405"/>
                    </a:lnTo>
                    <a:lnTo>
                      <a:pt x="1063" y="405"/>
                    </a:lnTo>
                    <a:lnTo>
                      <a:pt x="1064" y="405"/>
                    </a:lnTo>
                    <a:lnTo>
                      <a:pt x="1064" y="403"/>
                    </a:lnTo>
                    <a:lnTo>
                      <a:pt x="1064" y="401"/>
                    </a:lnTo>
                    <a:lnTo>
                      <a:pt x="1064" y="400"/>
                    </a:lnTo>
                    <a:lnTo>
                      <a:pt x="1063" y="400"/>
                    </a:lnTo>
                    <a:lnTo>
                      <a:pt x="1064" y="400"/>
                    </a:lnTo>
                    <a:lnTo>
                      <a:pt x="1064" y="398"/>
                    </a:lnTo>
                    <a:lnTo>
                      <a:pt x="1066" y="398"/>
                    </a:lnTo>
                    <a:lnTo>
                      <a:pt x="1066" y="396"/>
                    </a:lnTo>
                    <a:lnTo>
                      <a:pt x="1068" y="396"/>
                    </a:lnTo>
                    <a:lnTo>
                      <a:pt x="1068" y="394"/>
                    </a:lnTo>
                    <a:lnTo>
                      <a:pt x="1070" y="394"/>
                    </a:lnTo>
                    <a:lnTo>
                      <a:pt x="1070" y="392"/>
                    </a:lnTo>
                    <a:lnTo>
                      <a:pt x="1072" y="392"/>
                    </a:lnTo>
                    <a:lnTo>
                      <a:pt x="1072" y="390"/>
                    </a:lnTo>
                    <a:lnTo>
                      <a:pt x="1072" y="388"/>
                    </a:lnTo>
                    <a:lnTo>
                      <a:pt x="1072" y="387"/>
                    </a:lnTo>
                    <a:lnTo>
                      <a:pt x="1074" y="387"/>
                    </a:lnTo>
                    <a:lnTo>
                      <a:pt x="1076" y="387"/>
                    </a:lnTo>
                    <a:lnTo>
                      <a:pt x="1076" y="385"/>
                    </a:lnTo>
                    <a:lnTo>
                      <a:pt x="1076" y="383"/>
                    </a:lnTo>
                    <a:lnTo>
                      <a:pt x="1077" y="383"/>
                    </a:lnTo>
                    <a:lnTo>
                      <a:pt x="1077" y="381"/>
                    </a:lnTo>
                    <a:lnTo>
                      <a:pt x="1079" y="381"/>
                    </a:lnTo>
                    <a:lnTo>
                      <a:pt x="1079" y="379"/>
                    </a:lnTo>
                    <a:lnTo>
                      <a:pt x="1081" y="379"/>
                    </a:lnTo>
                    <a:lnTo>
                      <a:pt x="1079" y="379"/>
                    </a:lnTo>
                    <a:lnTo>
                      <a:pt x="1079" y="377"/>
                    </a:lnTo>
                    <a:lnTo>
                      <a:pt x="1079" y="375"/>
                    </a:lnTo>
                    <a:lnTo>
                      <a:pt x="1081" y="375"/>
                    </a:lnTo>
                    <a:lnTo>
                      <a:pt x="1083" y="377"/>
                    </a:lnTo>
                    <a:lnTo>
                      <a:pt x="1083" y="375"/>
                    </a:lnTo>
                    <a:lnTo>
                      <a:pt x="1083" y="374"/>
                    </a:lnTo>
                    <a:lnTo>
                      <a:pt x="1085" y="374"/>
                    </a:lnTo>
                    <a:lnTo>
                      <a:pt x="1085" y="372"/>
                    </a:lnTo>
                    <a:lnTo>
                      <a:pt x="1083" y="372"/>
                    </a:lnTo>
                    <a:lnTo>
                      <a:pt x="1081" y="372"/>
                    </a:lnTo>
                    <a:lnTo>
                      <a:pt x="1083" y="370"/>
                    </a:lnTo>
                    <a:lnTo>
                      <a:pt x="1083" y="368"/>
                    </a:lnTo>
                    <a:lnTo>
                      <a:pt x="1085" y="366"/>
                    </a:lnTo>
                    <a:lnTo>
                      <a:pt x="1087" y="366"/>
                    </a:lnTo>
                    <a:lnTo>
                      <a:pt x="1087" y="364"/>
                    </a:lnTo>
                    <a:lnTo>
                      <a:pt x="1088" y="364"/>
                    </a:lnTo>
                    <a:lnTo>
                      <a:pt x="1088" y="363"/>
                    </a:lnTo>
                    <a:lnTo>
                      <a:pt x="1090" y="363"/>
                    </a:lnTo>
                    <a:lnTo>
                      <a:pt x="1092" y="361"/>
                    </a:lnTo>
                    <a:lnTo>
                      <a:pt x="1092" y="359"/>
                    </a:lnTo>
                    <a:lnTo>
                      <a:pt x="1094" y="357"/>
                    </a:lnTo>
                    <a:lnTo>
                      <a:pt x="1096" y="357"/>
                    </a:lnTo>
                    <a:lnTo>
                      <a:pt x="1098" y="355"/>
                    </a:lnTo>
                    <a:lnTo>
                      <a:pt x="1100" y="355"/>
                    </a:lnTo>
                    <a:lnTo>
                      <a:pt x="1100" y="353"/>
                    </a:lnTo>
                    <a:lnTo>
                      <a:pt x="1101" y="353"/>
                    </a:lnTo>
                    <a:lnTo>
                      <a:pt x="1103" y="350"/>
                    </a:lnTo>
                    <a:lnTo>
                      <a:pt x="1105" y="350"/>
                    </a:lnTo>
                    <a:lnTo>
                      <a:pt x="1105" y="348"/>
                    </a:lnTo>
                    <a:lnTo>
                      <a:pt x="1107" y="346"/>
                    </a:lnTo>
                    <a:lnTo>
                      <a:pt x="1107" y="344"/>
                    </a:lnTo>
                    <a:lnTo>
                      <a:pt x="1109" y="340"/>
                    </a:lnTo>
                    <a:lnTo>
                      <a:pt x="1111" y="340"/>
                    </a:lnTo>
                    <a:lnTo>
                      <a:pt x="1111" y="338"/>
                    </a:lnTo>
                    <a:lnTo>
                      <a:pt x="1111" y="337"/>
                    </a:lnTo>
                    <a:lnTo>
                      <a:pt x="1109" y="337"/>
                    </a:lnTo>
                    <a:lnTo>
                      <a:pt x="1109" y="338"/>
                    </a:lnTo>
                    <a:lnTo>
                      <a:pt x="1107" y="338"/>
                    </a:lnTo>
                    <a:lnTo>
                      <a:pt x="1107" y="337"/>
                    </a:lnTo>
                    <a:lnTo>
                      <a:pt x="1109" y="337"/>
                    </a:lnTo>
                    <a:lnTo>
                      <a:pt x="1109" y="335"/>
                    </a:lnTo>
                    <a:lnTo>
                      <a:pt x="1109" y="333"/>
                    </a:lnTo>
                    <a:lnTo>
                      <a:pt x="1111" y="331"/>
                    </a:lnTo>
                    <a:lnTo>
                      <a:pt x="1111" y="329"/>
                    </a:lnTo>
                    <a:lnTo>
                      <a:pt x="1112" y="329"/>
                    </a:lnTo>
                    <a:lnTo>
                      <a:pt x="1116" y="331"/>
                    </a:lnTo>
                    <a:lnTo>
                      <a:pt x="1114" y="331"/>
                    </a:lnTo>
                    <a:lnTo>
                      <a:pt x="1114" y="333"/>
                    </a:lnTo>
                    <a:lnTo>
                      <a:pt x="1114" y="335"/>
                    </a:lnTo>
                    <a:lnTo>
                      <a:pt x="1116" y="335"/>
                    </a:lnTo>
                    <a:lnTo>
                      <a:pt x="1118" y="335"/>
                    </a:lnTo>
                    <a:lnTo>
                      <a:pt x="1118" y="337"/>
                    </a:lnTo>
                    <a:lnTo>
                      <a:pt x="1122" y="338"/>
                    </a:lnTo>
                    <a:lnTo>
                      <a:pt x="1122" y="340"/>
                    </a:lnTo>
                    <a:lnTo>
                      <a:pt x="1122" y="342"/>
                    </a:lnTo>
                    <a:lnTo>
                      <a:pt x="1122" y="344"/>
                    </a:lnTo>
                    <a:lnTo>
                      <a:pt x="1124" y="344"/>
                    </a:lnTo>
                    <a:lnTo>
                      <a:pt x="1124" y="346"/>
                    </a:lnTo>
                    <a:lnTo>
                      <a:pt x="1125" y="346"/>
                    </a:lnTo>
                    <a:lnTo>
                      <a:pt x="1125" y="348"/>
                    </a:lnTo>
                    <a:lnTo>
                      <a:pt x="1127" y="348"/>
                    </a:lnTo>
                    <a:lnTo>
                      <a:pt x="1125" y="348"/>
                    </a:lnTo>
                    <a:lnTo>
                      <a:pt x="1125" y="350"/>
                    </a:lnTo>
                    <a:lnTo>
                      <a:pt x="1125" y="351"/>
                    </a:lnTo>
                    <a:lnTo>
                      <a:pt x="1125" y="353"/>
                    </a:lnTo>
                    <a:lnTo>
                      <a:pt x="1124" y="353"/>
                    </a:lnTo>
                    <a:lnTo>
                      <a:pt x="1124" y="355"/>
                    </a:lnTo>
                    <a:lnTo>
                      <a:pt x="1125" y="357"/>
                    </a:lnTo>
                    <a:lnTo>
                      <a:pt x="1125" y="355"/>
                    </a:lnTo>
                    <a:lnTo>
                      <a:pt x="1127" y="355"/>
                    </a:lnTo>
                    <a:lnTo>
                      <a:pt x="1127" y="353"/>
                    </a:lnTo>
                    <a:lnTo>
                      <a:pt x="1127" y="355"/>
                    </a:lnTo>
                    <a:lnTo>
                      <a:pt x="1129" y="355"/>
                    </a:lnTo>
                    <a:lnTo>
                      <a:pt x="1129" y="353"/>
                    </a:lnTo>
                    <a:lnTo>
                      <a:pt x="1131" y="353"/>
                    </a:lnTo>
                    <a:lnTo>
                      <a:pt x="1133" y="355"/>
                    </a:lnTo>
                    <a:lnTo>
                      <a:pt x="1135" y="355"/>
                    </a:lnTo>
                    <a:lnTo>
                      <a:pt x="1135" y="357"/>
                    </a:lnTo>
                    <a:lnTo>
                      <a:pt x="1137" y="359"/>
                    </a:lnTo>
                    <a:lnTo>
                      <a:pt x="1137" y="361"/>
                    </a:lnTo>
                    <a:lnTo>
                      <a:pt x="1138" y="361"/>
                    </a:lnTo>
                    <a:lnTo>
                      <a:pt x="1138" y="363"/>
                    </a:lnTo>
                    <a:lnTo>
                      <a:pt x="1140" y="363"/>
                    </a:lnTo>
                    <a:lnTo>
                      <a:pt x="1142" y="364"/>
                    </a:lnTo>
                    <a:lnTo>
                      <a:pt x="1144" y="364"/>
                    </a:lnTo>
                    <a:lnTo>
                      <a:pt x="1144" y="366"/>
                    </a:lnTo>
                    <a:lnTo>
                      <a:pt x="1146" y="366"/>
                    </a:lnTo>
                    <a:lnTo>
                      <a:pt x="1148" y="366"/>
                    </a:lnTo>
                    <a:lnTo>
                      <a:pt x="1148" y="368"/>
                    </a:lnTo>
                    <a:lnTo>
                      <a:pt x="1149" y="368"/>
                    </a:lnTo>
                    <a:lnTo>
                      <a:pt x="1149" y="370"/>
                    </a:lnTo>
                    <a:lnTo>
                      <a:pt x="1149" y="372"/>
                    </a:lnTo>
                    <a:lnTo>
                      <a:pt x="1148" y="374"/>
                    </a:lnTo>
                    <a:lnTo>
                      <a:pt x="1155" y="377"/>
                    </a:lnTo>
                    <a:lnTo>
                      <a:pt x="1157" y="381"/>
                    </a:lnTo>
                    <a:lnTo>
                      <a:pt x="1151" y="388"/>
                    </a:lnTo>
                    <a:lnTo>
                      <a:pt x="1146" y="398"/>
                    </a:lnTo>
                    <a:lnTo>
                      <a:pt x="1144" y="401"/>
                    </a:lnTo>
                    <a:lnTo>
                      <a:pt x="1140" y="407"/>
                    </a:lnTo>
                    <a:lnTo>
                      <a:pt x="1135" y="414"/>
                    </a:lnTo>
                    <a:lnTo>
                      <a:pt x="1135" y="416"/>
                    </a:lnTo>
                    <a:lnTo>
                      <a:pt x="1133" y="418"/>
                    </a:lnTo>
                    <a:lnTo>
                      <a:pt x="1135" y="418"/>
                    </a:lnTo>
                    <a:lnTo>
                      <a:pt x="1135" y="420"/>
                    </a:lnTo>
                    <a:lnTo>
                      <a:pt x="1135" y="422"/>
                    </a:lnTo>
                    <a:lnTo>
                      <a:pt x="1133" y="424"/>
                    </a:lnTo>
                    <a:lnTo>
                      <a:pt x="1135" y="424"/>
                    </a:lnTo>
                    <a:lnTo>
                      <a:pt x="1137" y="424"/>
                    </a:lnTo>
                    <a:lnTo>
                      <a:pt x="1137" y="425"/>
                    </a:lnTo>
                    <a:lnTo>
                      <a:pt x="1137" y="427"/>
                    </a:lnTo>
                    <a:lnTo>
                      <a:pt x="1135" y="429"/>
                    </a:lnTo>
                    <a:lnTo>
                      <a:pt x="1133" y="429"/>
                    </a:lnTo>
                    <a:lnTo>
                      <a:pt x="1133" y="431"/>
                    </a:lnTo>
                    <a:lnTo>
                      <a:pt x="1129" y="429"/>
                    </a:lnTo>
                    <a:lnTo>
                      <a:pt x="1129" y="433"/>
                    </a:lnTo>
                    <a:lnTo>
                      <a:pt x="1125" y="431"/>
                    </a:lnTo>
                    <a:lnTo>
                      <a:pt x="1124" y="429"/>
                    </a:lnTo>
                    <a:lnTo>
                      <a:pt x="1122" y="429"/>
                    </a:lnTo>
                    <a:lnTo>
                      <a:pt x="1118" y="429"/>
                    </a:lnTo>
                    <a:lnTo>
                      <a:pt x="1114" y="429"/>
                    </a:lnTo>
                    <a:lnTo>
                      <a:pt x="1109" y="425"/>
                    </a:lnTo>
                    <a:lnTo>
                      <a:pt x="1107" y="425"/>
                    </a:lnTo>
                    <a:lnTo>
                      <a:pt x="1103" y="424"/>
                    </a:lnTo>
                    <a:lnTo>
                      <a:pt x="1103" y="422"/>
                    </a:lnTo>
                    <a:lnTo>
                      <a:pt x="1101" y="422"/>
                    </a:lnTo>
                    <a:lnTo>
                      <a:pt x="1098" y="418"/>
                    </a:lnTo>
                    <a:lnTo>
                      <a:pt x="1096" y="416"/>
                    </a:lnTo>
                    <a:lnTo>
                      <a:pt x="1094" y="414"/>
                    </a:lnTo>
                    <a:lnTo>
                      <a:pt x="1092" y="414"/>
                    </a:lnTo>
                    <a:lnTo>
                      <a:pt x="1090" y="414"/>
                    </a:lnTo>
                    <a:lnTo>
                      <a:pt x="1090" y="412"/>
                    </a:lnTo>
                    <a:lnTo>
                      <a:pt x="1088" y="412"/>
                    </a:lnTo>
                    <a:lnTo>
                      <a:pt x="1088" y="411"/>
                    </a:lnTo>
                    <a:lnTo>
                      <a:pt x="1087" y="411"/>
                    </a:lnTo>
                    <a:lnTo>
                      <a:pt x="1085" y="411"/>
                    </a:lnTo>
                    <a:lnTo>
                      <a:pt x="1081" y="411"/>
                    </a:lnTo>
                    <a:lnTo>
                      <a:pt x="1077" y="411"/>
                    </a:lnTo>
                    <a:lnTo>
                      <a:pt x="1076" y="411"/>
                    </a:lnTo>
                    <a:lnTo>
                      <a:pt x="1072" y="412"/>
                    </a:lnTo>
                    <a:lnTo>
                      <a:pt x="1066" y="414"/>
                    </a:lnTo>
                    <a:lnTo>
                      <a:pt x="1066" y="416"/>
                    </a:lnTo>
                    <a:lnTo>
                      <a:pt x="1064" y="416"/>
                    </a:lnTo>
                    <a:lnTo>
                      <a:pt x="1064" y="418"/>
                    </a:lnTo>
                    <a:lnTo>
                      <a:pt x="1063" y="418"/>
                    </a:lnTo>
                    <a:lnTo>
                      <a:pt x="1063" y="420"/>
                    </a:lnTo>
                    <a:lnTo>
                      <a:pt x="1061" y="420"/>
                    </a:lnTo>
                    <a:lnTo>
                      <a:pt x="1061" y="422"/>
                    </a:lnTo>
                    <a:lnTo>
                      <a:pt x="1059" y="424"/>
                    </a:lnTo>
                    <a:lnTo>
                      <a:pt x="1057" y="425"/>
                    </a:lnTo>
                    <a:lnTo>
                      <a:pt x="1055" y="425"/>
                    </a:lnTo>
                    <a:lnTo>
                      <a:pt x="1053" y="427"/>
                    </a:lnTo>
                    <a:lnTo>
                      <a:pt x="1051" y="427"/>
                    </a:lnTo>
                    <a:lnTo>
                      <a:pt x="1050" y="427"/>
                    </a:lnTo>
                    <a:lnTo>
                      <a:pt x="1048" y="425"/>
                    </a:lnTo>
                    <a:lnTo>
                      <a:pt x="1048" y="427"/>
                    </a:lnTo>
                    <a:lnTo>
                      <a:pt x="1046" y="427"/>
                    </a:lnTo>
                    <a:lnTo>
                      <a:pt x="1044" y="427"/>
                    </a:lnTo>
                    <a:lnTo>
                      <a:pt x="1044" y="429"/>
                    </a:lnTo>
                    <a:lnTo>
                      <a:pt x="1044" y="427"/>
                    </a:lnTo>
                    <a:lnTo>
                      <a:pt x="1042" y="427"/>
                    </a:lnTo>
                    <a:lnTo>
                      <a:pt x="1040" y="429"/>
                    </a:lnTo>
                    <a:lnTo>
                      <a:pt x="1040" y="427"/>
                    </a:lnTo>
                    <a:lnTo>
                      <a:pt x="1039" y="429"/>
                    </a:lnTo>
                    <a:lnTo>
                      <a:pt x="1037" y="429"/>
                    </a:lnTo>
                    <a:lnTo>
                      <a:pt x="1037" y="427"/>
                    </a:lnTo>
                    <a:lnTo>
                      <a:pt x="1037" y="429"/>
                    </a:lnTo>
                    <a:lnTo>
                      <a:pt x="1035" y="429"/>
                    </a:lnTo>
                    <a:lnTo>
                      <a:pt x="1033" y="429"/>
                    </a:lnTo>
                    <a:lnTo>
                      <a:pt x="1031" y="429"/>
                    </a:lnTo>
                    <a:lnTo>
                      <a:pt x="1031" y="427"/>
                    </a:lnTo>
                    <a:lnTo>
                      <a:pt x="1029" y="427"/>
                    </a:lnTo>
                    <a:lnTo>
                      <a:pt x="1029" y="425"/>
                    </a:lnTo>
                    <a:lnTo>
                      <a:pt x="1027" y="425"/>
                    </a:lnTo>
                    <a:lnTo>
                      <a:pt x="1026" y="425"/>
                    </a:lnTo>
                    <a:lnTo>
                      <a:pt x="1026" y="424"/>
                    </a:lnTo>
                    <a:lnTo>
                      <a:pt x="1026" y="422"/>
                    </a:lnTo>
                    <a:lnTo>
                      <a:pt x="1027" y="422"/>
                    </a:lnTo>
                    <a:lnTo>
                      <a:pt x="1027" y="420"/>
                    </a:lnTo>
                    <a:lnTo>
                      <a:pt x="1029" y="418"/>
                    </a:lnTo>
                    <a:lnTo>
                      <a:pt x="1029" y="416"/>
                    </a:lnTo>
                    <a:lnTo>
                      <a:pt x="1031" y="416"/>
                    </a:lnTo>
                    <a:lnTo>
                      <a:pt x="1029" y="414"/>
                    </a:lnTo>
                    <a:lnTo>
                      <a:pt x="1031" y="414"/>
                    </a:lnTo>
                    <a:lnTo>
                      <a:pt x="1031" y="412"/>
                    </a:lnTo>
                    <a:lnTo>
                      <a:pt x="1033" y="411"/>
                    </a:lnTo>
                    <a:lnTo>
                      <a:pt x="1033" y="409"/>
                    </a:lnTo>
                    <a:close/>
                  </a:path>
                </a:pathLst>
              </a:custGeom>
              <a:grp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45" name="Freeform 204"/>
              <p:cNvSpPr>
                <a:spLocks/>
              </p:cNvSpPr>
              <p:nvPr/>
            </p:nvSpPr>
            <p:spPr bwMode="auto">
              <a:xfrm>
                <a:off x="3230562" y="2892425"/>
                <a:ext cx="363538" cy="455613"/>
              </a:xfrm>
              <a:custGeom>
                <a:avLst/>
                <a:gdLst>
                  <a:gd name="T0" fmla="*/ 141 w 229"/>
                  <a:gd name="T1" fmla="*/ 9 h 287"/>
                  <a:gd name="T2" fmla="*/ 170 w 229"/>
                  <a:gd name="T3" fmla="*/ 19 h 287"/>
                  <a:gd name="T4" fmla="*/ 180 w 229"/>
                  <a:gd name="T5" fmla="*/ 24 h 287"/>
                  <a:gd name="T6" fmla="*/ 183 w 229"/>
                  <a:gd name="T7" fmla="*/ 37 h 287"/>
                  <a:gd name="T8" fmla="*/ 181 w 229"/>
                  <a:gd name="T9" fmla="*/ 48 h 287"/>
                  <a:gd name="T10" fmla="*/ 178 w 229"/>
                  <a:gd name="T11" fmla="*/ 63 h 287"/>
                  <a:gd name="T12" fmla="*/ 181 w 229"/>
                  <a:gd name="T13" fmla="*/ 70 h 287"/>
                  <a:gd name="T14" fmla="*/ 183 w 229"/>
                  <a:gd name="T15" fmla="*/ 81 h 287"/>
                  <a:gd name="T16" fmla="*/ 185 w 229"/>
                  <a:gd name="T17" fmla="*/ 91 h 287"/>
                  <a:gd name="T18" fmla="*/ 181 w 229"/>
                  <a:gd name="T19" fmla="*/ 100 h 287"/>
                  <a:gd name="T20" fmla="*/ 220 w 229"/>
                  <a:gd name="T21" fmla="*/ 155 h 287"/>
                  <a:gd name="T22" fmla="*/ 229 w 229"/>
                  <a:gd name="T23" fmla="*/ 165 h 287"/>
                  <a:gd name="T24" fmla="*/ 220 w 229"/>
                  <a:gd name="T25" fmla="*/ 180 h 287"/>
                  <a:gd name="T26" fmla="*/ 213 w 229"/>
                  <a:gd name="T27" fmla="*/ 185 h 287"/>
                  <a:gd name="T28" fmla="*/ 202 w 229"/>
                  <a:gd name="T29" fmla="*/ 187 h 287"/>
                  <a:gd name="T30" fmla="*/ 211 w 229"/>
                  <a:gd name="T31" fmla="*/ 189 h 287"/>
                  <a:gd name="T32" fmla="*/ 205 w 229"/>
                  <a:gd name="T33" fmla="*/ 194 h 287"/>
                  <a:gd name="T34" fmla="*/ 194 w 229"/>
                  <a:gd name="T35" fmla="*/ 202 h 287"/>
                  <a:gd name="T36" fmla="*/ 185 w 229"/>
                  <a:gd name="T37" fmla="*/ 218 h 287"/>
                  <a:gd name="T38" fmla="*/ 193 w 229"/>
                  <a:gd name="T39" fmla="*/ 222 h 287"/>
                  <a:gd name="T40" fmla="*/ 196 w 229"/>
                  <a:gd name="T41" fmla="*/ 228 h 287"/>
                  <a:gd name="T42" fmla="*/ 194 w 229"/>
                  <a:gd name="T43" fmla="*/ 237 h 287"/>
                  <a:gd name="T44" fmla="*/ 191 w 229"/>
                  <a:gd name="T45" fmla="*/ 241 h 287"/>
                  <a:gd name="T46" fmla="*/ 185 w 229"/>
                  <a:gd name="T47" fmla="*/ 248 h 287"/>
                  <a:gd name="T48" fmla="*/ 180 w 229"/>
                  <a:gd name="T49" fmla="*/ 255 h 287"/>
                  <a:gd name="T50" fmla="*/ 176 w 229"/>
                  <a:gd name="T51" fmla="*/ 263 h 287"/>
                  <a:gd name="T52" fmla="*/ 170 w 229"/>
                  <a:gd name="T53" fmla="*/ 266 h 287"/>
                  <a:gd name="T54" fmla="*/ 163 w 229"/>
                  <a:gd name="T55" fmla="*/ 278 h 287"/>
                  <a:gd name="T56" fmla="*/ 154 w 229"/>
                  <a:gd name="T57" fmla="*/ 281 h 287"/>
                  <a:gd name="T58" fmla="*/ 143 w 229"/>
                  <a:gd name="T59" fmla="*/ 281 h 287"/>
                  <a:gd name="T60" fmla="*/ 143 w 229"/>
                  <a:gd name="T61" fmla="*/ 270 h 287"/>
                  <a:gd name="T62" fmla="*/ 146 w 229"/>
                  <a:gd name="T63" fmla="*/ 261 h 287"/>
                  <a:gd name="T64" fmla="*/ 154 w 229"/>
                  <a:gd name="T65" fmla="*/ 259 h 287"/>
                  <a:gd name="T66" fmla="*/ 144 w 229"/>
                  <a:gd name="T67" fmla="*/ 250 h 287"/>
                  <a:gd name="T68" fmla="*/ 143 w 229"/>
                  <a:gd name="T69" fmla="*/ 241 h 287"/>
                  <a:gd name="T70" fmla="*/ 146 w 229"/>
                  <a:gd name="T71" fmla="*/ 233 h 287"/>
                  <a:gd name="T72" fmla="*/ 143 w 229"/>
                  <a:gd name="T73" fmla="*/ 226 h 287"/>
                  <a:gd name="T74" fmla="*/ 137 w 229"/>
                  <a:gd name="T75" fmla="*/ 224 h 287"/>
                  <a:gd name="T76" fmla="*/ 124 w 229"/>
                  <a:gd name="T77" fmla="*/ 218 h 287"/>
                  <a:gd name="T78" fmla="*/ 120 w 229"/>
                  <a:gd name="T79" fmla="*/ 222 h 287"/>
                  <a:gd name="T80" fmla="*/ 115 w 229"/>
                  <a:gd name="T81" fmla="*/ 228 h 287"/>
                  <a:gd name="T82" fmla="*/ 109 w 229"/>
                  <a:gd name="T83" fmla="*/ 231 h 287"/>
                  <a:gd name="T84" fmla="*/ 98 w 229"/>
                  <a:gd name="T85" fmla="*/ 229 h 287"/>
                  <a:gd name="T86" fmla="*/ 91 w 229"/>
                  <a:gd name="T87" fmla="*/ 220 h 287"/>
                  <a:gd name="T88" fmla="*/ 107 w 229"/>
                  <a:gd name="T89" fmla="*/ 204 h 287"/>
                  <a:gd name="T90" fmla="*/ 109 w 229"/>
                  <a:gd name="T91" fmla="*/ 196 h 287"/>
                  <a:gd name="T92" fmla="*/ 98 w 229"/>
                  <a:gd name="T93" fmla="*/ 185 h 287"/>
                  <a:gd name="T94" fmla="*/ 93 w 229"/>
                  <a:gd name="T95" fmla="*/ 178 h 287"/>
                  <a:gd name="T96" fmla="*/ 85 w 229"/>
                  <a:gd name="T97" fmla="*/ 170 h 287"/>
                  <a:gd name="T98" fmla="*/ 80 w 229"/>
                  <a:gd name="T99" fmla="*/ 163 h 287"/>
                  <a:gd name="T100" fmla="*/ 78 w 229"/>
                  <a:gd name="T101" fmla="*/ 152 h 287"/>
                  <a:gd name="T102" fmla="*/ 78 w 229"/>
                  <a:gd name="T103" fmla="*/ 133 h 287"/>
                  <a:gd name="T104" fmla="*/ 69 w 229"/>
                  <a:gd name="T105" fmla="*/ 128 h 287"/>
                  <a:gd name="T106" fmla="*/ 61 w 229"/>
                  <a:gd name="T107" fmla="*/ 131 h 287"/>
                  <a:gd name="T108" fmla="*/ 54 w 229"/>
                  <a:gd name="T109" fmla="*/ 128 h 2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29" h="287">
                    <a:moveTo>
                      <a:pt x="46" y="120"/>
                    </a:moveTo>
                    <a:lnTo>
                      <a:pt x="0" y="67"/>
                    </a:lnTo>
                    <a:lnTo>
                      <a:pt x="96" y="4"/>
                    </a:lnTo>
                    <a:lnTo>
                      <a:pt x="104" y="0"/>
                    </a:lnTo>
                    <a:lnTo>
                      <a:pt x="117" y="4"/>
                    </a:lnTo>
                    <a:lnTo>
                      <a:pt x="141" y="9"/>
                    </a:lnTo>
                    <a:lnTo>
                      <a:pt x="144" y="11"/>
                    </a:lnTo>
                    <a:lnTo>
                      <a:pt x="150" y="13"/>
                    </a:lnTo>
                    <a:lnTo>
                      <a:pt x="156" y="15"/>
                    </a:lnTo>
                    <a:lnTo>
                      <a:pt x="161" y="15"/>
                    </a:lnTo>
                    <a:lnTo>
                      <a:pt x="168" y="19"/>
                    </a:lnTo>
                    <a:lnTo>
                      <a:pt x="170" y="19"/>
                    </a:lnTo>
                    <a:lnTo>
                      <a:pt x="172" y="19"/>
                    </a:lnTo>
                    <a:lnTo>
                      <a:pt x="174" y="20"/>
                    </a:lnTo>
                    <a:lnTo>
                      <a:pt x="176" y="22"/>
                    </a:lnTo>
                    <a:lnTo>
                      <a:pt x="178" y="22"/>
                    </a:lnTo>
                    <a:lnTo>
                      <a:pt x="178" y="24"/>
                    </a:lnTo>
                    <a:lnTo>
                      <a:pt x="180" y="24"/>
                    </a:lnTo>
                    <a:lnTo>
                      <a:pt x="181" y="26"/>
                    </a:lnTo>
                    <a:lnTo>
                      <a:pt x="183" y="26"/>
                    </a:lnTo>
                    <a:lnTo>
                      <a:pt x="183" y="28"/>
                    </a:lnTo>
                    <a:lnTo>
                      <a:pt x="185" y="28"/>
                    </a:lnTo>
                    <a:lnTo>
                      <a:pt x="187" y="32"/>
                    </a:lnTo>
                    <a:lnTo>
                      <a:pt x="183" y="37"/>
                    </a:lnTo>
                    <a:lnTo>
                      <a:pt x="185" y="37"/>
                    </a:lnTo>
                    <a:lnTo>
                      <a:pt x="185" y="39"/>
                    </a:lnTo>
                    <a:lnTo>
                      <a:pt x="185" y="41"/>
                    </a:lnTo>
                    <a:lnTo>
                      <a:pt x="180" y="43"/>
                    </a:lnTo>
                    <a:lnTo>
                      <a:pt x="183" y="48"/>
                    </a:lnTo>
                    <a:lnTo>
                      <a:pt x="181" y="48"/>
                    </a:lnTo>
                    <a:lnTo>
                      <a:pt x="180" y="50"/>
                    </a:lnTo>
                    <a:lnTo>
                      <a:pt x="181" y="54"/>
                    </a:lnTo>
                    <a:lnTo>
                      <a:pt x="180" y="56"/>
                    </a:lnTo>
                    <a:lnTo>
                      <a:pt x="181" y="57"/>
                    </a:lnTo>
                    <a:lnTo>
                      <a:pt x="183" y="63"/>
                    </a:lnTo>
                    <a:lnTo>
                      <a:pt x="178" y="63"/>
                    </a:lnTo>
                    <a:lnTo>
                      <a:pt x="178" y="65"/>
                    </a:lnTo>
                    <a:lnTo>
                      <a:pt x="180" y="65"/>
                    </a:lnTo>
                    <a:lnTo>
                      <a:pt x="180" y="67"/>
                    </a:lnTo>
                    <a:lnTo>
                      <a:pt x="181" y="67"/>
                    </a:lnTo>
                    <a:lnTo>
                      <a:pt x="181" y="69"/>
                    </a:lnTo>
                    <a:lnTo>
                      <a:pt x="181" y="70"/>
                    </a:lnTo>
                    <a:lnTo>
                      <a:pt x="183" y="70"/>
                    </a:lnTo>
                    <a:lnTo>
                      <a:pt x="183" y="72"/>
                    </a:lnTo>
                    <a:lnTo>
                      <a:pt x="183" y="76"/>
                    </a:lnTo>
                    <a:lnTo>
                      <a:pt x="183" y="78"/>
                    </a:lnTo>
                    <a:lnTo>
                      <a:pt x="183" y="80"/>
                    </a:lnTo>
                    <a:lnTo>
                      <a:pt x="183" y="81"/>
                    </a:lnTo>
                    <a:lnTo>
                      <a:pt x="185" y="81"/>
                    </a:lnTo>
                    <a:lnTo>
                      <a:pt x="185" y="83"/>
                    </a:lnTo>
                    <a:lnTo>
                      <a:pt x="185" y="85"/>
                    </a:lnTo>
                    <a:lnTo>
                      <a:pt x="185" y="87"/>
                    </a:lnTo>
                    <a:lnTo>
                      <a:pt x="185" y="89"/>
                    </a:lnTo>
                    <a:lnTo>
                      <a:pt x="185" y="91"/>
                    </a:lnTo>
                    <a:lnTo>
                      <a:pt x="183" y="93"/>
                    </a:lnTo>
                    <a:lnTo>
                      <a:pt x="183" y="94"/>
                    </a:lnTo>
                    <a:lnTo>
                      <a:pt x="181" y="96"/>
                    </a:lnTo>
                    <a:lnTo>
                      <a:pt x="180" y="98"/>
                    </a:lnTo>
                    <a:lnTo>
                      <a:pt x="181" y="98"/>
                    </a:lnTo>
                    <a:lnTo>
                      <a:pt x="181" y="100"/>
                    </a:lnTo>
                    <a:lnTo>
                      <a:pt x="181" y="102"/>
                    </a:lnTo>
                    <a:lnTo>
                      <a:pt x="183" y="102"/>
                    </a:lnTo>
                    <a:lnTo>
                      <a:pt x="200" y="126"/>
                    </a:lnTo>
                    <a:lnTo>
                      <a:pt x="217" y="150"/>
                    </a:lnTo>
                    <a:lnTo>
                      <a:pt x="218" y="152"/>
                    </a:lnTo>
                    <a:lnTo>
                      <a:pt x="220" y="155"/>
                    </a:lnTo>
                    <a:lnTo>
                      <a:pt x="222" y="159"/>
                    </a:lnTo>
                    <a:lnTo>
                      <a:pt x="224" y="161"/>
                    </a:lnTo>
                    <a:lnTo>
                      <a:pt x="226" y="163"/>
                    </a:lnTo>
                    <a:lnTo>
                      <a:pt x="226" y="161"/>
                    </a:lnTo>
                    <a:lnTo>
                      <a:pt x="228" y="161"/>
                    </a:lnTo>
                    <a:lnTo>
                      <a:pt x="229" y="165"/>
                    </a:lnTo>
                    <a:lnTo>
                      <a:pt x="226" y="168"/>
                    </a:lnTo>
                    <a:lnTo>
                      <a:pt x="224" y="170"/>
                    </a:lnTo>
                    <a:lnTo>
                      <a:pt x="218" y="172"/>
                    </a:lnTo>
                    <a:lnTo>
                      <a:pt x="220" y="172"/>
                    </a:lnTo>
                    <a:lnTo>
                      <a:pt x="222" y="178"/>
                    </a:lnTo>
                    <a:lnTo>
                      <a:pt x="220" y="180"/>
                    </a:lnTo>
                    <a:lnTo>
                      <a:pt x="220" y="181"/>
                    </a:lnTo>
                    <a:lnTo>
                      <a:pt x="220" y="183"/>
                    </a:lnTo>
                    <a:lnTo>
                      <a:pt x="218" y="183"/>
                    </a:lnTo>
                    <a:lnTo>
                      <a:pt x="217" y="185"/>
                    </a:lnTo>
                    <a:lnTo>
                      <a:pt x="215" y="185"/>
                    </a:lnTo>
                    <a:lnTo>
                      <a:pt x="213" y="185"/>
                    </a:lnTo>
                    <a:lnTo>
                      <a:pt x="209" y="185"/>
                    </a:lnTo>
                    <a:lnTo>
                      <a:pt x="207" y="185"/>
                    </a:lnTo>
                    <a:lnTo>
                      <a:pt x="205" y="185"/>
                    </a:lnTo>
                    <a:lnTo>
                      <a:pt x="204" y="185"/>
                    </a:lnTo>
                    <a:lnTo>
                      <a:pt x="204" y="187"/>
                    </a:lnTo>
                    <a:lnTo>
                      <a:pt x="202" y="187"/>
                    </a:lnTo>
                    <a:lnTo>
                      <a:pt x="204" y="189"/>
                    </a:lnTo>
                    <a:lnTo>
                      <a:pt x="205" y="189"/>
                    </a:lnTo>
                    <a:lnTo>
                      <a:pt x="207" y="189"/>
                    </a:lnTo>
                    <a:lnTo>
                      <a:pt x="209" y="187"/>
                    </a:lnTo>
                    <a:lnTo>
                      <a:pt x="209" y="189"/>
                    </a:lnTo>
                    <a:lnTo>
                      <a:pt x="211" y="189"/>
                    </a:lnTo>
                    <a:lnTo>
                      <a:pt x="209" y="189"/>
                    </a:lnTo>
                    <a:lnTo>
                      <a:pt x="209" y="191"/>
                    </a:lnTo>
                    <a:lnTo>
                      <a:pt x="207" y="191"/>
                    </a:lnTo>
                    <a:lnTo>
                      <a:pt x="207" y="192"/>
                    </a:lnTo>
                    <a:lnTo>
                      <a:pt x="205" y="192"/>
                    </a:lnTo>
                    <a:lnTo>
                      <a:pt x="205" y="194"/>
                    </a:lnTo>
                    <a:lnTo>
                      <a:pt x="204" y="194"/>
                    </a:lnTo>
                    <a:lnTo>
                      <a:pt x="202" y="194"/>
                    </a:lnTo>
                    <a:lnTo>
                      <a:pt x="198" y="198"/>
                    </a:lnTo>
                    <a:lnTo>
                      <a:pt x="200" y="200"/>
                    </a:lnTo>
                    <a:lnTo>
                      <a:pt x="194" y="204"/>
                    </a:lnTo>
                    <a:lnTo>
                      <a:pt x="194" y="202"/>
                    </a:lnTo>
                    <a:lnTo>
                      <a:pt x="189" y="204"/>
                    </a:lnTo>
                    <a:lnTo>
                      <a:pt x="189" y="205"/>
                    </a:lnTo>
                    <a:lnTo>
                      <a:pt x="189" y="207"/>
                    </a:lnTo>
                    <a:lnTo>
                      <a:pt x="185" y="209"/>
                    </a:lnTo>
                    <a:lnTo>
                      <a:pt x="185" y="211"/>
                    </a:lnTo>
                    <a:lnTo>
                      <a:pt x="185" y="218"/>
                    </a:lnTo>
                    <a:lnTo>
                      <a:pt x="189" y="217"/>
                    </a:lnTo>
                    <a:lnTo>
                      <a:pt x="193" y="215"/>
                    </a:lnTo>
                    <a:lnTo>
                      <a:pt x="193" y="217"/>
                    </a:lnTo>
                    <a:lnTo>
                      <a:pt x="193" y="218"/>
                    </a:lnTo>
                    <a:lnTo>
                      <a:pt x="193" y="220"/>
                    </a:lnTo>
                    <a:lnTo>
                      <a:pt x="193" y="222"/>
                    </a:lnTo>
                    <a:lnTo>
                      <a:pt x="193" y="224"/>
                    </a:lnTo>
                    <a:lnTo>
                      <a:pt x="194" y="224"/>
                    </a:lnTo>
                    <a:lnTo>
                      <a:pt x="196" y="224"/>
                    </a:lnTo>
                    <a:lnTo>
                      <a:pt x="194" y="226"/>
                    </a:lnTo>
                    <a:lnTo>
                      <a:pt x="196" y="226"/>
                    </a:lnTo>
                    <a:lnTo>
                      <a:pt x="196" y="228"/>
                    </a:lnTo>
                    <a:lnTo>
                      <a:pt x="198" y="229"/>
                    </a:lnTo>
                    <a:lnTo>
                      <a:pt x="198" y="231"/>
                    </a:lnTo>
                    <a:lnTo>
                      <a:pt x="198" y="233"/>
                    </a:lnTo>
                    <a:lnTo>
                      <a:pt x="196" y="233"/>
                    </a:lnTo>
                    <a:lnTo>
                      <a:pt x="196" y="235"/>
                    </a:lnTo>
                    <a:lnTo>
                      <a:pt x="194" y="237"/>
                    </a:lnTo>
                    <a:lnTo>
                      <a:pt x="193" y="237"/>
                    </a:lnTo>
                    <a:lnTo>
                      <a:pt x="193" y="239"/>
                    </a:lnTo>
                    <a:lnTo>
                      <a:pt x="191" y="239"/>
                    </a:lnTo>
                    <a:lnTo>
                      <a:pt x="191" y="241"/>
                    </a:lnTo>
                    <a:lnTo>
                      <a:pt x="193" y="241"/>
                    </a:lnTo>
                    <a:lnTo>
                      <a:pt x="191" y="241"/>
                    </a:lnTo>
                    <a:lnTo>
                      <a:pt x="191" y="242"/>
                    </a:lnTo>
                    <a:lnTo>
                      <a:pt x="189" y="242"/>
                    </a:lnTo>
                    <a:lnTo>
                      <a:pt x="187" y="244"/>
                    </a:lnTo>
                    <a:lnTo>
                      <a:pt x="185" y="244"/>
                    </a:lnTo>
                    <a:lnTo>
                      <a:pt x="185" y="246"/>
                    </a:lnTo>
                    <a:lnTo>
                      <a:pt x="185" y="248"/>
                    </a:lnTo>
                    <a:lnTo>
                      <a:pt x="183" y="248"/>
                    </a:lnTo>
                    <a:lnTo>
                      <a:pt x="183" y="250"/>
                    </a:lnTo>
                    <a:lnTo>
                      <a:pt x="183" y="252"/>
                    </a:lnTo>
                    <a:lnTo>
                      <a:pt x="181" y="252"/>
                    </a:lnTo>
                    <a:lnTo>
                      <a:pt x="180" y="254"/>
                    </a:lnTo>
                    <a:lnTo>
                      <a:pt x="180" y="255"/>
                    </a:lnTo>
                    <a:lnTo>
                      <a:pt x="178" y="255"/>
                    </a:lnTo>
                    <a:lnTo>
                      <a:pt x="178" y="257"/>
                    </a:lnTo>
                    <a:lnTo>
                      <a:pt x="178" y="259"/>
                    </a:lnTo>
                    <a:lnTo>
                      <a:pt x="176" y="259"/>
                    </a:lnTo>
                    <a:lnTo>
                      <a:pt x="176" y="261"/>
                    </a:lnTo>
                    <a:lnTo>
                      <a:pt x="176" y="263"/>
                    </a:lnTo>
                    <a:lnTo>
                      <a:pt x="174" y="265"/>
                    </a:lnTo>
                    <a:lnTo>
                      <a:pt x="174" y="266"/>
                    </a:lnTo>
                    <a:lnTo>
                      <a:pt x="172" y="266"/>
                    </a:lnTo>
                    <a:lnTo>
                      <a:pt x="174" y="266"/>
                    </a:lnTo>
                    <a:lnTo>
                      <a:pt x="172" y="266"/>
                    </a:lnTo>
                    <a:lnTo>
                      <a:pt x="170" y="266"/>
                    </a:lnTo>
                    <a:lnTo>
                      <a:pt x="170" y="268"/>
                    </a:lnTo>
                    <a:lnTo>
                      <a:pt x="168" y="268"/>
                    </a:lnTo>
                    <a:lnTo>
                      <a:pt x="167" y="268"/>
                    </a:lnTo>
                    <a:lnTo>
                      <a:pt x="165" y="276"/>
                    </a:lnTo>
                    <a:lnTo>
                      <a:pt x="163" y="276"/>
                    </a:lnTo>
                    <a:lnTo>
                      <a:pt x="163" y="278"/>
                    </a:lnTo>
                    <a:lnTo>
                      <a:pt x="161" y="279"/>
                    </a:lnTo>
                    <a:lnTo>
                      <a:pt x="161" y="281"/>
                    </a:lnTo>
                    <a:lnTo>
                      <a:pt x="161" y="283"/>
                    </a:lnTo>
                    <a:lnTo>
                      <a:pt x="159" y="285"/>
                    </a:lnTo>
                    <a:lnTo>
                      <a:pt x="157" y="285"/>
                    </a:lnTo>
                    <a:lnTo>
                      <a:pt x="154" y="281"/>
                    </a:lnTo>
                    <a:lnTo>
                      <a:pt x="150" y="287"/>
                    </a:lnTo>
                    <a:lnTo>
                      <a:pt x="148" y="285"/>
                    </a:lnTo>
                    <a:lnTo>
                      <a:pt x="146" y="283"/>
                    </a:lnTo>
                    <a:lnTo>
                      <a:pt x="144" y="281"/>
                    </a:lnTo>
                    <a:lnTo>
                      <a:pt x="143" y="283"/>
                    </a:lnTo>
                    <a:lnTo>
                      <a:pt x="143" y="281"/>
                    </a:lnTo>
                    <a:lnTo>
                      <a:pt x="141" y="279"/>
                    </a:lnTo>
                    <a:lnTo>
                      <a:pt x="141" y="278"/>
                    </a:lnTo>
                    <a:lnTo>
                      <a:pt x="139" y="276"/>
                    </a:lnTo>
                    <a:lnTo>
                      <a:pt x="141" y="276"/>
                    </a:lnTo>
                    <a:lnTo>
                      <a:pt x="141" y="272"/>
                    </a:lnTo>
                    <a:lnTo>
                      <a:pt x="143" y="270"/>
                    </a:lnTo>
                    <a:lnTo>
                      <a:pt x="146" y="268"/>
                    </a:lnTo>
                    <a:lnTo>
                      <a:pt x="146" y="266"/>
                    </a:lnTo>
                    <a:lnTo>
                      <a:pt x="146" y="265"/>
                    </a:lnTo>
                    <a:lnTo>
                      <a:pt x="144" y="265"/>
                    </a:lnTo>
                    <a:lnTo>
                      <a:pt x="146" y="263"/>
                    </a:lnTo>
                    <a:lnTo>
                      <a:pt x="146" y="261"/>
                    </a:lnTo>
                    <a:lnTo>
                      <a:pt x="146" y="263"/>
                    </a:lnTo>
                    <a:lnTo>
                      <a:pt x="148" y="263"/>
                    </a:lnTo>
                    <a:lnTo>
                      <a:pt x="148" y="261"/>
                    </a:lnTo>
                    <a:lnTo>
                      <a:pt x="150" y="261"/>
                    </a:lnTo>
                    <a:lnTo>
                      <a:pt x="152" y="261"/>
                    </a:lnTo>
                    <a:lnTo>
                      <a:pt x="154" y="259"/>
                    </a:lnTo>
                    <a:lnTo>
                      <a:pt x="154" y="257"/>
                    </a:lnTo>
                    <a:lnTo>
                      <a:pt x="152" y="255"/>
                    </a:lnTo>
                    <a:lnTo>
                      <a:pt x="150" y="255"/>
                    </a:lnTo>
                    <a:lnTo>
                      <a:pt x="150" y="254"/>
                    </a:lnTo>
                    <a:lnTo>
                      <a:pt x="148" y="254"/>
                    </a:lnTo>
                    <a:lnTo>
                      <a:pt x="144" y="250"/>
                    </a:lnTo>
                    <a:lnTo>
                      <a:pt x="143" y="248"/>
                    </a:lnTo>
                    <a:lnTo>
                      <a:pt x="141" y="246"/>
                    </a:lnTo>
                    <a:lnTo>
                      <a:pt x="141" y="244"/>
                    </a:lnTo>
                    <a:lnTo>
                      <a:pt x="143" y="244"/>
                    </a:lnTo>
                    <a:lnTo>
                      <a:pt x="143" y="242"/>
                    </a:lnTo>
                    <a:lnTo>
                      <a:pt x="143" y="241"/>
                    </a:lnTo>
                    <a:lnTo>
                      <a:pt x="143" y="239"/>
                    </a:lnTo>
                    <a:lnTo>
                      <a:pt x="144" y="239"/>
                    </a:lnTo>
                    <a:lnTo>
                      <a:pt x="144" y="237"/>
                    </a:lnTo>
                    <a:lnTo>
                      <a:pt x="144" y="235"/>
                    </a:lnTo>
                    <a:lnTo>
                      <a:pt x="146" y="235"/>
                    </a:lnTo>
                    <a:lnTo>
                      <a:pt x="146" y="233"/>
                    </a:lnTo>
                    <a:lnTo>
                      <a:pt x="148" y="233"/>
                    </a:lnTo>
                    <a:lnTo>
                      <a:pt x="148" y="231"/>
                    </a:lnTo>
                    <a:lnTo>
                      <a:pt x="148" y="229"/>
                    </a:lnTo>
                    <a:lnTo>
                      <a:pt x="146" y="229"/>
                    </a:lnTo>
                    <a:lnTo>
                      <a:pt x="144" y="226"/>
                    </a:lnTo>
                    <a:lnTo>
                      <a:pt x="143" y="226"/>
                    </a:lnTo>
                    <a:lnTo>
                      <a:pt x="141" y="226"/>
                    </a:lnTo>
                    <a:lnTo>
                      <a:pt x="141" y="228"/>
                    </a:lnTo>
                    <a:lnTo>
                      <a:pt x="141" y="226"/>
                    </a:lnTo>
                    <a:lnTo>
                      <a:pt x="139" y="226"/>
                    </a:lnTo>
                    <a:lnTo>
                      <a:pt x="137" y="226"/>
                    </a:lnTo>
                    <a:lnTo>
                      <a:pt x="137" y="224"/>
                    </a:lnTo>
                    <a:lnTo>
                      <a:pt x="135" y="224"/>
                    </a:lnTo>
                    <a:lnTo>
                      <a:pt x="133" y="224"/>
                    </a:lnTo>
                    <a:lnTo>
                      <a:pt x="133" y="222"/>
                    </a:lnTo>
                    <a:lnTo>
                      <a:pt x="128" y="224"/>
                    </a:lnTo>
                    <a:lnTo>
                      <a:pt x="126" y="222"/>
                    </a:lnTo>
                    <a:lnTo>
                      <a:pt x="124" y="218"/>
                    </a:lnTo>
                    <a:lnTo>
                      <a:pt x="124" y="217"/>
                    </a:lnTo>
                    <a:lnTo>
                      <a:pt x="120" y="215"/>
                    </a:lnTo>
                    <a:lnTo>
                      <a:pt x="120" y="217"/>
                    </a:lnTo>
                    <a:lnTo>
                      <a:pt x="120" y="218"/>
                    </a:lnTo>
                    <a:lnTo>
                      <a:pt x="120" y="220"/>
                    </a:lnTo>
                    <a:lnTo>
                      <a:pt x="120" y="222"/>
                    </a:lnTo>
                    <a:lnTo>
                      <a:pt x="120" y="224"/>
                    </a:lnTo>
                    <a:lnTo>
                      <a:pt x="119" y="222"/>
                    </a:lnTo>
                    <a:lnTo>
                      <a:pt x="117" y="224"/>
                    </a:lnTo>
                    <a:lnTo>
                      <a:pt x="115" y="224"/>
                    </a:lnTo>
                    <a:lnTo>
                      <a:pt x="115" y="226"/>
                    </a:lnTo>
                    <a:lnTo>
                      <a:pt x="115" y="228"/>
                    </a:lnTo>
                    <a:lnTo>
                      <a:pt x="115" y="226"/>
                    </a:lnTo>
                    <a:lnTo>
                      <a:pt x="113" y="226"/>
                    </a:lnTo>
                    <a:lnTo>
                      <a:pt x="111" y="228"/>
                    </a:lnTo>
                    <a:lnTo>
                      <a:pt x="111" y="229"/>
                    </a:lnTo>
                    <a:lnTo>
                      <a:pt x="111" y="231"/>
                    </a:lnTo>
                    <a:lnTo>
                      <a:pt x="109" y="231"/>
                    </a:lnTo>
                    <a:lnTo>
                      <a:pt x="107" y="231"/>
                    </a:lnTo>
                    <a:lnTo>
                      <a:pt x="106" y="229"/>
                    </a:lnTo>
                    <a:lnTo>
                      <a:pt x="104" y="229"/>
                    </a:lnTo>
                    <a:lnTo>
                      <a:pt x="102" y="229"/>
                    </a:lnTo>
                    <a:lnTo>
                      <a:pt x="100" y="229"/>
                    </a:lnTo>
                    <a:lnTo>
                      <a:pt x="98" y="229"/>
                    </a:lnTo>
                    <a:lnTo>
                      <a:pt x="98" y="228"/>
                    </a:lnTo>
                    <a:lnTo>
                      <a:pt x="96" y="228"/>
                    </a:lnTo>
                    <a:lnTo>
                      <a:pt x="95" y="226"/>
                    </a:lnTo>
                    <a:lnTo>
                      <a:pt x="95" y="224"/>
                    </a:lnTo>
                    <a:lnTo>
                      <a:pt x="93" y="222"/>
                    </a:lnTo>
                    <a:lnTo>
                      <a:pt x="91" y="220"/>
                    </a:lnTo>
                    <a:lnTo>
                      <a:pt x="91" y="218"/>
                    </a:lnTo>
                    <a:lnTo>
                      <a:pt x="98" y="213"/>
                    </a:lnTo>
                    <a:lnTo>
                      <a:pt x="104" y="207"/>
                    </a:lnTo>
                    <a:lnTo>
                      <a:pt x="106" y="205"/>
                    </a:lnTo>
                    <a:lnTo>
                      <a:pt x="107" y="205"/>
                    </a:lnTo>
                    <a:lnTo>
                      <a:pt x="107" y="204"/>
                    </a:lnTo>
                    <a:lnTo>
                      <a:pt x="109" y="204"/>
                    </a:lnTo>
                    <a:lnTo>
                      <a:pt x="109" y="202"/>
                    </a:lnTo>
                    <a:lnTo>
                      <a:pt x="111" y="200"/>
                    </a:lnTo>
                    <a:lnTo>
                      <a:pt x="111" y="198"/>
                    </a:lnTo>
                    <a:lnTo>
                      <a:pt x="111" y="196"/>
                    </a:lnTo>
                    <a:lnTo>
                      <a:pt x="109" y="196"/>
                    </a:lnTo>
                    <a:lnTo>
                      <a:pt x="107" y="194"/>
                    </a:lnTo>
                    <a:lnTo>
                      <a:pt x="106" y="192"/>
                    </a:lnTo>
                    <a:lnTo>
                      <a:pt x="104" y="189"/>
                    </a:lnTo>
                    <a:lnTo>
                      <a:pt x="102" y="189"/>
                    </a:lnTo>
                    <a:lnTo>
                      <a:pt x="100" y="187"/>
                    </a:lnTo>
                    <a:lnTo>
                      <a:pt x="98" y="185"/>
                    </a:lnTo>
                    <a:lnTo>
                      <a:pt x="95" y="181"/>
                    </a:lnTo>
                    <a:lnTo>
                      <a:pt x="95" y="180"/>
                    </a:lnTo>
                    <a:lnTo>
                      <a:pt x="95" y="181"/>
                    </a:lnTo>
                    <a:lnTo>
                      <a:pt x="95" y="180"/>
                    </a:lnTo>
                    <a:lnTo>
                      <a:pt x="93" y="180"/>
                    </a:lnTo>
                    <a:lnTo>
                      <a:pt x="93" y="178"/>
                    </a:lnTo>
                    <a:lnTo>
                      <a:pt x="89" y="176"/>
                    </a:lnTo>
                    <a:lnTo>
                      <a:pt x="89" y="174"/>
                    </a:lnTo>
                    <a:lnTo>
                      <a:pt x="87" y="174"/>
                    </a:lnTo>
                    <a:lnTo>
                      <a:pt x="87" y="172"/>
                    </a:lnTo>
                    <a:lnTo>
                      <a:pt x="85" y="172"/>
                    </a:lnTo>
                    <a:lnTo>
                      <a:pt x="85" y="170"/>
                    </a:lnTo>
                    <a:lnTo>
                      <a:pt x="83" y="170"/>
                    </a:lnTo>
                    <a:lnTo>
                      <a:pt x="83" y="168"/>
                    </a:lnTo>
                    <a:lnTo>
                      <a:pt x="82" y="168"/>
                    </a:lnTo>
                    <a:lnTo>
                      <a:pt x="82" y="167"/>
                    </a:lnTo>
                    <a:lnTo>
                      <a:pt x="80" y="165"/>
                    </a:lnTo>
                    <a:lnTo>
                      <a:pt x="80" y="163"/>
                    </a:lnTo>
                    <a:lnTo>
                      <a:pt x="78" y="163"/>
                    </a:lnTo>
                    <a:lnTo>
                      <a:pt x="78" y="161"/>
                    </a:lnTo>
                    <a:lnTo>
                      <a:pt x="76" y="161"/>
                    </a:lnTo>
                    <a:lnTo>
                      <a:pt x="76" y="159"/>
                    </a:lnTo>
                    <a:lnTo>
                      <a:pt x="72" y="157"/>
                    </a:lnTo>
                    <a:lnTo>
                      <a:pt x="78" y="152"/>
                    </a:lnTo>
                    <a:lnTo>
                      <a:pt x="74" y="148"/>
                    </a:lnTo>
                    <a:lnTo>
                      <a:pt x="78" y="143"/>
                    </a:lnTo>
                    <a:lnTo>
                      <a:pt x="82" y="139"/>
                    </a:lnTo>
                    <a:lnTo>
                      <a:pt x="82" y="137"/>
                    </a:lnTo>
                    <a:lnTo>
                      <a:pt x="80" y="135"/>
                    </a:lnTo>
                    <a:lnTo>
                      <a:pt x="78" y="133"/>
                    </a:lnTo>
                    <a:lnTo>
                      <a:pt x="76" y="133"/>
                    </a:lnTo>
                    <a:lnTo>
                      <a:pt x="74" y="131"/>
                    </a:lnTo>
                    <a:lnTo>
                      <a:pt x="72" y="131"/>
                    </a:lnTo>
                    <a:lnTo>
                      <a:pt x="71" y="130"/>
                    </a:lnTo>
                    <a:lnTo>
                      <a:pt x="69" y="130"/>
                    </a:lnTo>
                    <a:lnTo>
                      <a:pt x="69" y="128"/>
                    </a:lnTo>
                    <a:lnTo>
                      <a:pt x="67" y="130"/>
                    </a:lnTo>
                    <a:lnTo>
                      <a:pt x="65" y="130"/>
                    </a:lnTo>
                    <a:lnTo>
                      <a:pt x="65" y="131"/>
                    </a:lnTo>
                    <a:lnTo>
                      <a:pt x="63" y="131"/>
                    </a:lnTo>
                    <a:lnTo>
                      <a:pt x="63" y="133"/>
                    </a:lnTo>
                    <a:lnTo>
                      <a:pt x="61" y="131"/>
                    </a:lnTo>
                    <a:lnTo>
                      <a:pt x="59" y="133"/>
                    </a:lnTo>
                    <a:lnTo>
                      <a:pt x="58" y="131"/>
                    </a:lnTo>
                    <a:lnTo>
                      <a:pt x="58" y="130"/>
                    </a:lnTo>
                    <a:lnTo>
                      <a:pt x="56" y="130"/>
                    </a:lnTo>
                    <a:lnTo>
                      <a:pt x="56" y="128"/>
                    </a:lnTo>
                    <a:lnTo>
                      <a:pt x="54" y="128"/>
                    </a:lnTo>
                    <a:lnTo>
                      <a:pt x="52" y="128"/>
                    </a:lnTo>
                    <a:lnTo>
                      <a:pt x="52" y="126"/>
                    </a:lnTo>
                    <a:lnTo>
                      <a:pt x="50" y="126"/>
                    </a:lnTo>
                    <a:lnTo>
                      <a:pt x="46" y="120"/>
                    </a:lnTo>
                    <a:close/>
                  </a:path>
                </a:pathLst>
              </a:custGeom>
              <a:grp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grpSp>
          <p:nvGrpSpPr>
            <p:cNvPr id="55" name="Gruppieren 54"/>
            <p:cNvGrpSpPr/>
            <p:nvPr/>
          </p:nvGrpSpPr>
          <p:grpSpPr>
            <a:xfrm>
              <a:off x="1779375" y="4926036"/>
              <a:ext cx="526447" cy="496215"/>
              <a:chOff x="1027112" y="4883150"/>
              <a:chExt cx="801688" cy="755650"/>
            </a:xfrm>
          </p:grpSpPr>
          <p:sp>
            <p:nvSpPr>
              <p:cNvPr id="56" name="Freeform 172"/>
              <p:cNvSpPr>
                <a:spLocks/>
              </p:cNvSpPr>
              <p:nvPr/>
            </p:nvSpPr>
            <p:spPr bwMode="auto">
              <a:xfrm>
                <a:off x="1027112" y="5033962"/>
                <a:ext cx="801688" cy="604838"/>
              </a:xfrm>
              <a:custGeom>
                <a:avLst/>
                <a:gdLst>
                  <a:gd name="T0" fmla="*/ 240 w 505"/>
                  <a:gd name="T1" fmla="*/ 122 h 381"/>
                  <a:gd name="T2" fmla="*/ 227 w 505"/>
                  <a:gd name="T3" fmla="*/ 92 h 381"/>
                  <a:gd name="T4" fmla="*/ 216 w 505"/>
                  <a:gd name="T5" fmla="*/ 75 h 381"/>
                  <a:gd name="T6" fmla="*/ 227 w 505"/>
                  <a:gd name="T7" fmla="*/ 49 h 381"/>
                  <a:gd name="T8" fmla="*/ 240 w 505"/>
                  <a:gd name="T9" fmla="*/ 35 h 381"/>
                  <a:gd name="T10" fmla="*/ 238 w 505"/>
                  <a:gd name="T11" fmla="*/ 18 h 381"/>
                  <a:gd name="T12" fmla="*/ 251 w 505"/>
                  <a:gd name="T13" fmla="*/ 5 h 381"/>
                  <a:gd name="T14" fmla="*/ 272 w 505"/>
                  <a:gd name="T15" fmla="*/ 29 h 381"/>
                  <a:gd name="T16" fmla="*/ 379 w 505"/>
                  <a:gd name="T17" fmla="*/ 14 h 381"/>
                  <a:gd name="T18" fmla="*/ 418 w 505"/>
                  <a:gd name="T19" fmla="*/ 42 h 381"/>
                  <a:gd name="T20" fmla="*/ 421 w 505"/>
                  <a:gd name="T21" fmla="*/ 55 h 381"/>
                  <a:gd name="T22" fmla="*/ 412 w 505"/>
                  <a:gd name="T23" fmla="*/ 68 h 381"/>
                  <a:gd name="T24" fmla="*/ 405 w 505"/>
                  <a:gd name="T25" fmla="*/ 83 h 381"/>
                  <a:gd name="T26" fmla="*/ 436 w 505"/>
                  <a:gd name="T27" fmla="*/ 131 h 381"/>
                  <a:gd name="T28" fmla="*/ 455 w 505"/>
                  <a:gd name="T29" fmla="*/ 140 h 381"/>
                  <a:gd name="T30" fmla="*/ 479 w 505"/>
                  <a:gd name="T31" fmla="*/ 118 h 381"/>
                  <a:gd name="T32" fmla="*/ 482 w 505"/>
                  <a:gd name="T33" fmla="*/ 123 h 381"/>
                  <a:gd name="T34" fmla="*/ 494 w 505"/>
                  <a:gd name="T35" fmla="*/ 131 h 381"/>
                  <a:gd name="T36" fmla="*/ 499 w 505"/>
                  <a:gd name="T37" fmla="*/ 138 h 381"/>
                  <a:gd name="T38" fmla="*/ 503 w 505"/>
                  <a:gd name="T39" fmla="*/ 157 h 381"/>
                  <a:gd name="T40" fmla="*/ 475 w 505"/>
                  <a:gd name="T41" fmla="*/ 196 h 381"/>
                  <a:gd name="T42" fmla="*/ 451 w 505"/>
                  <a:gd name="T43" fmla="*/ 212 h 381"/>
                  <a:gd name="T44" fmla="*/ 431 w 505"/>
                  <a:gd name="T45" fmla="*/ 221 h 381"/>
                  <a:gd name="T46" fmla="*/ 412 w 505"/>
                  <a:gd name="T47" fmla="*/ 229 h 381"/>
                  <a:gd name="T48" fmla="*/ 397 w 505"/>
                  <a:gd name="T49" fmla="*/ 229 h 381"/>
                  <a:gd name="T50" fmla="*/ 381 w 505"/>
                  <a:gd name="T51" fmla="*/ 240 h 381"/>
                  <a:gd name="T52" fmla="*/ 368 w 505"/>
                  <a:gd name="T53" fmla="*/ 255 h 381"/>
                  <a:gd name="T54" fmla="*/ 353 w 505"/>
                  <a:gd name="T55" fmla="*/ 262 h 381"/>
                  <a:gd name="T56" fmla="*/ 336 w 505"/>
                  <a:gd name="T57" fmla="*/ 277 h 381"/>
                  <a:gd name="T58" fmla="*/ 327 w 505"/>
                  <a:gd name="T59" fmla="*/ 294 h 381"/>
                  <a:gd name="T60" fmla="*/ 296 w 505"/>
                  <a:gd name="T61" fmla="*/ 332 h 381"/>
                  <a:gd name="T62" fmla="*/ 264 w 505"/>
                  <a:gd name="T63" fmla="*/ 349 h 381"/>
                  <a:gd name="T64" fmla="*/ 242 w 505"/>
                  <a:gd name="T65" fmla="*/ 360 h 381"/>
                  <a:gd name="T66" fmla="*/ 220 w 505"/>
                  <a:gd name="T67" fmla="*/ 357 h 381"/>
                  <a:gd name="T68" fmla="*/ 196 w 505"/>
                  <a:gd name="T69" fmla="*/ 340 h 381"/>
                  <a:gd name="T70" fmla="*/ 122 w 505"/>
                  <a:gd name="T71" fmla="*/ 358 h 381"/>
                  <a:gd name="T72" fmla="*/ 111 w 505"/>
                  <a:gd name="T73" fmla="*/ 368 h 381"/>
                  <a:gd name="T74" fmla="*/ 104 w 505"/>
                  <a:gd name="T75" fmla="*/ 360 h 381"/>
                  <a:gd name="T76" fmla="*/ 83 w 505"/>
                  <a:gd name="T77" fmla="*/ 353 h 381"/>
                  <a:gd name="T78" fmla="*/ 61 w 505"/>
                  <a:gd name="T79" fmla="*/ 353 h 381"/>
                  <a:gd name="T80" fmla="*/ 41 w 505"/>
                  <a:gd name="T81" fmla="*/ 353 h 381"/>
                  <a:gd name="T82" fmla="*/ 20 w 505"/>
                  <a:gd name="T83" fmla="*/ 375 h 381"/>
                  <a:gd name="T84" fmla="*/ 4 w 505"/>
                  <a:gd name="T85" fmla="*/ 369 h 381"/>
                  <a:gd name="T86" fmla="*/ 13 w 505"/>
                  <a:gd name="T87" fmla="*/ 345 h 381"/>
                  <a:gd name="T88" fmla="*/ 30 w 505"/>
                  <a:gd name="T89" fmla="*/ 312 h 381"/>
                  <a:gd name="T90" fmla="*/ 46 w 505"/>
                  <a:gd name="T91" fmla="*/ 295 h 381"/>
                  <a:gd name="T92" fmla="*/ 55 w 505"/>
                  <a:gd name="T93" fmla="*/ 275 h 381"/>
                  <a:gd name="T94" fmla="*/ 41 w 505"/>
                  <a:gd name="T95" fmla="*/ 258 h 381"/>
                  <a:gd name="T96" fmla="*/ 18 w 505"/>
                  <a:gd name="T97" fmla="*/ 234 h 381"/>
                  <a:gd name="T98" fmla="*/ 26 w 505"/>
                  <a:gd name="T99" fmla="*/ 227 h 381"/>
                  <a:gd name="T100" fmla="*/ 43 w 505"/>
                  <a:gd name="T101" fmla="*/ 201 h 381"/>
                  <a:gd name="T102" fmla="*/ 57 w 505"/>
                  <a:gd name="T103" fmla="*/ 199 h 381"/>
                  <a:gd name="T104" fmla="*/ 68 w 505"/>
                  <a:gd name="T105" fmla="*/ 194 h 381"/>
                  <a:gd name="T106" fmla="*/ 79 w 505"/>
                  <a:gd name="T107" fmla="*/ 179 h 381"/>
                  <a:gd name="T108" fmla="*/ 92 w 505"/>
                  <a:gd name="T109" fmla="*/ 173 h 381"/>
                  <a:gd name="T110" fmla="*/ 122 w 505"/>
                  <a:gd name="T111" fmla="*/ 166 h 381"/>
                  <a:gd name="T112" fmla="*/ 150 w 505"/>
                  <a:gd name="T113" fmla="*/ 149 h 381"/>
                  <a:gd name="T114" fmla="*/ 168 w 505"/>
                  <a:gd name="T115" fmla="*/ 153 h 381"/>
                  <a:gd name="T116" fmla="*/ 187 w 505"/>
                  <a:gd name="T117" fmla="*/ 146 h 381"/>
                  <a:gd name="T118" fmla="*/ 237 w 505"/>
                  <a:gd name="T119" fmla="*/ 142 h 3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05" h="381">
                    <a:moveTo>
                      <a:pt x="242" y="136"/>
                    </a:moveTo>
                    <a:lnTo>
                      <a:pt x="242" y="135"/>
                    </a:lnTo>
                    <a:lnTo>
                      <a:pt x="242" y="133"/>
                    </a:lnTo>
                    <a:lnTo>
                      <a:pt x="240" y="133"/>
                    </a:lnTo>
                    <a:lnTo>
                      <a:pt x="240" y="131"/>
                    </a:lnTo>
                    <a:lnTo>
                      <a:pt x="238" y="131"/>
                    </a:lnTo>
                    <a:lnTo>
                      <a:pt x="238" y="129"/>
                    </a:lnTo>
                    <a:lnTo>
                      <a:pt x="238" y="127"/>
                    </a:lnTo>
                    <a:lnTo>
                      <a:pt x="238" y="125"/>
                    </a:lnTo>
                    <a:lnTo>
                      <a:pt x="240" y="125"/>
                    </a:lnTo>
                    <a:lnTo>
                      <a:pt x="240" y="123"/>
                    </a:lnTo>
                    <a:lnTo>
                      <a:pt x="238" y="123"/>
                    </a:lnTo>
                    <a:lnTo>
                      <a:pt x="240" y="123"/>
                    </a:lnTo>
                    <a:lnTo>
                      <a:pt x="238" y="123"/>
                    </a:lnTo>
                    <a:lnTo>
                      <a:pt x="238" y="122"/>
                    </a:lnTo>
                    <a:lnTo>
                      <a:pt x="240" y="122"/>
                    </a:lnTo>
                    <a:lnTo>
                      <a:pt x="237" y="116"/>
                    </a:lnTo>
                    <a:lnTo>
                      <a:pt x="237" y="114"/>
                    </a:lnTo>
                    <a:lnTo>
                      <a:pt x="235" y="111"/>
                    </a:lnTo>
                    <a:lnTo>
                      <a:pt x="237" y="109"/>
                    </a:lnTo>
                    <a:lnTo>
                      <a:pt x="237" y="107"/>
                    </a:lnTo>
                    <a:lnTo>
                      <a:pt x="235" y="107"/>
                    </a:lnTo>
                    <a:lnTo>
                      <a:pt x="235" y="105"/>
                    </a:lnTo>
                    <a:lnTo>
                      <a:pt x="233" y="105"/>
                    </a:lnTo>
                    <a:lnTo>
                      <a:pt x="231" y="105"/>
                    </a:lnTo>
                    <a:lnTo>
                      <a:pt x="227" y="101"/>
                    </a:lnTo>
                    <a:lnTo>
                      <a:pt x="226" y="99"/>
                    </a:lnTo>
                    <a:lnTo>
                      <a:pt x="226" y="98"/>
                    </a:lnTo>
                    <a:lnTo>
                      <a:pt x="224" y="96"/>
                    </a:lnTo>
                    <a:lnTo>
                      <a:pt x="226" y="94"/>
                    </a:lnTo>
                    <a:lnTo>
                      <a:pt x="226" y="92"/>
                    </a:lnTo>
                    <a:lnTo>
                      <a:pt x="227" y="92"/>
                    </a:lnTo>
                    <a:lnTo>
                      <a:pt x="226" y="90"/>
                    </a:lnTo>
                    <a:lnTo>
                      <a:pt x="226" y="88"/>
                    </a:lnTo>
                    <a:lnTo>
                      <a:pt x="224" y="88"/>
                    </a:lnTo>
                    <a:lnTo>
                      <a:pt x="222" y="88"/>
                    </a:lnTo>
                    <a:lnTo>
                      <a:pt x="222" y="86"/>
                    </a:lnTo>
                    <a:lnTo>
                      <a:pt x="220" y="86"/>
                    </a:lnTo>
                    <a:lnTo>
                      <a:pt x="220" y="85"/>
                    </a:lnTo>
                    <a:lnTo>
                      <a:pt x="220" y="83"/>
                    </a:lnTo>
                    <a:lnTo>
                      <a:pt x="218" y="83"/>
                    </a:lnTo>
                    <a:lnTo>
                      <a:pt x="216" y="83"/>
                    </a:lnTo>
                    <a:lnTo>
                      <a:pt x="216" y="81"/>
                    </a:lnTo>
                    <a:lnTo>
                      <a:pt x="216" y="79"/>
                    </a:lnTo>
                    <a:lnTo>
                      <a:pt x="214" y="79"/>
                    </a:lnTo>
                    <a:lnTo>
                      <a:pt x="214" y="77"/>
                    </a:lnTo>
                    <a:lnTo>
                      <a:pt x="214" y="75"/>
                    </a:lnTo>
                    <a:lnTo>
                      <a:pt x="216" y="75"/>
                    </a:lnTo>
                    <a:lnTo>
                      <a:pt x="216" y="74"/>
                    </a:lnTo>
                    <a:lnTo>
                      <a:pt x="216" y="72"/>
                    </a:lnTo>
                    <a:lnTo>
                      <a:pt x="216" y="70"/>
                    </a:lnTo>
                    <a:lnTo>
                      <a:pt x="216" y="68"/>
                    </a:lnTo>
                    <a:lnTo>
                      <a:pt x="214" y="66"/>
                    </a:lnTo>
                    <a:lnTo>
                      <a:pt x="213" y="66"/>
                    </a:lnTo>
                    <a:lnTo>
                      <a:pt x="214" y="66"/>
                    </a:lnTo>
                    <a:lnTo>
                      <a:pt x="214" y="64"/>
                    </a:lnTo>
                    <a:lnTo>
                      <a:pt x="216" y="62"/>
                    </a:lnTo>
                    <a:lnTo>
                      <a:pt x="218" y="61"/>
                    </a:lnTo>
                    <a:lnTo>
                      <a:pt x="220" y="59"/>
                    </a:lnTo>
                    <a:lnTo>
                      <a:pt x="222" y="57"/>
                    </a:lnTo>
                    <a:lnTo>
                      <a:pt x="224" y="55"/>
                    </a:lnTo>
                    <a:lnTo>
                      <a:pt x="226" y="53"/>
                    </a:lnTo>
                    <a:lnTo>
                      <a:pt x="227" y="51"/>
                    </a:lnTo>
                    <a:lnTo>
                      <a:pt x="227" y="49"/>
                    </a:lnTo>
                    <a:lnTo>
                      <a:pt x="229" y="48"/>
                    </a:lnTo>
                    <a:lnTo>
                      <a:pt x="229" y="46"/>
                    </a:lnTo>
                    <a:lnTo>
                      <a:pt x="231" y="48"/>
                    </a:lnTo>
                    <a:lnTo>
                      <a:pt x="233" y="48"/>
                    </a:lnTo>
                    <a:lnTo>
                      <a:pt x="235" y="48"/>
                    </a:lnTo>
                    <a:lnTo>
                      <a:pt x="237" y="48"/>
                    </a:lnTo>
                    <a:lnTo>
                      <a:pt x="238" y="46"/>
                    </a:lnTo>
                    <a:lnTo>
                      <a:pt x="237" y="46"/>
                    </a:lnTo>
                    <a:lnTo>
                      <a:pt x="237" y="44"/>
                    </a:lnTo>
                    <a:lnTo>
                      <a:pt x="238" y="44"/>
                    </a:lnTo>
                    <a:lnTo>
                      <a:pt x="238" y="42"/>
                    </a:lnTo>
                    <a:lnTo>
                      <a:pt x="238" y="40"/>
                    </a:lnTo>
                    <a:lnTo>
                      <a:pt x="238" y="38"/>
                    </a:lnTo>
                    <a:lnTo>
                      <a:pt x="240" y="38"/>
                    </a:lnTo>
                    <a:lnTo>
                      <a:pt x="240" y="37"/>
                    </a:lnTo>
                    <a:lnTo>
                      <a:pt x="240" y="35"/>
                    </a:lnTo>
                    <a:lnTo>
                      <a:pt x="238" y="35"/>
                    </a:lnTo>
                    <a:lnTo>
                      <a:pt x="238" y="33"/>
                    </a:lnTo>
                    <a:lnTo>
                      <a:pt x="237" y="33"/>
                    </a:lnTo>
                    <a:lnTo>
                      <a:pt x="237" y="31"/>
                    </a:lnTo>
                    <a:lnTo>
                      <a:pt x="237" y="29"/>
                    </a:lnTo>
                    <a:lnTo>
                      <a:pt x="238" y="29"/>
                    </a:lnTo>
                    <a:lnTo>
                      <a:pt x="238" y="27"/>
                    </a:lnTo>
                    <a:lnTo>
                      <a:pt x="238" y="25"/>
                    </a:lnTo>
                    <a:lnTo>
                      <a:pt x="237" y="25"/>
                    </a:lnTo>
                    <a:lnTo>
                      <a:pt x="237" y="24"/>
                    </a:lnTo>
                    <a:lnTo>
                      <a:pt x="238" y="24"/>
                    </a:lnTo>
                    <a:lnTo>
                      <a:pt x="238" y="22"/>
                    </a:lnTo>
                    <a:lnTo>
                      <a:pt x="238" y="20"/>
                    </a:lnTo>
                    <a:lnTo>
                      <a:pt x="237" y="20"/>
                    </a:lnTo>
                    <a:lnTo>
                      <a:pt x="238" y="20"/>
                    </a:lnTo>
                    <a:lnTo>
                      <a:pt x="238" y="18"/>
                    </a:lnTo>
                    <a:lnTo>
                      <a:pt x="238" y="16"/>
                    </a:lnTo>
                    <a:lnTo>
                      <a:pt x="238" y="14"/>
                    </a:lnTo>
                    <a:lnTo>
                      <a:pt x="238" y="12"/>
                    </a:lnTo>
                    <a:lnTo>
                      <a:pt x="238" y="11"/>
                    </a:lnTo>
                    <a:lnTo>
                      <a:pt x="238" y="9"/>
                    </a:lnTo>
                    <a:lnTo>
                      <a:pt x="240" y="9"/>
                    </a:lnTo>
                    <a:lnTo>
                      <a:pt x="242" y="7"/>
                    </a:lnTo>
                    <a:lnTo>
                      <a:pt x="242" y="5"/>
                    </a:lnTo>
                    <a:lnTo>
                      <a:pt x="244" y="5"/>
                    </a:lnTo>
                    <a:lnTo>
                      <a:pt x="244" y="3"/>
                    </a:lnTo>
                    <a:lnTo>
                      <a:pt x="244" y="1"/>
                    </a:lnTo>
                    <a:lnTo>
                      <a:pt x="246" y="1"/>
                    </a:lnTo>
                    <a:lnTo>
                      <a:pt x="248" y="0"/>
                    </a:lnTo>
                    <a:lnTo>
                      <a:pt x="248" y="1"/>
                    </a:lnTo>
                    <a:lnTo>
                      <a:pt x="248" y="3"/>
                    </a:lnTo>
                    <a:lnTo>
                      <a:pt x="251" y="5"/>
                    </a:lnTo>
                    <a:lnTo>
                      <a:pt x="250" y="7"/>
                    </a:lnTo>
                    <a:lnTo>
                      <a:pt x="251" y="7"/>
                    </a:lnTo>
                    <a:lnTo>
                      <a:pt x="251" y="9"/>
                    </a:lnTo>
                    <a:lnTo>
                      <a:pt x="253" y="9"/>
                    </a:lnTo>
                    <a:lnTo>
                      <a:pt x="251" y="11"/>
                    </a:lnTo>
                    <a:lnTo>
                      <a:pt x="253" y="11"/>
                    </a:lnTo>
                    <a:lnTo>
                      <a:pt x="257" y="14"/>
                    </a:lnTo>
                    <a:lnTo>
                      <a:pt x="259" y="14"/>
                    </a:lnTo>
                    <a:lnTo>
                      <a:pt x="257" y="16"/>
                    </a:lnTo>
                    <a:lnTo>
                      <a:pt x="259" y="16"/>
                    </a:lnTo>
                    <a:lnTo>
                      <a:pt x="259" y="18"/>
                    </a:lnTo>
                    <a:lnTo>
                      <a:pt x="261" y="20"/>
                    </a:lnTo>
                    <a:lnTo>
                      <a:pt x="268" y="25"/>
                    </a:lnTo>
                    <a:lnTo>
                      <a:pt x="268" y="27"/>
                    </a:lnTo>
                    <a:lnTo>
                      <a:pt x="270" y="27"/>
                    </a:lnTo>
                    <a:lnTo>
                      <a:pt x="272" y="29"/>
                    </a:lnTo>
                    <a:lnTo>
                      <a:pt x="275" y="31"/>
                    </a:lnTo>
                    <a:lnTo>
                      <a:pt x="279" y="33"/>
                    </a:lnTo>
                    <a:lnTo>
                      <a:pt x="281" y="35"/>
                    </a:lnTo>
                    <a:lnTo>
                      <a:pt x="283" y="37"/>
                    </a:lnTo>
                    <a:lnTo>
                      <a:pt x="285" y="38"/>
                    </a:lnTo>
                    <a:lnTo>
                      <a:pt x="288" y="40"/>
                    </a:lnTo>
                    <a:lnTo>
                      <a:pt x="290" y="40"/>
                    </a:lnTo>
                    <a:lnTo>
                      <a:pt x="294" y="42"/>
                    </a:lnTo>
                    <a:lnTo>
                      <a:pt x="298" y="44"/>
                    </a:lnTo>
                    <a:lnTo>
                      <a:pt x="301" y="46"/>
                    </a:lnTo>
                    <a:lnTo>
                      <a:pt x="305" y="46"/>
                    </a:lnTo>
                    <a:lnTo>
                      <a:pt x="305" y="48"/>
                    </a:lnTo>
                    <a:lnTo>
                      <a:pt x="309" y="48"/>
                    </a:lnTo>
                    <a:lnTo>
                      <a:pt x="349" y="70"/>
                    </a:lnTo>
                    <a:lnTo>
                      <a:pt x="366" y="38"/>
                    </a:lnTo>
                    <a:lnTo>
                      <a:pt x="379" y="14"/>
                    </a:lnTo>
                    <a:lnTo>
                      <a:pt x="410" y="29"/>
                    </a:lnTo>
                    <a:lnTo>
                      <a:pt x="410" y="31"/>
                    </a:lnTo>
                    <a:lnTo>
                      <a:pt x="412" y="31"/>
                    </a:lnTo>
                    <a:lnTo>
                      <a:pt x="414" y="31"/>
                    </a:lnTo>
                    <a:lnTo>
                      <a:pt x="414" y="33"/>
                    </a:lnTo>
                    <a:lnTo>
                      <a:pt x="416" y="33"/>
                    </a:lnTo>
                    <a:lnTo>
                      <a:pt x="418" y="33"/>
                    </a:lnTo>
                    <a:lnTo>
                      <a:pt x="418" y="35"/>
                    </a:lnTo>
                    <a:lnTo>
                      <a:pt x="420" y="35"/>
                    </a:lnTo>
                    <a:lnTo>
                      <a:pt x="420" y="37"/>
                    </a:lnTo>
                    <a:lnTo>
                      <a:pt x="418" y="37"/>
                    </a:lnTo>
                    <a:lnTo>
                      <a:pt x="418" y="38"/>
                    </a:lnTo>
                    <a:lnTo>
                      <a:pt x="420" y="38"/>
                    </a:lnTo>
                    <a:lnTo>
                      <a:pt x="420" y="40"/>
                    </a:lnTo>
                    <a:lnTo>
                      <a:pt x="420" y="42"/>
                    </a:lnTo>
                    <a:lnTo>
                      <a:pt x="418" y="42"/>
                    </a:lnTo>
                    <a:lnTo>
                      <a:pt x="418" y="44"/>
                    </a:lnTo>
                    <a:lnTo>
                      <a:pt x="420" y="44"/>
                    </a:lnTo>
                    <a:lnTo>
                      <a:pt x="418" y="44"/>
                    </a:lnTo>
                    <a:lnTo>
                      <a:pt x="418" y="46"/>
                    </a:lnTo>
                    <a:lnTo>
                      <a:pt x="420" y="46"/>
                    </a:lnTo>
                    <a:lnTo>
                      <a:pt x="421" y="46"/>
                    </a:lnTo>
                    <a:lnTo>
                      <a:pt x="421" y="48"/>
                    </a:lnTo>
                    <a:lnTo>
                      <a:pt x="421" y="49"/>
                    </a:lnTo>
                    <a:lnTo>
                      <a:pt x="420" y="48"/>
                    </a:lnTo>
                    <a:lnTo>
                      <a:pt x="420" y="49"/>
                    </a:lnTo>
                    <a:lnTo>
                      <a:pt x="420" y="51"/>
                    </a:lnTo>
                    <a:lnTo>
                      <a:pt x="421" y="51"/>
                    </a:lnTo>
                    <a:lnTo>
                      <a:pt x="423" y="51"/>
                    </a:lnTo>
                    <a:lnTo>
                      <a:pt x="423" y="53"/>
                    </a:lnTo>
                    <a:lnTo>
                      <a:pt x="421" y="53"/>
                    </a:lnTo>
                    <a:lnTo>
                      <a:pt x="421" y="55"/>
                    </a:lnTo>
                    <a:lnTo>
                      <a:pt x="423" y="55"/>
                    </a:lnTo>
                    <a:lnTo>
                      <a:pt x="425" y="55"/>
                    </a:lnTo>
                    <a:lnTo>
                      <a:pt x="423" y="57"/>
                    </a:lnTo>
                    <a:lnTo>
                      <a:pt x="425" y="57"/>
                    </a:lnTo>
                    <a:lnTo>
                      <a:pt x="425" y="59"/>
                    </a:lnTo>
                    <a:lnTo>
                      <a:pt x="423" y="59"/>
                    </a:lnTo>
                    <a:lnTo>
                      <a:pt x="423" y="61"/>
                    </a:lnTo>
                    <a:lnTo>
                      <a:pt x="423" y="62"/>
                    </a:lnTo>
                    <a:lnTo>
                      <a:pt x="421" y="64"/>
                    </a:lnTo>
                    <a:lnTo>
                      <a:pt x="420" y="64"/>
                    </a:lnTo>
                    <a:lnTo>
                      <a:pt x="420" y="66"/>
                    </a:lnTo>
                    <a:lnTo>
                      <a:pt x="418" y="66"/>
                    </a:lnTo>
                    <a:lnTo>
                      <a:pt x="418" y="68"/>
                    </a:lnTo>
                    <a:lnTo>
                      <a:pt x="416" y="68"/>
                    </a:lnTo>
                    <a:lnTo>
                      <a:pt x="414" y="68"/>
                    </a:lnTo>
                    <a:lnTo>
                      <a:pt x="412" y="68"/>
                    </a:lnTo>
                    <a:lnTo>
                      <a:pt x="410" y="68"/>
                    </a:lnTo>
                    <a:lnTo>
                      <a:pt x="410" y="70"/>
                    </a:lnTo>
                    <a:lnTo>
                      <a:pt x="409" y="70"/>
                    </a:lnTo>
                    <a:lnTo>
                      <a:pt x="409" y="72"/>
                    </a:lnTo>
                    <a:lnTo>
                      <a:pt x="410" y="72"/>
                    </a:lnTo>
                    <a:lnTo>
                      <a:pt x="409" y="72"/>
                    </a:lnTo>
                    <a:lnTo>
                      <a:pt x="409" y="74"/>
                    </a:lnTo>
                    <a:lnTo>
                      <a:pt x="407" y="74"/>
                    </a:lnTo>
                    <a:lnTo>
                      <a:pt x="407" y="75"/>
                    </a:lnTo>
                    <a:lnTo>
                      <a:pt x="405" y="75"/>
                    </a:lnTo>
                    <a:lnTo>
                      <a:pt x="403" y="75"/>
                    </a:lnTo>
                    <a:lnTo>
                      <a:pt x="405" y="75"/>
                    </a:lnTo>
                    <a:lnTo>
                      <a:pt x="405" y="77"/>
                    </a:lnTo>
                    <a:lnTo>
                      <a:pt x="405" y="79"/>
                    </a:lnTo>
                    <a:lnTo>
                      <a:pt x="405" y="81"/>
                    </a:lnTo>
                    <a:lnTo>
                      <a:pt x="405" y="83"/>
                    </a:lnTo>
                    <a:lnTo>
                      <a:pt x="403" y="83"/>
                    </a:lnTo>
                    <a:lnTo>
                      <a:pt x="403" y="85"/>
                    </a:lnTo>
                    <a:lnTo>
                      <a:pt x="403" y="86"/>
                    </a:lnTo>
                    <a:lnTo>
                      <a:pt x="405" y="86"/>
                    </a:lnTo>
                    <a:lnTo>
                      <a:pt x="405" y="88"/>
                    </a:lnTo>
                    <a:lnTo>
                      <a:pt x="405" y="90"/>
                    </a:lnTo>
                    <a:lnTo>
                      <a:pt x="407" y="90"/>
                    </a:lnTo>
                    <a:lnTo>
                      <a:pt x="407" y="92"/>
                    </a:lnTo>
                    <a:lnTo>
                      <a:pt x="409" y="92"/>
                    </a:lnTo>
                    <a:lnTo>
                      <a:pt x="409" y="94"/>
                    </a:lnTo>
                    <a:lnTo>
                      <a:pt x="410" y="94"/>
                    </a:lnTo>
                    <a:lnTo>
                      <a:pt x="414" y="101"/>
                    </a:lnTo>
                    <a:lnTo>
                      <a:pt x="420" y="114"/>
                    </a:lnTo>
                    <a:lnTo>
                      <a:pt x="420" y="116"/>
                    </a:lnTo>
                    <a:lnTo>
                      <a:pt x="433" y="127"/>
                    </a:lnTo>
                    <a:lnTo>
                      <a:pt x="436" y="131"/>
                    </a:lnTo>
                    <a:lnTo>
                      <a:pt x="436" y="135"/>
                    </a:lnTo>
                    <a:lnTo>
                      <a:pt x="434" y="136"/>
                    </a:lnTo>
                    <a:lnTo>
                      <a:pt x="434" y="138"/>
                    </a:lnTo>
                    <a:lnTo>
                      <a:pt x="436" y="138"/>
                    </a:lnTo>
                    <a:lnTo>
                      <a:pt x="438" y="138"/>
                    </a:lnTo>
                    <a:lnTo>
                      <a:pt x="440" y="140"/>
                    </a:lnTo>
                    <a:lnTo>
                      <a:pt x="440" y="142"/>
                    </a:lnTo>
                    <a:lnTo>
                      <a:pt x="442" y="142"/>
                    </a:lnTo>
                    <a:lnTo>
                      <a:pt x="444" y="146"/>
                    </a:lnTo>
                    <a:lnTo>
                      <a:pt x="445" y="144"/>
                    </a:lnTo>
                    <a:lnTo>
                      <a:pt x="449" y="144"/>
                    </a:lnTo>
                    <a:lnTo>
                      <a:pt x="451" y="142"/>
                    </a:lnTo>
                    <a:lnTo>
                      <a:pt x="453" y="142"/>
                    </a:lnTo>
                    <a:lnTo>
                      <a:pt x="455" y="140"/>
                    </a:lnTo>
                    <a:lnTo>
                      <a:pt x="455" y="142"/>
                    </a:lnTo>
                    <a:lnTo>
                      <a:pt x="455" y="140"/>
                    </a:lnTo>
                    <a:lnTo>
                      <a:pt x="457" y="140"/>
                    </a:lnTo>
                    <a:lnTo>
                      <a:pt x="458" y="138"/>
                    </a:lnTo>
                    <a:lnTo>
                      <a:pt x="460" y="138"/>
                    </a:lnTo>
                    <a:lnTo>
                      <a:pt x="462" y="138"/>
                    </a:lnTo>
                    <a:lnTo>
                      <a:pt x="460" y="136"/>
                    </a:lnTo>
                    <a:lnTo>
                      <a:pt x="464" y="135"/>
                    </a:lnTo>
                    <a:lnTo>
                      <a:pt x="466" y="135"/>
                    </a:lnTo>
                    <a:lnTo>
                      <a:pt x="468" y="133"/>
                    </a:lnTo>
                    <a:lnTo>
                      <a:pt x="470" y="131"/>
                    </a:lnTo>
                    <a:lnTo>
                      <a:pt x="468" y="129"/>
                    </a:lnTo>
                    <a:lnTo>
                      <a:pt x="471" y="127"/>
                    </a:lnTo>
                    <a:lnTo>
                      <a:pt x="473" y="125"/>
                    </a:lnTo>
                    <a:lnTo>
                      <a:pt x="475" y="123"/>
                    </a:lnTo>
                    <a:lnTo>
                      <a:pt x="475" y="122"/>
                    </a:lnTo>
                    <a:lnTo>
                      <a:pt x="477" y="122"/>
                    </a:lnTo>
                    <a:lnTo>
                      <a:pt x="479" y="118"/>
                    </a:lnTo>
                    <a:lnTo>
                      <a:pt x="479" y="116"/>
                    </a:lnTo>
                    <a:lnTo>
                      <a:pt x="479" y="114"/>
                    </a:lnTo>
                    <a:lnTo>
                      <a:pt x="481" y="114"/>
                    </a:lnTo>
                    <a:lnTo>
                      <a:pt x="482" y="112"/>
                    </a:lnTo>
                    <a:lnTo>
                      <a:pt x="484" y="112"/>
                    </a:lnTo>
                    <a:lnTo>
                      <a:pt x="486" y="112"/>
                    </a:lnTo>
                    <a:lnTo>
                      <a:pt x="486" y="114"/>
                    </a:lnTo>
                    <a:lnTo>
                      <a:pt x="486" y="116"/>
                    </a:lnTo>
                    <a:lnTo>
                      <a:pt x="486" y="118"/>
                    </a:lnTo>
                    <a:lnTo>
                      <a:pt x="484" y="118"/>
                    </a:lnTo>
                    <a:lnTo>
                      <a:pt x="484" y="120"/>
                    </a:lnTo>
                    <a:lnTo>
                      <a:pt x="484" y="122"/>
                    </a:lnTo>
                    <a:lnTo>
                      <a:pt x="482" y="122"/>
                    </a:lnTo>
                    <a:lnTo>
                      <a:pt x="484" y="122"/>
                    </a:lnTo>
                    <a:lnTo>
                      <a:pt x="482" y="122"/>
                    </a:lnTo>
                    <a:lnTo>
                      <a:pt x="482" y="123"/>
                    </a:lnTo>
                    <a:lnTo>
                      <a:pt x="482" y="125"/>
                    </a:lnTo>
                    <a:lnTo>
                      <a:pt x="482" y="127"/>
                    </a:lnTo>
                    <a:lnTo>
                      <a:pt x="484" y="127"/>
                    </a:lnTo>
                    <a:lnTo>
                      <a:pt x="482" y="127"/>
                    </a:lnTo>
                    <a:lnTo>
                      <a:pt x="484" y="127"/>
                    </a:lnTo>
                    <a:lnTo>
                      <a:pt x="484" y="129"/>
                    </a:lnTo>
                    <a:lnTo>
                      <a:pt x="482" y="129"/>
                    </a:lnTo>
                    <a:lnTo>
                      <a:pt x="484" y="129"/>
                    </a:lnTo>
                    <a:lnTo>
                      <a:pt x="486" y="129"/>
                    </a:lnTo>
                    <a:lnTo>
                      <a:pt x="486" y="131"/>
                    </a:lnTo>
                    <a:lnTo>
                      <a:pt x="488" y="131"/>
                    </a:lnTo>
                    <a:lnTo>
                      <a:pt x="490" y="131"/>
                    </a:lnTo>
                    <a:lnTo>
                      <a:pt x="492" y="131"/>
                    </a:lnTo>
                    <a:lnTo>
                      <a:pt x="494" y="131"/>
                    </a:lnTo>
                    <a:lnTo>
                      <a:pt x="494" y="133"/>
                    </a:lnTo>
                    <a:lnTo>
                      <a:pt x="494" y="131"/>
                    </a:lnTo>
                    <a:lnTo>
                      <a:pt x="494" y="133"/>
                    </a:lnTo>
                    <a:lnTo>
                      <a:pt x="494" y="131"/>
                    </a:lnTo>
                    <a:lnTo>
                      <a:pt x="495" y="133"/>
                    </a:lnTo>
                    <a:lnTo>
                      <a:pt x="495" y="131"/>
                    </a:lnTo>
                    <a:lnTo>
                      <a:pt x="497" y="131"/>
                    </a:lnTo>
                    <a:lnTo>
                      <a:pt x="497" y="129"/>
                    </a:lnTo>
                    <a:lnTo>
                      <a:pt x="499" y="129"/>
                    </a:lnTo>
                    <a:lnTo>
                      <a:pt x="501" y="129"/>
                    </a:lnTo>
                    <a:lnTo>
                      <a:pt x="503" y="129"/>
                    </a:lnTo>
                    <a:lnTo>
                      <a:pt x="505" y="129"/>
                    </a:lnTo>
                    <a:lnTo>
                      <a:pt x="503" y="131"/>
                    </a:lnTo>
                    <a:lnTo>
                      <a:pt x="503" y="133"/>
                    </a:lnTo>
                    <a:lnTo>
                      <a:pt x="501" y="133"/>
                    </a:lnTo>
                    <a:lnTo>
                      <a:pt x="501" y="135"/>
                    </a:lnTo>
                    <a:lnTo>
                      <a:pt x="501" y="136"/>
                    </a:lnTo>
                    <a:lnTo>
                      <a:pt x="499" y="138"/>
                    </a:lnTo>
                    <a:lnTo>
                      <a:pt x="499" y="140"/>
                    </a:lnTo>
                    <a:lnTo>
                      <a:pt x="501" y="140"/>
                    </a:lnTo>
                    <a:lnTo>
                      <a:pt x="503" y="140"/>
                    </a:lnTo>
                    <a:lnTo>
                      <a:pt x="503" y="142"/>
                    </a:lnTo>
                    <a:lnTo>
                      <a:pt x="505" y="142"/>
                    </a:lnTo>
                    <a:lnTo>
                      <a:pt x="503" y="142"/>
                    </a:lnTo>
                    <a:lnTo>
                      <a:pt x="503" y="144"/>
                    </a:lnTo>
                    <a:lnTo>
                      <a:pt x="503" y="146"/>
                    </a:lnTo>
                    <a:lnTo>
                      <a:pt x="503" y="148"/>
                    </a:lnTo>
                    <a:lnTo>
                      <a:pt x="503" y="149"/>
                    </a:lnTo>
                    <a:lnTo>
                      <a:pt x="503" y="151"/>
                    </a:lnTo>
                    <a:lnTo>
                      <a:pt x="505" y="151"/>
                    </a:lnTo>
                    <a:lnTo>
                      <a:pt x="505" y="153"/>
                    </a:lnTo>
                    <a:lnTo>
                      <a:pt x="505" y="155"/>
                    </a:lnTo>
                    <a:lnTo>
                      <a:pt x="505" y="157"/>
                    </a:lnTo>
                    <a:lnTo>
                      <a:pt x="503" y="157"/>
                    </a:lnTo>
                    <a:lnTo>
                      <a:pt x="503" y="159"/>
                    </a:lnTo>
                    <a:lnTo>
                      <a:pt x="501" y="162"/>
                    </a:lnTo>
                    <a:lnTo>
                      <a:pt x="499" y="164"/>
                    </a:lnTo>
                    <a:lnTo>
                      <a:pt x="497" y="168"/>
                    </a:lnTo>
                    <a:lnTo>
                      <a:pt x="495" y="170"/>
                    </a:lnTo>
                    <a:lnTo>
                      <a:pt x="494" y="172"/>
                    </a:lnTo>
                    <a:lnTo>
                      <a:pt x="494" y="173"/>
                    </a:lnTo>
                    <a:lnTo>
                      <a:pt x="490" y="179"/>
                    </a:lnTo>
                    <a:lnTo>
                      <a:pt x="488" y="183"/>
                    </a:lnTo>
                    <a:lnTo>
                      <a:pt x="484" y="188"/>
                    </a:lnTo>
                    <a:lnTo>
                      <a:pt x="484" y="190"/>
                    </a:lnTo>
                    <a:lnTo>
                      <a:pt x="482" y="192"/>
                    </a:lnTo>
                    <a:lnTo>
                      <a:pt x="481" y="194"/>
                    </a:lnTo>
                    <a:lnTo>
                      <a:pt x="479" y="194"/>
                    </a:lnTo>
                    <a:lnTo>
                      <a:pt x="477" y="196"/>
                    </a:lnTo>
                    <a:lnTo>
                      <a:pt x="475" y="196"/>
                    </a:lnTo>
                    <a:lnTo>
                      <a:pt x="475" y="197"/>
                    </a:lnTo>
                    <a:lnTo>
                      <a:pt x="473" y="197"/>
                    </a:lnTo>
                    <a:lnTo>
                      <a:pt x="473" y="199"/>
                    </a:lnTo>
                    <a:lnTo>
                      <a:pt x="470" y="201"/>
                    </a:lnTo>
                    <a:lnTo>
                      <a:pt x="468" y="203"/>
                    </a:lnTo>
                    <a:lnTo>
                      <a:pt x="466" y="203"/>
                    </a:lnTo>
                    <a:lnTo>
                      <a:pt x="464" y="205"/>
                    </a:lnTo>
                    <a:lnTo>
                      <a:pt x="464" y="207"/>
                    </a:lnTo>
                    <a:lnTo>
                      <a:pt x="462" y="207"/>
                    </a:lnTo>
                    <a:lnTo>
                      <a:pt x="460" y="209"/>
                    </a:lnTo>
                    <a:lnTo>
                      <a:pt x="458" y="210"/>
                    </a:lnTo>
                    <a:lnTo>
                      <a:pt x="457" y="210"/>
                    </a:lnTo>
                    <a:lnTo>
                      <a:pt x="457" y="212"/>
                    </a:lnTo>
                    <a:lnTo>
                      <a:pt x="455" y="212"/>
                    </a:lnTo>
                    <a:lnTo>
                      <a:pt x="453" y="212"/>
                    </a:lnTo>
                    <a:lnTo>
                      <a:pt x="451" y="212"/>
                    </a:lnTo>
                    <a:lnTo>
                      <a:pt x="449" y="214"/>
                    </a:lnTo>
                    <a:lnTo>
                      <a:pt x="447" y="214"/>
                    </a:lnTo>
                    <a:lnTo>
                      <a:pt x="445" y="214"/>
                    </a:lnTo>
                    <a:lnTo>
                      <a:pt x="445" y="216"/>
                    </a:lnTo>
                    <a:lnTo>
                      <a:pt x="444" y="216"/>
                    </a:lnTo>
                    <a:lnTo>
                      <a:pt x="444" y="214"/>
                    </a:lnTo>
                    <a:lnTo>
                      <a:pt x="442" y="214"/>
                    </a:lnTo>
                    <a:lnTo>
                      <a:pt x="442" y="216"/>
                    </a:lnTo>
                    <a:lnTo>
                      <a:pt x="440" y="216"/>
                    </a:lnTo>
                    <a:lnTo>
                      <a:pt x="438" y="218"/>
                    </a:lnTo>
                    <a:lnTo>
                      <a:pt x="436" y="218"/>
                    </a:lnTo>
                    <a:lnTo>
                      <a:pt x="434" y="218"/>
                    </a:lnTo>
                    <a:lnTo>
                      <a:pt x="434" y="220"/>
                    </a:lnTo>
                    <a:lnTo>
                      <a:pt x="433" y="220"/>
                    </a:lnTo>
                    <a:lnTo>
                      <a:pt x="431" y="220"/>
                    </a:lnTo>
                    <a:lnTo>
                      <a:pt x="431" y="221"/>
                    </a:lnTo>
                    <a:lnTo>
                      <a:pt x="429" y="221"/>
                    </a:lnTo>
                    <a:lnTo>
                      <a:pt x="427" y="221"/>
                    </a:lnTo>
                    <a:lnTo>
                      <a:pt x="427" y="223"/>
                    </a:lnTo>
                    <a:lnTo>
                      <a:pt x="425" y="223"/>
                    </a:lnTo>
                    <a:lnTo>
                      <a:pt x="423" y="223"/>
                    </a:lnTo>
                    <a:lnTo>
                      <a:pt x="423" y="225"/>
                    </a:lnTo>
                    <a:lnTo>
                      <a:pt x="423" y="227"/>
                    </a:lnTo>
                    <a:lnTo>
                      <a:pt x="421" y="227"/>
                    </a:lnTo>
                    <a:lnTo>
                      <a:pt x="420" y="229"/>
                    </a:lnTo>
                    <a:lnTo>
                      <a:pt x="418" y="229"/>
                    </a:lnTo>
                    <a:lnTo>
                      <a:pt x="418" y="231"/>
                    </a:lnTo>
                    <a:lnTo>
                      <a:pt x="418" y="233"/>
                    </a:lnTo>
                    <a:lnTo>
                      <a:pt x="416" y="233"/>
                    </a:lnTo>
                    <a:lnTo>
                      <a:pt x="414" y="231"/>
                    </a:lnTo>
                    <a:lnTo>
                      <a:pt x="414" y="229"/>
                    </a:lnTo>
                    <a:lnTo>
                      <a:pt x="412" y="229"/>
                    </a:lnTo>
                    <a:lnTo>
                      <a:pt x="410" y="229"/>
                    </a:lnTo>
                    <a:lnTo>
                      <a:pt x="412" y="233"/>
                    </a:lnTo>
                    <a:lnTo>
                      <a:pt x="410" y="233"/>
                    </a:lnTo>
                    <a:lnTo>
                      <a:pt x="409" y="233"/>
                    </a:lnTo>
                    <a:lnTo>
                      <a:pt x="407" y="233"/>
                    </a:lnTo>
                    <a:lnTo>
                      <a:pt x="405" y="233"/>
                    </a:lnTo>
                    <a:lnTo>
                      <a:pt x="407" y="233"/>
                    </a:lnTo>
                    <a:lnTo>
                      <a:pt x="405" y="233"/>
                    </a:lnTo>
                    <a:lnTo>
                      <a:pt x="405" y="231"/>
                    </a:lnTo>
                    <a:lnTo>
                      <a:pt x="405" y="233"/>
                    </a:lnTo>
                    <a:lnTo>
                      <a:pt x="403" y="233"/>
                    </a:lnTo>
                    <a:lnTo>
                      <a:pt x="403" y="231"/>
                    </a:lnTo>
                    <a:lnTo>
                      <a:pt x="401" y="231"/>
                    </a:lnTo>
                    <a:lnTo>
                      <a:pt x="399" y="231"/>
                    </a:lnTo>
                    <a:lnTo>
                      <a:pt x="399" y="229"/>
                    </a:lnTo>
                    <a:lnTo>
                      <a:pt x="397" y="229"/>
                    </a:lnTo>
                    <a:lnTo>
                      <a:pt x="396" y="229"/>
                    </a:lnTo>
                    <a:lnTo>
                      <a:pt x="396" y="231"/>
                    </a:lnTo>
                    <a:lnTo>
                      <a:pt x="394" y="231"/>
                    </a:lnTo>
                    <a:lnTo>
                      <a:pt x="392" y="233"/>
                    </a:lnTo>
                    <a:lnTo>
                      <a:pt x="390" y="233"/>
                    </a:lnTo>
                    <a:lnTo>
                      <a:pt x="390" y="234"/>
                    </a:lnTo>
                    <a:lnTo>
                      <a:pt x="388" y="234"/>
                    </a:lnTo>
                    <a:lnTo>
                      <a:pt x="386" y="234"/>
                    </a:lnTo>
                    <a:lnTo>
                      <a:pt x="386" y="236"/>
                    </a:lnTo>
                    <a:lnTo>
                      <a:pt x="388" y="236"/>
                    </a:lnTo>
                    <a:lnTo>
                      <a:pt x="386" y="236"/>
                    </a:lnTo>
                    <a:lnTo>
                      <a:pt x="386" y="238"/>
                    </a:lnTo>
                    <a:lnTo>
                      <a:pt x="384" y="238"/>
                    </a:lnTo>
                    <a:lnTo>
                      <a:pt x="383" y="238"/>
                    </a:lnTo>
                    <a:lnTo>
                      <a:pt x="383" y="240"/>
                    </a:lnTo>
                    <a:lnTo>
                      <a:pt x="381" y="240"/>
                    </a:lnTo>
                    <a:lnTo>
                      <a:pt x="379" y="240"/>
                    </a:lnTo>
                    <a:lnTo>
                      <a:pt x="379" y="242"/>
                    </a:lnTo>
                    <a:lnTo>
                      <a:pt x="379" y="244"/>
                    </a:lnTo>
                    <a:lnTo>
                      <a:pt x="377" y="244"/>
                    </a:lnTo>
                    <a:lnTo>
                      <a:pt x="377" y="246"/>
                    </a:lnTo>
                    <a:lnTo>
                      <a:pt x="375" y="246"/>
                    </a:lnTo>
                    <a:lnTo>
                      <a:pt x="373" y="244"/>
                    </a:lnTo>
                    <a:lnTo>
                      <a:pt x="373" y="246"/>
                    </a:lnTo>
                    <a:lnTo>
                      <a:pt x="372" y="246"/>
                    </a:lnTo>
                    <a:lnTo>
                      <a:pt x="372" y="247"/>
                    </a:lnTo>
                    <a:lnTo>
                      <a:pt x="372" y="249"/>
                    </a:lnTo>
                    <a:lnTo>
                      <a:pt x="370" y="249"/>
                    </a:lnTo>
                    <a:lnTo>
                      <a:pt x="370" y="251"/>
                    </a:lnTo>
                    <a:lnTo>
                      <a:pt x="370" y="253"/>
                    </a:lnTo>
                    <a:lnTo>
                      <a:pt x="368" y="253"/>
                    </a:lnTo>
                    <a:lnTo>
                      <a:pt x="368" y="255"/>
                    </a:lnTo>
                    <a:lnTo>
                      <a:pt x="368" y="253"/>
                    </a:lnTo>
                    <a:lnTo>
                      <a:pt x="366" y="253"/>
                    </a:lnTo>
                    <a:lnTo>
                      <a:pt x="366" y="255"/>
                    </a:lnTo>
                    <a:lnTo>
                      <a:pt x="364" y="255"/>
                    </a:lnTo>
                    <a:lnTo>
                      <a:pt x="364" y="257"/>
                    </a:lnTo>
                    <a:lnTo>
                      <a:pt x="362" y="257"/>
                    </a:lnTo>
                    <a:lnTo>
                      <a:pt x="360" y="257"/>
                    </a:lnTo>
                    <a:lnTo>
                      <a:pt x="359" y="257"/>
                    </a:lnTo>
                    <a:lnTo>
                      <a:pt x="357" y="257"/>
                    </a:lnTo>
                    <a:lnTo>
                      <a:pt x="357" y="258"/>
                    </a:lnTo>
                    <a:lnTo>
                      <a:pt x="355" y="258"/>
                    </a:lnTo>
                    <a:lnTo>
                      <a:pt x="355" y="260"/>
                    </a:lnTo>
                    <a:lnTo>
                      <a:pt x="353" y="260"/>
                    </a:lnTo>
                    <a:lnTo>
                      <a:pt x="355" y="260"/>
                    </a:lnTo>
                    <a:lnTo>
                      <a:pt x="355" y="262"/>
                    </a:lnTo>
                    <a:lnTo>
                      <a:pt x="353" y="262"/>
                    </a:lnTo>
                    <a:lnTo>
                      <a:pt x="353" y="264"/>
                    </a:lnTo>
                    <a:lnTo>
                      <a:pt x="351" y="264"/>
                    </a:lnTo>
                    <a:lnTo>
                      <a:pt x="349" y="266"/>
                    </a:lnTo>
                    <a:lnTo>
                      <a:pt x="349" y="268"/>
                    </a:lnTo>
                    <a:lnTo>
                      <a:pt x="348" y="270"/>
                    </a:lnTo>
                    <a:lnTo>
                      <a:pt x="346" y="270"/>
                    </a:lnTo>
                    <a:lnTo>
                      <a:pt x="346" y="271"/>
                    </a:lnTo>
                    <a:lnTo>
                      <a:pt x="346" y="273"/>
                    </a:lnTo>
                    <a:lnTo>
                      <a:pt x="344" y="275"/>
                    </a:lnTo>
                    <a:lnTo>
                      <a:pt x="342" y="275"/>
                    </a:lnTo>
                    <a:lnTo>
                      <a:pt x="342" y="273"/>
                    </a:lnTo>
                    <a:lnTo>
                      <a:pt x="340" y="273"/>
                    </a:lnTo>
                    <a:lnTo>
                      <a:pt x="340" y="275"/>
                    </a:lnTo>
                    <a:lnTo>
                      <a:pt x="338" y="275"/>
                    </a:lnTo>
                    <a:lnTo>
                      <a:pt x="338" y="277"/>
                    </a:lnTo>
                    <a:lnTo>
                      <a:pt x="336" y="277"/>
                    </a:lnTo>
                    <a:lnTo>
                      <a:pt x="336" y="279"/>
                    </a:lnTo>
                    <a:lnTo>
                      <a:pt x="335" y="279"/>
                    </a:lnTo>
                    <a:lnTo>
                      <a:pt x="333" y="279"/>
                    </a:lnTo>
                    <a:lnTo>
                      <a:pt x="333" y="281"/>
                    </a:lnTo>
                    <a:lnTo>
                      <a:pt x="333" y="279"/>
                    </a:lnTo>
                    <a:lnTo>
                      <a:pt x="331" y="279"/>
                    </a:lnTo>
                    <a:lnTo>
                      <a:pt x="331" y="281"/>
                    </a:lnTo>
                    <a:lnTo>
                      <a:pt x="329" y="281"/>
                    </a:lnTo>
                    <a:lnTo>
                      <a:pt x="329" y="283"/>
                    </a:lnTo>
                    <a:lnTo>
                      <a:pt x="329" y="284"/>
                    </a:lnTo>
                    <a:lnTo>
                      <a:pt x="327" y="284"/>
                    </a:lnTo>
                    <a:lnTo>
                      <a:pt x="329" y="286"/>
                    </a:lnTo>
                    <a:lnTo>
                      <a:pt x="327" y="288"/>
                    </a:lnTo>
                    <a:lnTo>
                      <a:pt x="327" y="290"/>
                    </a:lnTo>
                    <a:lnTo>
                      <a:pt x="327" y="292"/>
                    </a:lnTo>
                    <a:lnTo>
                      <a:pt x="327" y="294"/>
                    </a:lnTo>
                    <a:lnTo>
                      <a:pt x="329" y="294"/>
                    </a:lnTo>
                    <a:lnTo>
                      <a:pt x="329" y="303"/>
                    </a:lnTo>
                    <a:lnTo>
                      <a:pt x="331" y="310"/>
                    </a:lnTo>
                    <a:lnTo>
                      <a:pt x="329" y="310"/>
                    </a:lnTo>
                    <a:lnTo>
                      <a:pt x="325" y="314"/>
                    </a:lnTo>
                    <a:lnTo>
                      <a:pt x="323" y="316"/>
                    </a:lnTo>
                    <a:lnTo>
                      <a:pt x="318" y="320"/>
                    </a:lnTo>
                    <a:lnTo>
                      <a:pt x="316" y="321"/>
                    </a:lnTo>
                    <a:lnTo>
                      <a:pt x="314" y="323"/>
                    </a:lnTo>
                    <a:lnTo>
                      <a:pt x="312" y="325"/>
                    </a:lnTo>
                    <a:lnTo>
                      <a:pt x="311" y="327"/>
                    </a:lnTo>
                    <a:lnTo>
                      <a:pt x="307" y="327"/>
                    </a:lnTo>
                    <a:lnTo>
                      <a:pt x="305" y="329"/>
                    </a:lnTo>
                    <a:lnTo>
                      <a:pt x="301" y="329"/>
                    </a:lnTo>
                    <a:lnTo>
                      <a:pt x="299" y="329"/>
                    </a:lnTo>
                    <a:lnTo>
                      <a:pt x="296" y="332"/>
                    </a:lnTo>
                    <a:lnTo>
                      <a:pt x="292" y="332"/>
                    </a:lnTo>
                    <a:lnTo>
                      <a:pt x="288" y="334"/>
                    </a:lnTo>
                    <a:lnTo>
                      <a:pt x="287" y="336"/>
                    </a:lnTo>
                    <a:lnTo>
                      <a:pt x="285" y="336"/>
                    </a:lnTo>
                    <a:lnTo>
                      <a:pt x="281" y="338"/>
                    </a:lnTo>
                    <a:lnTo>
                      <a:pt x="277" y="340"/>
                    </a:lnTo>
                    <a:lnTo>
                      <a:pt x="275" y="342"/>
                    </a:lnTo>
                    <a:lnTo>
                      <a:pt x="274" y="342"/>
                    </a:lnTo>
                    <a:lnTo>
                      <a:pt x="270" y="347"/>
                    </a:lnTo>
                    <a:lnTo>
                      <a:pt x="272" y="349"/>
                    </a:lnTo>
                    <a:lnTo>
                      <a:pt x="268" y="353"/>
                    </a:lnTo>
                    <a:lnTo>
                      <a:pt x="266" y="351"/>
                    </a:lnTo>
                    <a:lnTo>
                      <a:pt x="264" y="351"/>
                    </a:lnTo>
                    <a:lnTo>
                      <a:pt x="264" y="349"/>
                    </a:lnTo>
                    <a:lnTo>
                      <a:pt x="264" y="347"/>
                    </a:lnTo>
                    <a:lnTo>
                      <a:pt x="264" y="349"/>
                    </a:lnTo>
                    <a:lnTo>
                      <a:pt x="262" y="349"/>
                    </a:lnTo>
                    <a:lnTo>
                      <a:pt x="262" y="351"/>
                    </a:lnTo>
                    <a:lnTo>
                      <a:pt x="262" y="353"/>
                    </a:lnTo>
                    <a:lnTo>
                      <a:pt x="261" y="353"/>
                    </a:lnTo>
                    <a:lnTo>
                      <a:pt x="259" y="355"/>
                    </a:lnTo>
                    <a:lnTo>
                      <a:pt x="257" y="355"/>
                    </a:lnTo>
                    <a:lnTo>
                      <a:pt x="257" y="357"/>
                    </a:lnTo>
                    <a:lnTo>
                      <a:pt x="255" y="357"/>
                    </a:lnTo>
                    <a:lnTo>
                      <a:pt x="255" y="358"/>
                    </a:lnTo>
                    <a:lnTo>
                      <a:pt x="251" y="360"/>
                    </a:lnTo>
                    <a:lnTo>
                      <a:pt x="250" y="358"/>
                    </a:lnTo>
                    <a:lnTo>
                      <a:pt x="248" y="360"/>
                    </a:lnTo>
                    <a:lnTo>
                      <a:pt x="248" y="362"/>
                    </a:lnTo>
                    <a:lnTo>
                      <a:pt x="246" y="362"/>
                    </a:lnTo>
                    <a:lnTo>
                      <a:pt x="244" y="362"/>
                    </a:lnTo>
                    <a:lnTo>
                      <a:pt x="242" y="360"/>
                    </a:lnTo>
                    <a:lnTo>
                      <a:pt x="240" y="360"/>
                    </a:lnTo>
                    <a:lnTo>
                      <a:pt x="240" y="358"/>
                    </a:lnTo>
                    <a:lnTo>
                      <a:pt x="238" y="358"/>
                    </a:lnTo>
                    <a:lnTo>
                      <a:pt x="237" y="358"/>
                    </a:lnTo>
                    <a:lnTo>
                      <a:pt x="237" y="357"/>
                    </a:lnTo>
                    <a:lnTo>
                      <a:pt x="235" y="357"/>
                    </a:lnTo>
                    <a:lnTo>
                      <a:pt x="233" y="357"/>
                    </a:lnTo>
                    <a:lnTo>
                      <a:pt x="231" y="357"/>
                    </a:lnTo>
                    <a:lnTo>
                      <a:pt x="229" y="357"/>
                    </a:lnTo>
                    <a:lnTo>
                      <a:pt x="227" y="357"/>
                    </a:lnTo>
                    <a:lnTo>
                      <a:pt x="226" y="357"/>
                    </a:lnTo>
                    <a:lnTo>
                      <a:pt x="226" y="355"/>
                    </a:lnTo>
                    <a:lnTo>
                      <a:pt x="224" y="355"/>
                    </a:lnTo>
                    <a:lnTo>
                      <a:pt x="224" y="357"/>
                    </a:lnTo>
                    <a:lnTo>
                      <a:pt x="222" y="357"/>
                    </a:lnTo>
                    <a:lnTo>
                      <a:pt x="220" y="357"/>
                    </a:lnTo>
                    <a:lnTo>
                      <a:pt x="218" y="357"/>
                    </a:lnTo>
                    <a:lnTo>
                      <a:pt x="218" y="355"/>
                    </a:lnTo>
                    <a:lnTo>
                      <a:pt x="216" y="355"/>
                    </a:lnTo>
                    <a:lnTo>
                      <a:pt x="214" y="355"/>
                    </a:lnTo>
                    <a:lnTo>
                      <a:pt x="213" y="355"/>
                    </a:lnTo>
                    <a:lnTo>
                      <a:pt x="213" y="353"/>
                    </a:lnTo>
                    <a:lnTo>
                      <a:pt x="211" y="353"/>
                    </a:lnTo>
                    <a:lnTo>
                      <a:pt x="209" y="353"/>
                    </a:lnTo>
                    <a:lnTo>
                      <a:pt x="207" y="353"/>
                    </a:lnTo>
                    <a:lnTo>
                      <a:pt x="205" y="353"/>
                    </a:lnTo>
                    <a:lnTo>
                      <a:pt x="203" y="353"/>
                    </a:lnTo>
                    <a:lnTo>
                      <a:pt x="201" y="353"/>
                    </a:lnTo>
                    <a:lnTo>
                      <a:pt x="198" y="344"/>
                    </a:lnTo>
                    <a:lnTo>
                      <a:pt x="198" y="342"/>
                    </a:lnTo>
                    <a:lnTo>
                      <a:pt x="196" y="342"/>
                    </a:lnTo>
                    <a:lnTo>
                      <a:pt x="196" y="340"/>
                    </a:lnTo>
                    <a:lnTo>
                      <a:pt x="194" y="338"/>
                    </a:lnTo>
                    <a:lnTo>
                      <a:pt x="192" y="336"/>
                    </a:lnTo>
                    <a:lnTo>
                      <a:pt x="179" y="340"/>
                    </a:lnTo>
                    <a:lnTo>
                      <a:pt x="168" y="344"/>
                    </a:lnTo>
                    <a:lnTo>
                      <a:pt x="168" y="342"/>
                    </a:lnTo>
                    <a:lnTo>
                      <a:pt x="166" y="340"/>
                    </a:lnTo>
                    <a:lnTo>
                      <a:pt x="150" y="338"/>
                    </a:lnTo>
                    <a:lnTo>
                      <a:pt x="137" y="336"/>
                    </a:lnTo>
                    <a:lnTo>
                      <a:pt x="131" y="345"/>
                    </a:lnTo>
                    <a:lnTo>
                      <a:pt x="129" y="351"/>
                    </a:lnTo>
                    <a:lnTo>
                      <a:pt x="129" y="355"/>
                    </a:lnTo>
                    <a:lnTo>
                      <a:pt x="129" y="357"/>
                    </a:lnTo>
                    <a:lnTo>
                      <a:pt x="126" y="360"/>
                    </a:lnTo>
                    <a:lnTo>
                      <a:pt x="124" y="357"/>
                    </a:lnTo>
                    <a:lnTo>
                      <a:pt x="122" y="357"/>
                    </a:lnTo>
                    <a:lnTo>
                      <a:pt x="122" y="358"/>
                    </a:lnTo>
                    <a:lnTo>
                      <a:pt x="122" y="360"/>
                    </a:lnTo>
                    <a:lnTo>
                      <a:pt x="120" y="360"/>
                    </a:lnTo>
                    <a:lnTo>
                      <a:pt x="118" y="360"/>
                    </a:lnTo>
                    <a:lnTo>
                      <a:pt x="118" y="362"/>
                    </a:lnTo>
                    <a:lnTo>
                      <a:pt x="116" y="362"/>
                    </a:lnTo>
                    <a:lnTo>
                      <a:pt x="116" y="364"/>
                    </a:lnTo>
                    <a:lnTo>
                      <a:pt x="115" y="364"/>
                    </a:lnTo>
                    <a:lnTo>
                      <a:pt x="115" y="366"/>
                    </a:lnTo>
                    <a:lnTo>
                      <a:pt x="113" y="368"/>
                    </a:lnTo>
                    <a:lnTo>
                      <a:pt x="113" y="369"/>
                    </a:lnTo>
                    <a:lnTo>
                      <a:pt x="113" y="371"/>
                    </a:lnTo>
                    <a:lnTo>
                      <a:pt x="113" y="369"/>
                    </a:lnTo>
                    <a:lnTo>
                      <a:pt x="111" y="369"/>
                    </a:lnTo>
                    <a:lnTo>
                      <a:pt x="111" y="368"/>
                    </a:lnTo>
                    <a:lnTo>
                      <a:pt x="111" y="366"/>
                    </a:lnTo>
                    <a:lnTo>
                      <a:pt x="111" y="368"/>
                    </a:lnTo>
                    <a:lnTo>
                      <a:pt x="109" y="368"/>
                    </a:lnTo>
                    <a:lnTo>
                      <a:pt x="109" y="366"/>
                    </a:lnTo>
                    <a:lnTo>
                      <a:pt x="111" y="366"/>
                    </a:lnTo>
                    <a:lnTo>
                      <a:pt x="109" y="366"/>
                    </a:lnTo>
                    <a:lnTo>
                      <a:pt x="109" y="364"/>
                    </a:lnTo>
                    <a:lnTo>
                      <a:pt x="111" y="364"/>
                    </a:lnTo>
                    <a:lnTo>
                      <a:pt x="109" y="364"/>
                    </a:lnTo>
                    <a:lnTo>
                      <a:pt x="109" y="362"/>
                    </a:lnTo>
                    <a:lnTo>
                      <a:pt x="107" y="362"/>
                    </a:lnTo>
                    <a:lnTo>
                      <a:pt x="107" y="364"/>
                    </a:lnTo>
                    <a:lnTo>
                      <a:pt x="107" y="362"/>
                    </a:lnTo>
                    <a:lnTo>
                      <a:pt x="107" y="360"/>
                    </a:lnTo>
                    <a:lnTo>
                      <a:pt x="105" y="360"/>
                    </a:lnTo>
                    <a:lnTo>
                      <a:pt x="105" y="362"/>
                    </a:lnTo>
                    <a:lnTo>
                      <a:pt x="105" y="360"/>
                    </a:lnTo>
                    <a:lnTo>
                      <a:pt x="104" y="360"/>
                    </a:lnTo>
                    <a:lnTo>
                      <a:pt x="104" y="358"/>
                    </a:lnTo>
                    <a:lnTo>
                      <a:pt x="102" y="358"/>
                    </a:lnTo>
                    <a:lnTo>
                      <a:pt x="102" y="360"/>
                    </a:lnTo>
                    <a:lnTo>
                      <a:pt x="100" y="360"/>
                    </a:lnTo>
                    <a:lnTo>
                      <a:pt x="100" y="358"/>
                    </a:lnTo>
                    <a:lnTo>
                      <a:pt x="98" y="358"/>
                    </a:lnTo>
                    <a:lnTo>
                      <a:pt x="96" y="358"/>
                    </a:lnTo>
                    <a:lnTo>
                      <a:pt x="96" y="357"/>
                    </a:lnTo>
                    <a:lnTo>
                      <a:pt x="94" y="357"/>
                    </a:lnTo>
                    <a:lnTo>
                      <a:pt x="92" y="357"/>
                    </a:lnTo>
                    <a:lnTo>
                      <a:pt x="92" y="355"/>
                    </a:lnTo>
                    <a:lnTo>
                      <a:pt x="91" y="355"/>
                    </a:lnTo>
                    <a:lnTo>
                      <a:pt x="89" y="355"/>
                    </a:lnTo>
                    <a:lnTo>
                      <a:pt x="87" y="353"/>
                    </a:lnTo>
                    <a:lnTo>
                      <a:pt x="85" y="353"/>
                    </a:lnTo>
                    <a:lnTo>
                      <a:pt x="83" y="353"/>
                    </a:lnTo>
                    <a:lnTo>
                      <a:pt x="83" y="355"/>
                    </a:lnTo>
                    <a:lnTo>
                      <a:pt x="81" y="355"/>
                    </a:lnTo>
                    <a:lnTo>
                      <a:pt x="79" y="355"/>
                    </a:lnTo>
                    <a:lnTo>
                      <a:pt x="78" y="355"/>
                    </a:lnTo>
                    <a:lnTo>
                      <a:pt x="76" y="355"/>
                    </a:lnTo>
                    <a:lnTo>
                      <a:pt x="76" y="353"/>
                    </a:lnTo>
                    <a:lnTo>
                      <a:pt x="74" y="353"/>
                    </a:lnTo>
                    <a:lnTo>
                      <a:pt x="74" y="355"/>
                    </a:lnTo>
                    <a:lnTo>
                      <a:pt x="72" y="355"/>
                    </a:lnTo>
                    <a:lnTo>
                      <a:pt x="70" y="355"/>
                    </a:lnTo>
                    <a:lnTo>
                      <a:pt x="68" y="355"/>
                    </a:lnTo>
                    <a:lnTo>
                      <a:pt x="67" y="355"/>
                    </a:lnTo>
                    <a:lnTo>
                      <a:pt x="65" y="355"/>
                    </a:lnTo>
                    <a:lnTo>
                      <a:pt x="65" y="353"/>
                    </a:lnTo>
                    <a:lnTo>
                      <a:pt x="63" y="353"/>
                    </a:lnTo>
                    <a:lnTo>
                      <a:pt x="61" y="353"/>
                    </a:lnTo>
                    <a:lnTo>
                      <a:pt x="59" y="353"/>
                    </a:lnTo>
                    <a:lnTo>
                      <a:pt x="57" y="351"/>
                    </a:lnTo>
                    <a:lnTo>
                      <a:pt x="55" y="351"/>
                    </a:lnTo>
                    <a:lnTo>
                      <a:pt x="55" y="349"/>
                    </a:lnTo>
                    <a:lnTo>
                      <a:pt x="54" y="349"/>
                    </a:lnTo>
                    <a:lnTo>
                      <a:pt x="54" y="351"/>
                    </a:lnTo>
                    <a:lnTo>
                      <a:pt x="52" y="351"/>
                    </a:lnTo>
                    <a:lnTo>
                      <a:pt x="50" y="351"/>
                    </a:lnTo>
                    <a:lnTo>
                      <a:pt x="48" y="351"/>
                    </a:lnTo>
                    <a:lnTo>
                      <a:pt x="46" y="351"/>
                    </a:lnTo>
                    <a:lnTo>
                      <a:pt x="46" y="353"/>
                    </a:lnTo>
                    <a:lnTo>
                      <a:pt x="44" y="353"/>
                    </a:lnTo>
                    <a:lnTo>
                      <a:pt x="43" y="353"/>
                    </a:lnTo>
                    <a:lnTo>
                      <a:pt x="43" y="351"/>
                    </a:lnTo>
                    <a:lnTo>
                      <a:pt x="41" y="351"/>
                    </a:lnTo>
                    <a:lnTo>
                      <a:pt x="41" y="353"/>
                    </a:lnTo>
                    <a:lnTo>
                      <a:pt x="39" y="353"/>
                    </a:lnTo>
                    <a:lnTo>
                      <a:pt x="37" y="355"/>
                    </a:lnTo>
                    <a:lnTo>
                      <a:pt x="39" y="357"/>
                    </a:lnTo>
                    <a:lnTo>
                      <a:pt x="39" y="358"/>
                    </a:lnTo>
                    <a:lnTo>
                      <a:pt x="37" y="360"/>
                    </a:lnTo>
                    <a:lnTo>
                      <a:pt x="37" y="364"/>
                    </a:lnTo>
                    <a:lnTo>
                      <a:pt x="35" y="366"/>
                    </a:lnTo>
                    <a:lnTo>
                      <a:pt x="33" y="366"/>
                    </a:lnTo>
                    <a:lnTo>
                      <a:pt x="33" y="368"/>
                    </a:lnTo>
                    <a:lnTo>
                      <a:pt x="31" y="371"/>
                    </a:lnTo>
                    <a:lnTo>
                      <a:pt x="30" y="371"/>
                    </a:lnTo>
                    <a:lnTo>
                      <a:pt x="28" y="373"/>
                    </a:lnTo>
                    <a:lnTo>
                      <a:pt x="26" y="373"/>
                    </a:lnTo>
                    <a:lnTo>
                      <a:pt x="24" y="375"/>
                    </a:lnTo>
                    <a:lnTo>
                      <a:pt x="22" y="375"/>
                    </a:lnTo>
                    <a:lnTo>
                      <a:pt x="20" y="375"/>
                    </a:lnTo>
                    <a:lnTo>
                      <a:pt x="18" y="375"/>
                    </a:lnTo>
                    <a:lnTo>
                      <a:pt x="18" y="377"/>
                    </a:lnTo>
                    <a:lnTo>
                      <a:pt x="17" y="377"/>
                    </a:lnTo>
                    <a:lnTo>
                      <a:pt x="15" y="377"/>
                    </a:lnTo>
                    <a:lnTo>
                      <a:pt x="15" y="379"/>
                    </a:lnTo>
                    <a:lnTo>
                      <a:pt x="13" y="379"/>
                    </a:lnTo>
                    <a:lnTo>
                      <a:pt x="11" y="377"/>
                    </a:lnTo>
                    <a:lnTo>
                      <a:pt x="9" y="377"/>
                    </a:lnTo>
                    <a:lnTo>
                      <a:pt x="7" y="377"/>
                    </a:lnTo>
                    <a:lnTo>
                      <a:pt x="6" y="379"/>
                    </a:lnTo>
                    <a:lnTo>
                      <a:pt x="4" y="379"/>
                    </a:lnTo>
                    <a:lnTo>
                      <a:pt x="2" y="381"/>
                    </a:lnTo>
                    <a:lnTo>
                      <a:pt x="0" y="375"/>
                    </a:lnTo>
                    <a:lnTo>
                      <a:pt x="0" y="373"/>
                    </a:lnTo>
                    <a:lnTo>
                      <a:pt x="2" y="371"/>
                    </a:lnTo>
                    <a:lnTo>
                      <a:pt x="4" y="369"/>
                    </a:lnTo>
                    <a:lnTo>
                      <a:pt x="9" y="368"/>
                    </a:lnTo>
                    <a:lnTo>
                      <a:pt x="11" y="366"/>
                    </a:lnTo>
                    <a:lnTo>
                      <a:pt x="13" y="366"/>
                    </a:lnTo>
                    <a:lnTo>
                      <a:pt x="13" y="364"/>
                    </a:lnTo>
                    <a:lnTo>
                      <a:pt x="15" y="364"/>
                    </a:lnTo>
                    <a:lnTo>
                      <a:pt x="15" y="362"/>
                    </a:lnTo>
                    <a:lnTo>
                      <a:pt x="15" y="360"/>
                    </a:lnTo>
                    <a:lnTo>
                      <a:pt x="15" y="358"/>
                    </a:lnTo>
                    <a:lnTo>
                      <a:pt x="15" y="357"/>
                    </a:lnTo>
                    <a:lnTo>
                      <a:pt x="13" y="355"/>
                    </a:lnTo>
                    <a:lnTo>
                      <a:pt x="13" y="353"/>
                    </a:lnTo>
                    <a:lnTo>
                      <a:pt x="11" y="351"/>
                    </a:lnTo>
                    <a:lnTo>
                      <a:pt x="11" y="349"/>
                    </a:lnTo>
                    <a:lnTo>
                      <a:pt x="13" y="349"/>
                    </a:lnTo>
                    <a:lnTo>
                      <a:pt x="13" y="347"/>
                    </a:lnTo>
                    <a:lnTo>
                      <a:pt x="13" y="345"/>
                    </a:lnTo>
                    <a:lnTo>
                      <a:pt x="15" y="344"/>
                    </a:lnTo>
                    <a:lnTo>
                      <a:pt x="15" y="342"/>
                    </a:lnTo>
                    <a:lnTo>
                      <a:pt x="17" y="342"/>
                    </a:lnTo>
                    <a:lnTo>
                      <a:pt x="17" y="338"/>
                    </a:lnTo>
                    <a:lnTo>
                      <a:pt x="18" y="334"/>
                    </a:lnTo>
                    <a:lnTo>
                      <a:pt x="20" y="332"/>
                    </a:lnTo>
                    <a:lnTo>
                      <a:pt x="24" y="329"/>
                    </a:lnTo>
                    <a:lnTo>
                      <a:pt x="24" y="327"/>
                    </a:lnTo>
                    <a:lnTo>
                      <a:pt x="24" y="325"/>
                    </a:lnTo>
                    <a:lnTo>
                      <a:pt x="26" y="325"/>
                    </a:lnTo>
                    <a:lnTo>
                      <a:pt x="26" y="323"/>
                    </a:lnTo>
                    <a:lnTo>
                      <a:pt x="28" y="321"/>
                    </a:lnTo>
                    <a:lnTo>
                      <a:pt x="28" y="320"/>
                    </a:lnTo>
                    <a:lnTo>
                      <a:pt x="30" y="316"/>
                    </a:lnTo>
                    <a:lnTo>
                      <a:pt x="30" y="314"/>
                    </a:lnTo>
                    <a:lnTo>
                      <a:pt x="30" y="312"/>
                    </a:lnTo>
                    <a:lnTo>
                      <a:pt x="31" y="312"/>
                    </a:lnTo>
                    <a:lnTo>
                      <a:pt x="35" y="307"/>
                    </a:lnTo>
                    <a:lnTo>
                      <a:pt x="35" y="305"/>
                    </a:lnTo>
                    <a:lnTo>
                      <a:pt x="35" y="303"/>
                    </a:lnTo>
                    <a:lnTo>
                      <a:pt x="37" y="297"/>
                    </a:lnTo>
                    <a:lnTo>
                      <a:pt x="37" y="295"/>
                    </a:lnTo>
                    <a:lnTo>
                      <a:pt x="37" y="294"/>
                    </a:lnTo>
                    <a:lnTo>
                      <a:pt x="39" y="292"/>
                    </a:lnTo>
                    <a:lnTo>
                      <a:pt x="39" y="290"/>
                    </a:lnTo>
                    <a:lnTo>
                      <a:pt x="41" y="290"/>
                    </a:lnTo>
                    <a:lnTo>
                      <a:pt x="43" y="290"/>
                    </a:lnTo>
                    <a:lnTo>
                      <a:pt x="43" y="292"/>
                    </a:lnTo>
                    <a:lnTo>
                      <a:pt x="44" y="292"/>
                    </a:lnTo>
                    <a:lnTo>
                      <a:pt x="44" y="294"/>
                    </a:lnTo>
                    <a:lnTo>
                      <a:pt x="44" y="295"/>
                    </a:lnTo>
                    <a:lnTo>
                      <a:pt x="46" y="295"/>
                    </a:lnTo>
                    <a:lnTo>
                      <a:pt x="48" y="295"/>
                    </a:lnTo>
                    <a:lnTo>
                      <a:pt x="48" y="294"/>
                    </a:lnTo>
                    <a:lnTo>
                      <a:pt x="48" y="290"/>
                    </a:lnTo>
                    <a:lnTo>
                      <a:pt x="48" y="288"/>
                    </a:lnTo>
                    <a:lnTo>
                      <a:pt x="50" y="286"/>
                    </a:lnTo>
                    <a:lnTo>
                      <a:pt x="50" y="284"/>
                    </a:lnTo>
                    <a:lnTo>
                      <a:pt x="52" y="284"/>
                    </a:lnTo>
                    <a:lnTo>
                      <a:pt x="52" y="283"/>
                    </a:lnTo>
                    <a:lnTo>
                      <a:pt x="50" y="283"/>
                    </a:lnTo>
                    <a:lnTo>
                      <a:pt x="52" y="283"/>
                    </a:lnTo>
                    <a:lnTo>
                      <a:pt x="52" y="281"/>
                    </a:lnTo>
                    <a:lnTo>
                      <a:pt x="52" y="279"/>
                    </a:lnTo>
                    <a:lnTo>
                      <a:pt x="54" y="279"/>
                    </a:lnTo>
                    <a:lnTo>
                      <a:pt x="54" y="277"/>
                    </a:lnTo>
                    <a:lnTo>
                      <a:pt x="55" y="277"/>
                    </a:lnTo>
                    <a:lnTo>
                      <a:pt x="55" y="275"/>
                    </a:lnTo>
                    <a:lnTo>
                      <a:pt x="57" y="275"/>
                    </a:lnTo>
                    <a:lnTo>
                      <a:pt x="57" y="273"/>
                    </a:lnTo>
                    <a:lnTo>
                      <a:pt x="57" y="271"/>
                    </a:lnTo>
                    <a:lnTo>
                      <a:pt x="57" y="270"/>
                    </a:lnTo>
                    <a:lnTo>
                      <a:pt x="55" y="270"/>
                    </a:lnTo>
                    <a:lnTo>
                      <a:pt x="55" y="268"/>
                    </a:lnTo>
                    <a:lnTo>
                      <a:pt x="54" y="268"/>
                    </a:lnTo>
                    <a:lnTo>
                      <a:pt x="54" y="266"/>
                    </a:lnTo>
                    <a:lnTo>
                      <a:pt x="54" y="264"/>
                    </a:lnTo>
                    <a:lnTo>
                      <a:pt x="52" y="262"/>
                    </a:lnTo>
                    <a:lnTo>
                      <a:pt x="50" y="260"/>
                    </a:lnTo>
                    <a:lnTo>
                      <a:pt x="50" y="262"/>
                    </a:lnTo>
                    <a:lnTo>
                      <a:pt x="48" y="262"/>
                    </a:lnTo>
                    <a:lnTo>
                      <a:pt x="48" y="260"/>
                    </a:lnTo>
                    <a:lnTo>
                      <a:pt x="43" y="258"/>
                    </a:lnTo>
                    <a:lnTo>
                      <a:pt x="41" y="258"/>
                    </a:lnTo>
                    <a:lnTo>
                      <a:pt x="39" y="257"/>
                    </a:lnTo>
                    <a:lnTo>
                      <a:pt x="41" y="255"/>
                    </a:lnTo>
                    <a:lnTo>
                      <a:pt x="33" y="251"/>
                    </a:lnTo>
                    <a:lnTo>
                      <a:pt x="31" y="251"/>
                    </a:lnTo>
                    <a:lnTo>
                      <a:pt x="26" y="247"/>
                    </a:lnTo>
                    <a:lnTo>
                      <a:pt x="18" y="244"/>
                    </a:lnTo>
                    <a:lnTo>
                      <a:pt x="13" y="242"/>
                    </a:lnTo>
                    <a:lnTo>
                      <a:pt x="15" y="242"/>
                    </a:lnTo>
                    <a:lnTo>
                      <a:pt x="13" y="242"/>
                    </a:lnTo>
                    <a:lnTo>
                      <a:pt x="13" y="240"/>
                    </a:lnTo>
                    <a:lnTo>
                      <a:pt x="15" y="240"/>
                    </a:lnTo>
                    <a:lnTo>
                      <a:pt x="15" y="238"/>
                    </a:lnTo>
                    <a:lnTo>
                      <a:pt x="17" y="238"/>
                    </a:lnTo>
                    <a:lnTo>
                      <a:pt x="17" y="236"/>
                    </a:lnTo>
                    <a:lnTo>
                      <a:pt x="18" y="236"/>
                    </a:lnTo>
                    <a:lnTo>
                      <a:pt x="18" y="234"/>
                    </a:lnTo>
                    <a:lnTo>
                      <a:pt x="18" y="236"/>
                    </a:lnTo>
                    <a:lnTo>
                      <a:pt x="20" y="236"/>
                    </a:lnTo>
                    <a:lnTo>
                      <a:pt x="20" y="234"/>
                    </a:lnTo>
                    <a:lnTo>
                      <a:pt x="20" y="236"/>
                    </a:lnTo>
                    <a:lnTo>
                      <a:pt x="20" y="234"/>
                    </a:lnTo>
                    <a:lnTo>
                      <a:pt x="22" y="234"/>
                    </a:lnTo>
                    <a:lnTo>
                      <a:pt x="22" y="233"/>
                    </a:lnTo>
                    <a:lnTo>
                      <a:pt x="22" y="234"/>
                    </a:lnTo>
                    <a:lnTo>
                      <a:pt x="22" y="233"/>
                    </a:lnTo>
                    <a:lnTo>
                      <a:pt x="24" y="233"/>
                    </a:lnTo>
                    <a:lnTo>
                      <a:pt x="26" y="233"/>
                    </a:lnTo>
                    <a:lnTo>
                      <a:pt x="26" y="231"/>
                    </a:lnTo>
                    <a:lnTo>
                      <a:pt x="28" y="231"/>
                    </a:lnTo>
                    <a:lnTo>
                      <a:pt x="28" y="229"/>
                    </a:lnTo>
                    <a:lnTo>
                      <a:pt x="26" y="229"/>
                    </a:lnTo>
                    <a:lnTo>
                      <a:pt x="26" y="227"/>
                    </a:lnTo>
                    <a:lnTo>
                      <a:pt x="24" y="227"/>
                    </a:lnTo>
                    <a:lnTo>
                      <a:pt x="24" y="225"/>
                    </a:lnTo>
                    <a:lnTo>
                      <a:pt x="22" y="225"/>
                    </a:lnTo>
                    <a:lnTo>
                      <a:pt x="22" y="223"/>
                    </a:lnTo>
                    <a:lnTo>
                      <a:pt x="22" y="221"/>
                    </a:lnTo>
                    <a:lnTo>
                      <a:pt x="22" y="220"/>
                    </a:lnTo>
                    <a:lnTo>
                      <a:pt x="24" y="218"/>
                    </a:lnTo>
                    <a:lnTo>
                      <a:pt x="24" y="216"/>
                    </a:lnTo>
                    <a:lnTo>
                      <a:pt x="26" y="212"/>
                    </a:lnTo>
                    <a:lnTo>
                      <a:pt x="28" y="209"/>
                    </a:lnTo>
                    <a:lnTo>
                      <a:pt x="30" y="205"/>
                    </a:lnTo>
                    <a:lnTo>
                      <a:pt x="35" y="201"/>
                    </a:lnTo>
                    <a:lnTo>
                      <a:pt x="37" y="201"/>
                    </a:lnTo>
                    <a:lnTo>
                      <a:pt x="39" y="201"/>
                    </a:lnTo>
                    <a:lnTo>
                      <a:pt x="41" y="201"/>
                    </a:lnTo>
                    <a:lnTo>
                      <a:pt x="43" y="201"/>
                    </a:lnTo>
                    <a:lnTo>
                      <a:pt x="44" y="201"/>
                    </a:lnTo>
                    <a:lnTo>
                      <a:pt x="43" y="201"/>
                    </a:lnTo>
                    <a:lnTo>
                      <a:pt x="44" y="201"/>
                    </a:lnTo>
                    <a:lnTo>
                      <a:pt x="46" y="201"/>
                    </a:lnTo>
                    <a:lnTo>
                      <a:pt x="46" y="203"/>
                    </a:lnTo>
                    <a:lnTo>
                      <a:pt x="48" y="203"/>
                    </a:lnTo>
                    <a:lnTo>
                      <a:pt x="50" y="203"/>
                    </a:lnTo>
                    <a:lnTo>
                      <a:pt x="52" y="203"/>
                    </a:lnTo>
                    <a:lnTo>
                      <a:pt x="52" y="205"/>
                    </a:lnTo>
                    <a:lnTo>
                      <a:pt x="52" y="203"/>
                    </a:lnTo>
                    <a:lnTo>
                      <a:pt x="52" y="205"/>
                    </a:lnTo>
                    <a:lnTo>
                      <a:pt x="54" y="205"/>
                    </a:lnTo>
                    <a:lnTo>
                      <a:pt x="55" y="205"/>
                    </a:lnTo>
                    <a:lnTo>
                      <a:pt x="55" y="203"/>
                    </a:lnTo>
                    <a:lnTo>
                      <a:pt x="57" y="201"/>
                    </a:lnTo>
                    <a:lnTo>
                      <a:pt x="57" y="199"/>
                    </a:lnTo>
                    <a:lnTo>
                      <a:pt x="55" y="199"/>
                    </a:lnTo>
                    <a:lnTo>
                      <a:pt x="55" y="197"/>
                    </a:lnTo>
                    <a:lnTo>
                      <a:pt x="54" y="196"/>
                    </a:lnTo>
                    <a:lnTo>
                      <a:pt x="54" y="194"/>
                    </a:lnTo>
                    <a:lnTo>
                      <a:pt x="52" y="192"/>
                    </a:lnTo>
                    <a:lnTo>
                      <a:pt x="55" y="190"/>
                    </a:lnTo>
                    <a:lnTo>
                      <a:pt x="57" y="190"/>
                    </a:lnTo>
                    <a:lnTo>
                      <a:pt x="59" y="190"/>
                    </a:lnTo>
                    <a:lnTo>
                      <a:pt x="61" y="190"/>
                    </a:lnTo>
                    <a:lnTo>
                      <a:pt x="61" y="192"/>
                    </a:lnTo>
                    <a:lnTo>
                      <a:pt x="63" y="192"/>
                    </a:lnTo>
                    <a:lnTo>
                      <a:pt x="65" y="192"/>
                    </a:lnTo>
                    <a:lnTo>
                      <a:pt x="65" y="194"/>
                    </a:lnTo>
                    <a:lnTo>
                      <a:pt x="67" y="196"/>
                    </a:lnTo>
                    <a:lnTo>
                      <a:pt x="68" y="196"/>
                    </a:lnTo>
                    <a:lnTo>
                      <a:pt x="68" y="194"/>
                    </a:lnTo>
                    <a:lnTo>
                      <a:pt x="68" y="192"/>
                    </a:lnTo>
                    <a:lnTo>
                      <a:pt x="70" y="192"/>
                    </a:lnTo>
                    <a:lnTo>
                      <a:pt x="70" y="190"/>
                    </a:lnTo>
                    <a:lnTo>
                      <a:pt x="72" y="190"/>
                    </a:lnTo>
                    <a:lnTo>
                      <a:pt x="72" y="188"/>
                    </a:lnTo>
                    <a:lnTo>
                      <a:pt x="74" y="188"/>
                    </a:lnTo>
                    <a:lnTo>
                      <a:pt x="76" y="188"/>
                    </a:lnTo>
                    <a:lnTo>
                      <a:pt x="76" y="186"/>
                    </a:lnTo>
                    <a:lnTo>
                      <a:pt x="76" y="185"/>
                    </a:lnTo>
                    <a:lnTo>
                      <a:pt x="76" y="183"/>
                    </a:lnTo>
                    <a:lnTo>
                      <a:pt x="78" y="183"/>
                    </a:lnTo>
                    <a:lnTo>
                      <a:pt x="79" y="183"/>
                    </a:lnTo>
                    <a:lnTo>
                      <a:pt x="79" y="181"/>
                    </a:lnTo>
                    <a:lnTo>
                      <a:pt x="81" y="181"/>
                    </a:lnTo>
                    <a:lnTo>
                      <a:pt x="81" y="179"/>
                    </a:lnTo>
                    <a:lnTo>
                      <a:pt x="79" y="179"/>
                    </a:lnTo>
                    <a:lnTo>
                      <a:pt x="79" y="177"/>
                    </a:lnTo>
                    <a:lnTo>
                      <a:pt x="81" y="177"/>
                    </a:lnTo>
                    <a:lnTo>
                      <a:pt x="81" y="179"/>
                    </a:lnTo>
                    <a:lnTo>
                      <a:pt x="83" y="179"/>
                    </a:lnTo>
                    <a:lnTo>
                      <a:pt x="85" y="179"/>
                    </a:lnTo>
                    <a:lnTo>
                      <a:pt x="85" y="177"/>
                    </a:lnTo>
                    <a:lnTo>
                      <a:pt x="85" y="175"/>
                    </a:lnTo>
                    <a:lnTo>
                      <a:pt x="83" y="175"/>
                    </a:lnTo>
                    <a:lnTo>
                      <a:pt x="85" y="173"/>
                    </a:lnTo>
                    <a:lnTo>
                      <a:pt x="85" y="175"/>
                    </a:lnTo>
                    <a:lnTo>
                      <a:pt x="87" y="175"/>
                    </a:lnTo>
                    <a:lnTo>
                      <a:pt x="89" y="175"/>
                    </a:lnTo>
                    <a:lnTo>
                      <a:pt x="89" y="173"/>
                    </a:lnTo>
                    <a:lnTo>
                      <a:pt x="89" y="172"/>
                    </a:lnTo>
                    <a:lnTo>
                      <a:pt x="91" y="173"/>
                    </a:lnTo>
                    <a:lnTo>
                      <a:pt x="92" y="173"/>
                    </a:lnTo>
                    <a:lnTo>
                      <a:pt x="92" y="172"/>
                    </a:lnTo>
                    <a:lnTo>
                      <a:pt x="94" y="172"/>
                    </a:lnTo>
                    <a:lnTo>
                      <a:pt x="96" y="172"/>
                    </a:lnTo>
                    <a:lnTo>
                      <a:pt x="98" y="172"/>
                    </a:lnTo>
                    <a:lnTo>
                      <a:pt x="98" y="170"/>
                    </a:lnTo>
                    <a:lnTo>
                      <a:pt x="100" y="170"/>
                    </a:lnTo>
                    <a:lnTo>
                      <a:pt x="102" y="170"/>
                    </a:lnTo>
                    <a:lnTo>
                      <a:pt x="102" y="168"/>
                    </a:lnTo>
                    <a:lnTo>
                      <a:pt x="104" y="168"/>
                    </a:lnTo>
                    <a:lnTo>
                      <a:pt x="105" y="166"/>
                    </a:lnTo>
                    <a:lnTo>
                      <a:pt x="107" y="166"/>
                    </a:lnTo>
                    <a:lnTo>
                      <a:pt x="107" y="164"/>
                    </a:lnTo>
                    <a:lnTo>
                      <a:pt x="109" y="162"/>
                    </a:lnTo>
                    <a:lnTo>
                      <a:pt x="113" y="160"/>
                    </a:lnTo>
                    <a:lnTo>
                      <a:pt x="115" y="159"/>
                    </a:lnTo>
                    <a:lnTo>
                      <a:pt x="122" y="166"/>
                    </a:lnTo>
                    <a:lnTo>
                      <a:pt x="126" y="170"/>
                    </a:lnTo>
                    <a:lnTo>
                      <a:pt x="131" y="173"/>
                    </a:lnTo>
                    <a:lnTo>
                      <a:pt x="133" y="170"/>
                    </a:lnTo>
                    <a:lnTo>
                      <a:pt x="135" y="170"/>
                    </a:lnTo>
                    <a:lnTo>
                      <a:pt x="137" y="168"/>
                    </a:lnTo>
                    <a:lnTo>
                      <a:pt x="137" y="166"/>
                    </a:lnTo>
                    <a:lnTo>
                      <a:pt x="139" y="166"/>
                    </a:lnTo>
                    <a:lnTo>
                      <a:pt x="139" y="164"/>
                    </a:lnTo>
                    <a:lnTo>
                      <a:pt x="139" y="162"/>
                    </a:lnTo>
                    <a:lnTo>
                      <a:pt x="140" y="160"/>
                    </a:lnTo>
                    <a:lnTo>
                      <a:pt x="140" y="159"/>
                    </a:lnTo>
                    <a:lnTo>
                      <a:pt x="142" y="157"/>
                    </a:lnTo>
                    <a:lnTo>
                      <a:pt x="144" y="155"/>
                    </a:lnTo>
                    <a:lnTo>
                      <a:pt x="146" y="153"/>
                    </a:lnTo>
                    <a:lnTo>
                      <a:pt x="148" y="151"/>
                    </a:lnTo>
                    <a:lnTo>
                      <a:pt x="150" y="149"/>
                    </a:lnTo>
                    <a:lnTo>
                      <a:pt x="152" y="148"/>
                    </a:lnTo>
                    <a:lnTo>
                      <a:pt x="152" y="146"/>
                    </a:lnTo>
                    <a:lnTo>
                      <a:pt x="153" y="146"/>
                    </a:lnTo>
                    <a:lnTo>
                      <a:pt x="155" y="146"/>
                    </a:lnTo>
                    <a:lnTo>
                      <a:pt x="157" y="146"/>
                    </a:lnTo>
                    <a:lnTo>
                      <a:pt x="157" y="148"/>
                    </a:lnTo>
                    <a:lnTo>
                      <a:pt x="159" y="148"/>
                    </a:lnTo>
                    <a:lnTo>
                      <a:pt x="159" y="149"/>
                    </a:lnTo>
                    <a:lnTo>
                      <a:pt x="159" y="151"/>
                    </a:lnTo>
                    <a:lnTo>
                      <a:pt x="161" y="151"/>
                    </a:lnTo>
                    <a:lnTo>
                      <a:pt x="161" y="153"/>
                    </a:lnTo>
                    <a:lnTo>
                      <a:pt x="163" y="153"/>
                    </a:lnTo>
                    <a:lnTo>
                      <a:pt x="165" y="155"/>
                    </a:lnTo>
                    <a:lnTo>
                      <a:pt x="166" y="153"/>
                    </a:lnTo>
                    <a:lnTo>
                      <a:pt x="166" y="155"/>
                    </a:lnTo>
                    <a:lnTo>
                      <a:pt x="168" y="153"/>
                    </a:lnTo>
                    <a:lnTo>
                      <a:pt x="170" y="155"/>
                    </a:lnTo>
                    <a:lnTo>
                      <a:pt x="170" y="153"/>
                    </a:lnTo>
                    <a:lnTo>
                      <a:pt x="170" y="151"/>
                    </a:lnTo>
                    <a:lnTo>
                      <a:pt x="170" y="149"/>
                    </a:lnTo>
                    <a:lnTo>
                      <a:pt x="172" y="149"/>
                    </a:lnTo>
                    <a:lnTo>
                      <a:pt x="174" y="149"/>
                    </a:lnTo>
                    <a:lnTo>
                      <a:pt x="176" y="148"/>
                    </a:lnTo>
                    <a:lnTo>
                      <a:pt x="177" y="149"/>
                    </a:lnTo>
                    <a:lnTo>
                      <a:pt x="177" y="148"/>
                    </a:lnTo>
                    <a:lnTo>
                      <a:pt x="179" y="146"/>
                    </a:lnTo>
                    <a:lnTo>
                      <a:pt x="181" y="146"/>
                    </a:lnTo>
                    <a:lnTo>
                      <a:pt x="183" y="146"/>
                    </a:lnTo>
                    <a:lnTo>
                      <a:pt x="185" y="144"/>
                    </a:lnTo>
                    <a:lnTo>
                      <a:pt x="187" y="144"/>
                    </a:lnTo>
                    <a:lnTo>
                      <a:pt x="189" y="146"/>
                    </a:lnTo>
                    <a:lnTo>
                      <a:pt x="187" y="146"/>
                    </a:lnTo>
                    <a:lnTo>
                      <a:pt x="190" y="142"/>
                    </a:lnTo>
                    <a:lnTo>
                      <a:pt x="190" y="144"/>
                    </a:lnTo>
                    <a:lnTo>
                      <a:pt x="192" y="146"/>
                    </a:lnTo>
                    <a:lnTo>
                      <a:pt x="194" y="148"/>
                    </a:lnTo>
                    <a:lnTo>
                      <a:pt x="198" y="149"/>
                    </a:lnTo>
                    <a:lnTo>
                      <a:pt x="198" y="151"/>
                    </a:lnTo>
                    <a:lnTo>
                      <a:pt x="201" y="153"/>
                    </a:lnTo>
                    <a:lnTo>
                      <a:pt x="201" y="155"/>
                    </a:lnTo>
                    <a:lnTo>
                      <a:pt x="203" y="157"/>
                    </a:lnTo>
                    <a:lnTo>
                      <a:pt x="207" y="159"/>
                    </a:lnTo>
                    <a:lnTo>
                      <a:pt x="209" y="162"/>
                    </a:lnTo>
                    <a:lnTo>
                      <a:pt x="211" y="162"/>
                    </a:lnTo>
                    <a:lnTo>
                      <a:pt x="216" y="157"/>
                    </a:lnTo>
                    <a:lnTo>
                      <a:pt x="218" y="155"/>
                    </a:lnTo>
                    <a:lnTo>
                      <a:pt x="220" y="159"/>
                    </a:lnTo>
                    <a:lnTo>
                      <a:pt x="237" y="142"/>
                    </a:lnTo>
                    <a:lnTo>
                      <a:pt x="237" y="140"/>
                    </a:lnTo>
                    <a:lnTo>
                      <a:pt x="238" y="140"/>
                    </a:lnTo>
                    <a:lnTo>
                      <a:pt x="242" y="136"/>
                    </a:lnTo>
                    <a:close/>
                  </a:path>
                </a:pathLst>
              </a:custGeom>
              <a:solidFill>
                <a:srgbClr val="FFFF99">
                  <a:alpha val="5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57" name="Freeform 196"/>
              <p:cNvSpPr>
                <a:spLocks/>
              </p:cNvSpPr>
              <p:nvPr/>
            </p:nvSpPr>
            <p:spPr bwMode="auto">
              <a:xfrm>
                <a:off x="1522412" y="4883150"/>
                <a:ext cx="155575" cy="111125"/>
              </a:xfrm>
              <a:custGeom>
                <a:avLst/>
                <a:gdLst>
                  <a:gd name="T0" fmla="*/ 13 w 98"/>
                  <a:gd name="T1" fmla="*/ 0 h 70"/>
                  <a:gd name="T2" fmla="*/ 17 w 98"/>
                  <a:gd name="T3" fmla="*/ 4 h 70"/>
                  <a:gd name="T4" fmla="*/ 21 w 98"/>
                  <a:gd name="T5" fmla="*/ 6 h 70"/>
                  <a:gd name="T6" fmla="*/ 23 w 98"/>
                  <a:gd name="T7" fmla="*/ 9 h 70"/>
                  <a:gd name="T8" fmla="*/ 30 w 98"/>
                  <a:gd name="T9" fmla="*/ 9 h 70"/>
                  <a:gd name="T10" fmla="*/ 36 w 98"/>
                  <a:gd name="T11" fmla="*/ 9 h 70"/>
                  <a:gd name="T12" fmla="*/ 37 w 98"/>
                  <a:gd name="T13" fmla="*/ 9 h 70"/>
                  <a:gd name="T14" fmla="*/ 37 w 98"/>
                  <a:gd name="T15" fmla="*/ 11 h 70"/>
                  <a:gd name="T16" fmla="*/ 39 w 98"/>
                  <a:gd name="T17" fmla="*/ 13 h 70"/>
                  <a:gd name="T18" fmla="*/ 37 w 98"/>
                  <a:gd name="T19" fmla="*/ 13 h 70"/>
                  <a:gd name="T20" fmla="*/ 37 w 98"/>
                  <a:gd name="T21" fmla="*/ 13 h 70"/>
                  <a:gd name="T22" fmla="*/ 39 w 98"/>
                  <a:gd name="T23" fmla="*/ 15 h 70"/>
                  <a:gd name="T24" fmla="*/ 39 w 98"/>
                  <a:gd name="T25" fmla="*/ 15 h 70"/>
                  <a:gd name="T26" fmla="*/ 39 w 98"/>
                  <a:gd name="T27" fmla="*/ 17 h 70"/>
                  <a:gd name="T28" fmla="*/ 41 w 98"/>
                  <a:gd name="T29" fmla="*/ 17 h 70"/>
                  <a:gd name="T30" fmla="*/ 41 w 98"/>
                  <a:gd name="T31" fmla="*/ 19 h 70"/>
                  <a:gd name="T32" fmla="*/ 41 w 98"/>
                  <a:gd name="T33" fmla="*/ 19 h 70"/>
                  <a:gd name="T34" fmla="*/ 41 w 98"/>
                  <a:gd name="T35" fmla="*/ 21 h 70"/>
                  <a:gd name="T36" fmla="*/ 43 w 98"/>
                  <a:gd name="T37" fmla="*/ 21 h 70"/>
                  <a:gd name="T38" fmla="*/ 45 w 98"/>
                  <a:gd name="T39" fmla="*/ 21 h 70"/>
                  <a:gd name="T40" fmla="*/ 47 w 98"/>
                  <a:gd name="T41" fmla="*/ 21 h 70"/>
                  <a:gd name="T42" fmla="*/ 47 w 98"/>
                  <a:gd name="T43" fmla="*/ 21 h 70"/>
                  <a:gd name="T44" fmla="*/ 48 w 98"/>
                  <a:gd name="T45" fmla="*/ 21 h 70"/>
                  <a:gd name="T46" fmla="*/ 50 w 98"/>
                  <a:gd name="T47" fmla="*/ 21 h 70"/>
                  <a:gd name="T48" fmla="*/ 50 w 98"/>
                  <a:gd name="T49" fmla="*/ 21 h 70"/>
                  <a:gd name="T50" fmla="*/ 52 w 98"/>
                  <a:gd name="T51" fmla="*/ 21 h 70"/>
                  <a:gd name="T52" fmla="*/ 54 w 98"/>
                  <a:gd name="T53" fmla="*/ 22 h 70"/>
                  <a:gd name="T54" fmla="*/ 54 w 98"/>
                  <a:gd name="T55" fmla="*/ 22 h 70"/>
                  <a:gd name="T56" fmla="*/ 56 w 98"/>
                  <a:gd name="T57" fmla="*/ 22 h 70"/>
                  <a:gd name="T58" fmla="*/ 56 w 98"/>
                  <a:gd name="T59" fmla="*/ 22 h 70"/>
                  <a:gd name="T60" fmla="*/ 58 w 98"/>
                  <a:gd name="T61" fmla="*/ 24 h 70"/>
                  <a:gd name="T62" fmla="*/ 58 w 98"/>
                  <a:gd name="T63" fmla="*/ 24 h 70"/>
                  <a:gd name="T64" fmla="*/ 58 w 98"/>
                  <a:gd name="T65" fmla="*/ 24 h 70"/>
                  <a:gd name="T66" fmla="*/ 58 w 98"/>
                  <a:gd name="T67" fmla="*/ 24 h 70"/>
                  <a:gd name="T68" fmla="*/ 85 w 98"/>
                  <a:gd name="T69" fmla="*/ 70 h 70"/>
                  <a:gd name="T70" fmla="*/ 43 w 98"/>
                  <a:gd name="T71" fmla="*/ 52 h 70"/>
                  <a:gd name="T72" fmla="*/ 32 w 98"/>
                  <a:gd name="T73" fmla="*/ 45 h 70"/>
                  <a:gd name="T74" fmla="*/ 32 w 98"/>
                  <a:gd name="T75" fmla="*/ 33 h 70"/>
                  <a:gd name="T76" fmla="*/ 32 w 98"/>
                  <a:gd name="T77" fmla="*/ 33 h 70"/>
                  <a:gd name="T78" fmla="*/ 30 w 98"/>
                  <a:gd name="T79" fmla="*/ 33 h 70"/>
                  <a:gd name="T80" fmla="*/ 30 w 98"/>
                  <a:gd name="T81" fmla="*/ 33 h 70"/>
                  <a:gd name="T82" fmla="*/ 28 w 98"/>
                  <a:gd name="T83" fmla="*/ 33 h 70"/>
                  <a:gd name="T84" fmla="*/ 28 w 98"/>
                  <a:gd name="T85" fmla="*/ 33 h 70"/>
                  <a:gd name="T86" fmla="*/ 28 w 98"/>
                  <a:gd name="T87" fmla="*/ 32 h 70"/>
                  <a:gd name="T88" fmla="*/ 26 w 98"/>
                  <a:gd name="T89" fmla="*/ 32 h 70"/>
                  <a:gd name="T90" fmla="*/ 26 w 98"/>
                  <a:gd name="T91" fmla="*/ 32 h 70"/>
                  <a:gd name="T92" fmla="*/ 24 w 98"/>
                  <a:gd name="T93" fmla="*/ 32 h 70"/>
                  <a:gd name="T94" fmla="*/ 24 w 98"/>
                  <a:gd name="T95" fmla="*/ 30 h 70"/>
                  <a:gd name="T96" fmla="*/ 24 w 98"/>
                  <a:gd name="T97" fmla="*/ 30 h 70"/>
                  <a:gd name="T98" fmla="*/ 23 w 98"/>
                  <a:gd name="T99" fmla="*/ 32 h 70"/>
                  <a:gd name="T100" fmla="*/ 23 w 98"/>
                  <a:gd name="T101" fmla="*/ 32 h 70"/>
                  <a:gd name="T102" fmla="*/ 17 w 98"/>
                  <a:gd name="T103" fmla="*/ 30 h 70"/>
                  <a:gd name="T104" fmla="*/ 8 w 98"/>
                  <a:gd name="T105" fmla="*/ 22 h 70"/>
                  <a:gd name="T106" fmla="*/ 4 w 98"/>
                  <a:gd name="T107" fmla="*/ 22 h 70"/>
                  <a:gd name="T108" fmla="*/ 4 w 98"/>
                  <a:gd name="T109" fmla="*/ 21 h 70"/>
                  <a:gd name="T110" fmla="*/ 2 w 98"/>
                  <a:gd name="T111" fmla="*/ 21 h 70"/>
                  <a:gd name="T112" fmla="*/ 2 w 98"/>
                  <a:gd name="T113" fmla="*/ 21 h 70"/>
                  <a:gd name="T114" fmla="*/ 8 w 98"/>
                  <a:gd name="T115" fmla="*/ 9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98" h="70">
                    <a:moveTo>
                      <a:pt x="4" y="6"/>
                    </a:moveTo>
                    <a:lnTo>
                      <a:pt x="8" y="4"/>
                    </a:lnTo>
                    <a:lnTo>
                      <a:pt x="8" y="4"/>
                    </a:lnTo>
                    <a:lnTo>
                      <a:pt x="11" y="2"/>
                    </a:lnTo>
                    <a:lnTo>
                      <a:pt x="13" y="0"/>
                    </a:lnTo>
                    <a:lnTo>
                      <a:pt x="13" y="0"/>
                    </a:lnTo>
                    <a:lnTo>
                      <a:pt x="13" y="0"/>
                    </a:lnTo>
                    <a:lnTo>
                      <a:pt x="15" y="2"/>
                    </a:lnTo>
                    <a:lnTo>
                      <a:pt x="15" y="2"/>
                    </a:lnTo>
                    <a:lnTo>
                      <a:pt x="17" y="4"/>
                    </a:lnTo>
                    <a:lnTo>
                      <a:pt x="17" y="4"/>
                    </a:lnTo>
                    <a:lnTo>
                      <a:pt x="17" y="4"/>
                    </a:lnTo>
                    <a:lnTo>
                      <a:pt x="19" y="4"/>
                    </a:lnTo>
                    <a:lnTo>
                      <a:pt x="19" y="4"/>
                    </a:lnTo>
                    <a:lnTo>
                      <a:pt x="19" y="6"/>
                    </a:lnTo>
                    <a:lnTo>
                      <a:pt x="19" y="6"/>
                    </a:lnTo>
                    <a:lnTo>
                      <a:pt x="21" y="6"/>
                    </a:lnTo>
                    <a:lnTo>
                      <a:pt x="21" y="6"/>
                    </a:lnTo>
                    <a:lnTo>
                      <a:pt x="21" y="8"/>
                    </a:lnTo>
                    <a:lnTo>
                      <a:pt x="23" y="8"/>
                    </a:lnTo>
                    <a:lnTo>
                      <a:pt x="23" y="9"/>
                    </a:lnTo>
                    <a:lnTo>
                      <a:pt x="23" y="9"/>
                    </a:lnTo>
                    <a:lnTo>
                      <a:pt x="23" y="9"/>
                    </a:lnTo>
                    <a:lnTo>
                      <a:pt x="23" y="9"/>
                    </a:lnTo>
                    <a:lnTo>
                      <a:pt x="24" y="9"/>
                    </a:lnTo>
                    <a:lnTo>
                      <a:pt x="24" y="9"/>
                    </a:lnTo>
                    <a:lnTo>
                      <a:pt x="24" y="9"/>
                    </a:lnTo>
                    <a:lnTo>
                      <a:pt x="26" y="9"/>
                    </a:lnTo>
                    <a:lnTo>
                      <a:pt x="28" y="9"/>
                    </a:lnTo>
                    <a:lnTo>
                      <a:pt x="30" y="9"/>
                    </a:lnTo>
                    <a:lnTo>
                      <a:pt x="30" y="9"/>
                    </a:lnTo>
                    <a:lnTo>
                      <a:pt x="32" y="9"/>
                    </a:lnTo>
                    <a:lnTo>
                      <a:pt x="34" y="9"/>
                    </a:lnTo>
                    <a:lnTo>
                      <a:pt x="34" y="9"/>
                    </a:lnTo>
                    <a:lnTo>
                      <a:pt x="36" y="9"/>
                    </a:lnTo>
                    <a:lnTo>
                      <a:pt x="36" y="9"/>
                    </a:lnTo>
                    <a:lnTo>
                      <a:pt x="36" y="9"/>
                    </a:lnTo>
                    <a:lnTo>
                      <a:pt x="37" y="9"/>
                    </a:lnTo>
                    <a:lnTo>
                      <a:pt x="37" y="9"/>
                    </a:lnTo>
                    <a:lnTo>
                      <a:pt x="37" y="9"/>
                    </a:lnTo>
                    <a:lnTo>
                      <a:pt x="37" y="9"/>
                    </a:lnTo>
                    <a:lnTo>
                      <a:pt x="37" y="9"/>
                    </a:lnTo>
                    <a:lnTo>
                      <a:pt x="37" y="9"/>
                    </a:lnTo>
                    <a:lnTo>
                      <a:pt x="37" y="9"/>
                    </a:lnTo>
                    <a:lnTo>
                      <a:pt x="37" y="11"/>
                    </a:lnTo>
                    <a:lnTo>
                      <a:pt x="37" y="11"/>
                    </a:lnTo>
                    <a:lnTo>
                      <a:pt x="37" y="11"/>
                    </a:lnTo>
                    <a:lnTo>
                      <a:pt x="37" y="11"/>
                    </a:lnTo>
                    <a:lnTo>
                      <a:pt x="37" y="11"/>
                    </a:lnTo>
                    <a:lnTo>
                      <a:pt x="37" y="11"/>
                    </a:lnTo>
                    <a:lnTo>
                      <a:pt x="39" y="11"/>
                    </a:lnTo>
                    <a:lnTo>
                      <a:pt x="39" y="11"/>
                    </a:lnTo>
                    <a:lnTo>
                      <a:pt x="39" y="11"/>
                    </a:lnTo>
                    <a:lnTo>
                      <a:pt x="39" y="13"/>
                    </a:lnTo>
                    <a:lnTo>
                      <a:pt x="39" y="13"/>
                    </a:lnTo>
                    <a:lnTo>
                      <a:pt x="39" y="13"/>
                    </a:lnTo>
                    <a:lnTo>
                      <a:pt x="39" y="13"/>
                    </a:lnTo>
                    <a:lnTo>
                      <a:pt x="39" y="13"/>
                    </a:lnTo>
                    <a:lnTo>
                      <a:pt x="37" y="13"/>
                    </a:lnTo>
                    <a:lnTo>
                      <a:pt x="37" y="13"/>
                    </a:lnTo>
                    <a:lnTo>
                      <a:pt x="37" y="13"/>
                    </a:lnTo>
                    <a:lnTo>
                      <a:pt x="37" y="13"/>
                    </a:lnTo>
                    <a:lnTo>
                      <a:pt x="37" y="13"/>
                    </a:lnTo>
                    <a:lnTo>
                      <a:pt x="37" y="13"/>
                    </a:lnTo>
                    <a:lnTo>
                      <a:pt x="37" y="13"/>
                    </a:lnTo>
                    <a:lnTo>
                      <a:pt x="37" y="13"/>
                    </a:lnTo>
                    <a:lnTo>
                      <a:pt x="37" y="13"/>
                    </a:lnTo>
                    <a:lnTo>
                      <a:pt x="39" y="13"/>
                    </a:lnTo>
                    <a:lnTo>
                      <a:pt x="39" y="13"/>
                    </a:lnTo>
                    <a:lnTo>
                      <a:pt x="39" y="13"/>
                    </a:lnTo>
                    <a:lnTo>
                      <a:pt x="39" y="15"/>
                    </a:lnTo>
                    <a:lnTo>
                      <a:pt x="39" y="15"/>
                    </a:lnTo>
                    <a:lnTo>
                      <a:pt x="39" y="15"/>
                    </a:lnTo>
                    <a:lnTo>
                      <a:pt x="39" y="15"/>
                    </a:lnTo>
                    <a:lnTo>
                      <a:pt x="39" y="15"/>
                    </a:lnTo>
                    <a:lnTo>
                      <a:pt x="39" y="15"/>
                    </a:lnTo>
                    <a:lnTo>
                      <a:pt x="39" y="15"/>
                    </a:lnTo>
                    <a:lnTo>
                      <a:pt x="39" y="15"/>
                    </a:lnTo>
                    <a:lnTo>
                      <a:pt x="39" y="15"/>
                    </a:lnTo>
                    <a:lnTo>
                      <a:pt x="39" y="15"/>
                    </a:lnTo>
                    <a:lnTo>
                      <a:pt x="39" y="15"/>
                    </a:lnTo>
                    <a:lnTo>
                      <a:pt x="39" y="17"/>
                    </a:lnTo>
                    <a:lnTo>
                      <a:pt x="39" y="17"/>
                    </a:lnTo>
                    <a:lnTo>
                      <a:pt x="39" y="17"/>
                    </a:lnTo>
                    <a:lnTo>
                      <a:pt x="39" y="17"/>
                    </a:lnTo>
                    <a:lnTo>
                      <a:pt x="39" y="17"/>
                    </a:lnTo>
                    <a:lnTo>
                      <a:pt x="39" y="17"/>
                    </a:lnTo>
                    <a:lnTo>
                      <a:pt x="39" y="17"/>
                    </a:lnTo>
                    <a:lnTo>
                      <a:pt x="41" y="17"/>
                    </a:lnTo>
                    <a:lnTo>
                      <a:pt x="41" y="17"/>
                    </a:lnTo>
                    <a:lnTo>
                      <a:pt x="41" y="17"/>
                    </a:lnTo>
                    <a:lnTo>
                      <a:pt x="41" y="17"/>
                    </a:lnTo>
                    <a:lnTo>
                      <a:pt x="41" y="19"/>
                    </a:lnTo>
                    <a:lnTo>
                      <a:pt x="41" y="19"/>
                    </a:lnTo>
                    <a:lnTo>
                      <a:pt x="41" y="19"/>
                    </a:lnTo>
                    <a:lnTo>
                      <a:pt x="41" y="19"/>
                    </a:lnTo>
                    <a:lnTo>
                      <a:pt x="41" y="19"/>
                    </a:lnTo>
                    <a:lnTo>
                      <a:pt x="41" y="19"/>
                    </a:lnTo>
                    <a:lnTo>
                      <a:pt x="41" y="19"/>
                    </a:lnTo>
                    <a:lnTo>
                      <a:pt x="41" y="19"/>
                    </a:lnTo>
                    <a:lnTo>
                      <a:pt x="41" y="19"/>
                    </a:lnTo>
                    <a:lnTo>
                      <a:pt x="41" y="19"/>
                    </a:lnTo>
                    <a:lnTo>
                      <a:pt x="41" y="19"/>
                    </a:lnTo>
                    <a:lnTo>
                      <a:pt x="41" y="19"/>
                    </a:lnTo>
                    <a:lnTo>
                      <a:pt x="41" y="19"/>
                    </a:lnTo>
                    <a:lnTo>
                      <a:pt x="41" y="21"/>
                    </a:lnTo>
                    <a:lnTo>
                      <a:pt x="41" y="21"/>
                    </a:lnTo>
                    <a:lnTo>
                      <a:pt x="41" y="21"/>
                    </a:lnTo>
                    <a:lnTo>
                      <a:pt x="43" y="21"/>
                    </a:lnTo>
                    <a:lnTo>
                      <a:pt x="43" y="21"/>
                    </a:lnTo>
                    <a:lnTo>
                      <a:pt x="43" y="21"/>
                    </a:lnTo>
                    <a:lnTo>
                      <a:pt x="43" y="21"/>
                    </a:lnTo>
                    <a:lnTo>
                      <a:pt x="43" y="21"/>
                    </a:lnTo>
                    <a:lnTo>
                      <a:pt x="43" y="21"/>
                    </a:lnTo>
                    <a:lnTo>
                      <a:pt x="43" y="21"/>
                    </a:lnTo>
                    <a:lnTo>
                      <a:pt x="45" y="21"/>
                    </a:lnTo>
                    <a:lnTo>
                      <a:pt x="45" y="21"/>
                    </a:lnTo>
                    <a:lnTo>
                      <a:pt x="45" y="21"/>
                    </a:lnTo>
                    <a:lnTo>
                      <a:pt x="45" y="21"/>
                    </a:lnTo>
                    <a:lnTo>
                      <a:pt x="45" y="21"/>
                    </a:lnTo>
                    <a:lnTo>
                      <a:pt x="45" y="21"/>
                    </a:lnTo>
                    <a:lnTo>
                      <a:pt x="45" y="21"/>
                    </a:lnTo>
                    <a:lnTo>
                      <a:pt x="45" y="21"/>
                    </a:lnTo>
                    <a:lnTo>
                      <a:pt x="45" y="21"/>
                    </a:lnTo>
                    <a:lnTo>
                      <a:pt x="45" y="21"/>
                    </a:lnTo>
                    <a:lnTo>
                      <a:pt x="47" y="21"/>
                    </a:lnTo>
                    <a:lnTo>
                      <a:pt x="47" y="21"/>
                    </a:lnTo>
                    <a:lnTo>
                      <a:pt x="47" y="21"/>
                    </a:lnTo>
                    <a:lnTo>
                      <a:pt x="47" y="21"/>
                    </a:lnTo>
                    <a:lnTo>
                      <a:pt x="47" y="21"/>
                    </a:lnTo>
                    <a:lnTo>
                      <a:pt x="47" y="21"/>
                    </a:lnTo>
                    <a:lnTo>
                      <a:pt x="47" y="21"/>
                    </a:lnTo>
                    <a:lnTo>
                      <a:pt x="47" y="21"/>
                    </a:lnTo>
                    <a:lnTo>
                      <a:pt x="47" y="21"/>
                    </a:lnTo>
                    <a:lnTo>
                      <a:pt x="47" y="21"/>
                    </a:lnTo>
                    <a:lnTo>
                      <a:pt x="47" y="21"/>
                    </a:lnTo>
                    <a:lnTo>
                      <a:pt x="48" y="21"/>
                    </a:lnTo>
                    <a:lnTo>
                      <a:pt x="48" y="21"/>
                    </a:lnTo>
                    <a:lnTo>
                      <a:pt x="48" y="21"/>
                    </a:lnTo>
                    <a:lnTo>
                      <a:pt x="48" y="21"/>
                    </a:lnTo>
                    <a:lnTo>
                      <a:pt x="48" y="21"/>
                    </a:lnTo>
                    <a:lnTo>
                      <a:pt x="48" y="21"/>
                    </a:lnTo>
                    <a:lnTo>
                      <a:pt x="48" y="21"/>
                    </a:lnTo>
                    <a:lnTo>
                      <a:pt x="50" y="21"/>
                    </a:lnTo>
                    <a:lnTo>
                      <a:pt x="50" y="21"/>
                    </a:lnTo>
                    <a:lnTo>
                      <a:pt x="50" y="21"/>
                    </a:lnTo>
                    <a:lnTo>
                      <a:pt x="50" y="21"/>
                    </a:lnTo>
                    <a:lnTo>
                      <a:pt x="50" y="21"/>
                    </a:lnTo>
                    <a:lnTo>
                      <a:pt x="50" y="21"/>
                    </a:lnTo>
                    <a:lnTo>
                      <a:pt x="50" y="21"/>
                    </a:lnTo>
                    <a:lnTo>
                      <a:pt x="50" y="21"/>
                    </a:lnTo>
                    <a:lnTo>
                      <a:pt x="52" y="21"/>
                    </a:lnTo>
                    <a:lnTo>
                      <a:pt x="52" y="21"/>
                    </a:lnTo>
                    <a:lnTo>
                      <a:pt x="52" y="21"/>
                    </a:lnTo>
                    <a:lnTo>
                      <a:pt x="52" y="21"/>
                    </a:lnTo>
                    <a:lnTo>
                      <a:pt x="52" y="21"/>
                    </a:lnTo>
                    <a:lnTo>
                      <a:pt x="52" y="22"/>
                    </a:lnTo>
                    <a:lnTo>
                      <a:pt x="52" y="22"/>
                    </a:lnTo>
                    <a:lnTo>
                      <a:pt x="52" y="22"/>
                    </a:lnTo>
                    <a:lnTo>
                      <a:pt x="54" y="22"/>
                    </a:lnTo>
                    <a:lnTo>
                      <a:pt x="54" y="22"/>
                    </a:lnTo>
                    <a:lnTo>
                      <a:pt x="54" y="22"/>
                    </a:lnTo>
                    <a:lnTo>
                      <a:pt x="54" y="22"/>
                    </a:lnTo>
                    <a:lnTo>
                      <a:pt x="54" y="22"/>
                    </a:lnTo>
                    <a:lnTo>
                      <a:pt x="54" y="22"/>
                    </a:lnTo>
                    <a:lnTo>
                      <a:pt x="54" y="22"/>
                    </a:lnTo>
                    <a:lnTo>
                      <a:pt x="54" y="22"/>
                    </a:lnTo>
                    <a:lnTo>
                      <a:pt x="54" y="22"/>
                    </a:lnTo>
                    <a:lnTo>
                      <a:pt x="54" y="22"/>
                    </a:lnTo>
                    <a:lnTo>
                      <a:pt x="54" y="22"/>
                    </a:lnTo>
                    <a:lnTo>
                      <a:pt x="54" y="22"/>
                    </a:lnTo>
                    <a:lnTo>
                      <a:pt x="54" y="22"/>
                    </a:lnTo>
                    <a:lnTo>
                      <a:pt x="56" y="22"/>
                    </a:lnTo>
                    <a:lnTo>
                      <a:pt x="56" y="22"/>
                    </a:lnTo>
                    <a:lnTo>
                      <a:pt x="56" y="22"/>
                    </a:lnTo>
                    <a:lnTo>
                      <a:pt x="56" y="22"/>
                    </a:lnTo>
                    <a:lnTo>
                      <a:pt x="56" y="22"/>
                    </a:lnTo>
                    <a:lnTo>
                      <a:pt x="56" y="22"/>
                    </a:lnTo>
                    <a:lnTo>
                      <a:pt x="56" y="22"/>
                    </a:lnTo>
                    <a:lnTo>
                      <a:pt x="56" y="22"/>
                    </a:lnTo>
                    <a:lnTo>
                      <a:pt x="56" y="22"/>
                    </a:lnTo>
                    <a:lnTo>
                      <a:pt x="58" y="24"/>
                    </a:lnTo>
                    <a:lnTo>
                      <a:pt x="58" y="24"/>
                    </a:lnTo>
                    <a:lnTo>
                      <a:pt x="58" y="24"/>
                    </a:lnTo>
                    <a:lnTo>
                      <a:pt x="58" y="24"/>
                    </a:lnTo>
                    <a:lnTo>
                      <a:pt x="58" y="24"/>
                    </a:lnTo>
                    <a:lnTo>
                      <a:pt x="58" y="24"/>
                    </a:lnTo>
                    <a:lnTo>
                      <a:pt x="58" y="22"/>
                    </a:lnTo>
                    <a:lnTo>
                      <a:pt x="58" y="22"/>
                    </a:lnTo>
                    <a:lnTo>
                      <a:pt x="58" y="24"/>
                    </a:lnTo>
                    <a:lnTo>
                      <a:pt x="58" y="24"/>
                    </a:lnTo>
                    <a:lnTo>
                      <a:pt x="58" y="24"/>
                    </a:lnTo>
                    <a:lnTo>
                      <a:pt x="58" y="24"/>
                    </a:lnTo>
                    <a:lnTo>
                      <a:pt x="58" y="24"/>
                    </a:lnTo>
                    <a:lnTo>
                      <a:pt x="58" y="24"/>
                    </a:lnTo>
                    <a:lnTo>
                      <a:pt x="58" y="24"/>
                    </a:lnTo>
                    <a:lnTo>
                      <a:pt x="58" y="24"/>
                    </a:lnTo>
                    <a:lnTo>
                      <a:pt x="58" y="24"/>
                    </a:lnTo>
                    <a:lnTo>
                      <a:pt x="58" y="24"/>
                    </a:lnTo>
                    <a:lnTo>
                      <a:pt x="58" y="24"/>
                    </a:lnTo>
                    <a:lnTo>
                      <a:pt x="58" y="24"/>
                    </a:lnTo>
                    <a:lnTo>
                      <a:pt x="58" y="24"/>
                    </a:lnTo>
                    <a:lnTo>
                      <a:pt x="58" y="24"/>
                    </a:lnTo>
                    <a:lnTo>
                      <a:pt x="58" y="24"/>
                    </a:lnTo>
                    <a:lnTo>
                      <a:pt x="58" y="24"/>
                    </a:lnTo>
                    <a:lnTo>
                      <a:pt x="58" y="24"/>
                    </a:lnTo>
                    <a:lnTo>
                      <a:pt x="98" y="45"/>
                    </a:lnTo>
                    <a:lnTo>
                      <a:pt x="98" y="45"/>
                    </a:lnTo>
                    <a:lnTo>
                      <a:pt x="85" y="70"/>
                    </a:lnTo>
                    <a:lnTo>
                      <a:pt x="85" y="70"/>
                    </a:lnTo>
                    <a:lnTo>
                      <a:pt x="50" y="54"/>
                    </a:lnTo>
                    <a:lnTo>
                      <a:pt x="48" y="54"/>
                    </a:lnTo>
                    <a:lnTo>
                      <a:pt x="48" y="52"/>
                    </a:lnTo>
                    <a:lnTo>
                      <a:pt x="47" y="52"/>
                    </a:lnTo>
                    <a:lnTo>
                      <a:pt x="45" y="54"/>
                    </a:lnTo>
                    <a:lnTo>
                      <a:pt x="43" y="52"/>
                    </a:lnTo>
                    <a:lnTo>
                      <a:pt x="37" y="48"/>
                    </a:lnTo>
                    <a:lnTo>
                      <a:pt x="37" y="48"/>
                    </a:lnTo>
                    <a:lnTo>
                      <a:pt x="36" y="46"/>
                    </a:lnTo>
                    <a:lnTo>
                      <a:pt x="34" y="45"/>
                    </a:lnTo>
                    <a:lnTo>
                      <a:pt x="32" y="45"/>
                    </a:lnTo>
                    <a:lnTo>
                      <a:pt x="32" y="45"/>
                    </a:lnTo>
                    <a:lnTo>
                      <a:pt x="30" y="43"/>
                    </a:lnTo>
                    <a:lnTo>
                      <a:pt x="34" y="33"/>
                    </a:lnTo>
                    <a:lnTo>
                      <a:pt x="34" y="33"/>
                    </a:lnTo>
                    <a:lnTo>
                      <a:pt x="34" y="33"/>
                    </a:lnTo>
                    <a:lnTo>
                      <a:pt x="32" y="33"/>
                    </a:lnTo>
                    <a:lnTo>
                      <a:pt x="32" y="33"/>
                    </a:lnTo>
                    <a:lnTo>
                      <a:pt x="32" y="33"/>
                    </a:lnTo>
                    <a:lnTo>
                      <a:pt x="32" y="33"/>
                    </a:lnTo>
                    <a:lnTo>
                      <a:pt x="32" y="33"/>
                    </a:lnTo>
                    <a:lnTo>
                      <a:pt x="32" y="33"/>
                    </a:lnTo>
                    <a:lnTo>
                      <a:pt x="32" y="33"/>
                    </a:lnTo>
                    <a:lnTo>
                      <a:pt x="32" y="33"/>
                    </a:lnTo>
                    <a:lnTo>
                      <a:pt x="32" y="33"/>
                    </a:lnTo>
                    <a:lnTo>
                      <a:pt x="32" y="33"/>
                    </a:lnTo>
                    <a:lnTo>
                      <a:pt x="32" y="33"/>
                    </a:lnTo>
                    <a:lnTo>
                      <a:pt x="32" y="33"/>
                    </a:lnTo>
                    <a:lnTo>
                      <a:pt x="32" y="33"/>
                    </a:lnTo>
                    <a:lnTo>
                      <a:pt x="30" y="33"/>
                    </a:lnTo>
                    <a:lnTo>
                      <a:pt x="30" y="33"/>
                    </a:lnTo>
                    <a:lnTo>
                      <a:pt x="30" y="33"/>
                    </a:lnTo>
                    <a:lnTo>
                      <a:pt x="30" y="33"/>
                    </a:lnTo>
                    <a:lnTo>
                      <a:pt x="30" y="33"/>
                    </a:lnTo>
                    <a:lnTo>
                      <a:pt x="30" y="33"/>
                    </a:lnTo>
                    <a:lnTo>
                      <a:pt x="30" y="33"/>
                    </a:lnTo>
                    <a:lnTo>
                      <a:pt x="30" y="33"/>
                    </a:lnTo>
                    <a:lnTo>
                      <a:pt x="30" y="33"/>
                    </a:lnTo>
                    <a:lnTo>
                      <a:pt x="30" y="33"/>
                    </a:lnTo>
                    <a:lnTo>
                      <a:pt x="28" y="33"/>
                    </a:lnTo>
                    <a:lnTo>
                      <a:pt x="28" y="33"/>
                    </a:lnTo>
                    <a:lnTo>
                      <a:pt x="28" y="33"/>
                    </a:lnTo>
                    <a:lnTo>
                      <a:pt x="28" y="33"/>
                    </a:lnTo>
                    <a:lnTo>
                      <a:pt x="28" y="33"/>
                    </a:lnTo>
                    <a:lnTo>
                      <a:pt x="28" y="33"/>
                    </a:lnTo>
                    <a:lnTo>
                      <a:pt x="28" y="33"/>
                    </a:lnTo>
                    <a:lnTo>
                      <a:pt x="28" y="33"/>
                    </a:lnTo>
                    <a:lnTo>
                      <a:pt x="28" y="33"/>
                    </a:lnTo>
                    <a:lnTo>
                      <a:pt x="28" y="33"/>
                    </a:lnTo>
                    <a:lnTo>
                      <a:pt x="28" y="33"/>
                    </a:lnTo>
                    <a:lnTo>
                      <a:pt x="28" y="33"/>
                    </a:lnTo>
                    <a:lnTo>
                      <a:pt x="28" y="32"/>
                    </a:lnTo>
                    <a:lnTo>
                      <a:pt x="28" y="32"/>
                    </a:lnTo>
                    <a:lnTo>
                      <a:pt x="28" y="32"/>
                    </a:lnTo>
                    <a:lnTo>
                      <a:pt x="28" y="32"/>
                    </a:lnTo>
                    <a:lnTo>
                      <a:pt x="26" y="32"/>
                    </a:lnTo>
                    <a:lnTo>
                      <a:pt x="26" y="32"/>
                    </a:lnTo>
                    <a:lnTo>
                      <a:pt x="26" y="32"/>
                    </a:lnTo>
                    <a:lnTo>
                      <a:pt x="26" y="32"/>
                    </a:lnTo>
                    <a:lnTo>
                      <a:pt x="26" y="32"/>
                    </a:lnTo>
                    <a:lnTo>
                      <a:pt x="26" y="32"/>
                    </a:lnTo>
                    <a:lnTo>
                      <a:pt x="26" y="32"/>
                    </a:lnTo>
                    <a:lnTo>
                      <a:pt x="26" y="32"/>
                    </a:lnTo>
                    <a:lnTo>
                      <a:pt x="26" y="32"/>
                    </a:lnTo>
                    <a:lnTo>
                      <a:pt x="26" y="32"/>
                    </a:lnTo>
                    <a:lnTo>
                      <a:pt x="26" y="32"/>
                    </a:lnTo>
                    <a:lnTo>
                      <a:pt x="26" y="32"/>
                    </a:lnTo>
                    <a:lnTo>
                      <a:pt x="26" y="32"/>
                    </a:lnTo>
                    <a:lnTo>
                      <a:pt x="26" y="32"/>
                    </a:lnTo>
                    <a:lnTo>
                      <a:pt x="26" y="32"/>
                    </a:lnTo>
                    <a:lnTo>
                      <a:pt x="26" y="32"/>
                    </a:lnTo>
                    <a:lnTo>
                      <a:pt x="24" y="32"/>
                    </a:lnTo>
                    <a:lnTo>
                      <a:pt x="24" y="30"/>
                    </a:lnTo>
                    <a:lnTo>
                      <a:pt x="24" y="30"/>
                    </a:lnTo>
                    <a:lnTo>
                      <a:pt x="24" y="30"/>
                    </a:lnTo>
                    <a:lnTo>
                      <a:pt x="24" y="30"/>
                    </a:lnTo>
                    <a:lnTo>
                      <a:pt x="24" y="30"/>
                    </a:lnTo>
                    <a:lnTo>
                      <a:pt x="24" y="30"/>
                    </a:lnTo>
                    <a:lnTo>
                      <a:pt x="24" y="30"/>
                    </a:lnTo>
                    <a:lnTo>
                      <a:pt x="24" y="30"/>
                    </a:lnTo>
                    <a:lnTo>
                      <a:pt x="24" y="30"/>
                    </a:lnTo>
                    <a:lnTo>
                      <a:pt x="24" y="30"/>
                    </a:lnTo>
                    <a:lnTo>
                      <a:pt x="24" y="30"/>
                    </a:lnTo>
                    <a:lnTo>
                      <a:pt x="24" y="30"/>
                    </a:lnTo>
                    <a:lnTo>
                      <a:pt x="23" y="30"/>
                    </a:lnTo>
                    <a:lnTo>
                      <a:pt x="23" y="32"/>
                    </a:lnTo>
                    <a:lnTo>
                      <a:pt x="23" y="32"/>
                    </a:lnTo>
                    <a:lnTo>
                      <a:pt x="23" y="32"/>
                    </a:lnTo>
                    <a:lnTo>
                      <a:pt x="23" y="32"/>
                    </a:lnTo>
                    <a:lnTo>
                      <a:pt x="23" y="32"/>
                    </a:lnTo>
                    <a:lnTo>
                      <a:pt x="23" y="32"/>
                    </a:lnTo>
                    <a:lnTo>
                      <a:pt x="23" y="32"/>
                    </a:lnTo>
                    <a:lnTo>
                      <a:pt x="23" y="32"/>
                    </a:lnTo>
                    <a:lnTo>
                      <a:pt x="23" y="32"/>
                    </a:lnTo>
                    <a:lnTo>
                      <a:pt x="23" y="32"/>
                    </a:lnTo>
                    <a:lnTo>
                      <a:pt x="23" y="32"/>
                    </a:lnTo>
                    <a:lnTo>
                      <a:pt x="23" y="32"/>
                    </a:lnTo>
                    <a:lnTo>
                      <a:pt x="23" y="32"/>
                    </a:lnTo>
                    <a:lnTo>
                      <a:pt x="23" y="32"/>
                    </a:lnTo>
                    <a:lnTo>
                      <a:pt x="21" y="32"/>
                    </a:lnTo>
                    <a:lnTo>
                      <a:pt x="21" y="32"/>
                    </a:lnTo>
                    <a:lnTo>
                      <a:pt x="17" y="30"/>
                    </a:lnTo>
                    <a:lnTo>
                      <a:pt x="17" y="30"/>
                    </a:lnTo>
                    <a:lnTo>
                      <a:pt x="17" y="28"/>
                    </a:lnTo>
                    <a:lnTo>
                      <a:pt x="15" y="28"/>
                    </a:lnTo>
                    <a:lnTo>
                      <a:pt x="15" y="26"/>
                    </a:lnTo>
                    <a:lnTo>
                      <a:pt x="13" y="24"/>
                    </a:lnTo>
                    <a:lnTo>
                      <a:pt x="8" y="22"/>
                    </a:lnTo>
                    <a:lnTo>
                      <a:pt x="6" y="22"/>
                    </a:lnTo>
                    <a:lnTo>
                      <a:pt x="6" y="22"/>
                    </a:lnTo>
                    <a:lnTo>
                      <a:pt x="6" y="22"/>
                    </a:lnTo>
                    <a:lnTo>
                      <a:pt x="6" y="22"/>
                    </a:lnTo>
                    <a:lnTo>
                      <a:pt x="6" y="22"/>
                    </a:lnTo>
                    <a:lnTo>
                      <a:pt x="4" y="22"/>
                    </a:lnTo>
                    <a:lnTo>
                      <a:pt x="4" y="22"/>
                    </a:lnTo>
                    <a:lnTo>
                      <a:pt x="4" y="22"/>
                    </a:lnTo>
                    <a:lnTo>
                      <a:pt x="4" y="22"/>
                    </a:lnTo>
                    <a:lnTo>
                      <a:pt x="4" y="22"/>
                    </a:lnTo>
                    <a:lnTo>
                      <a:pt x="4" y="21"/>
                    </a:lnTo>
                    <a:lnTo>
                      <a:pt x="4" y="21"/>
                    </a:lnTo>
                    <a:lnTo>
                      <a:pt x="4" y="21"/>
                    </a:lnTo>
                    <a:lnTo>
                      <a:pt x="4" y="21"/>
                    </a:lnTo>
                    <a:lnTo>
                      <a:pt x="4" y="21"/>
                    </a:lnTo>
                    <a:lnTo>
                      <a:pt x="4" y="21"/>
                    </a:lnTo>
                    <a:lnTo>
                      <a:pt x="2" y="21"/>
                    </a:lnTo>
                    <a:lnTo>
                      <a:pt x="2" y="21"/>
                    </a:lnTo>
                    <a:lnTo>
                      <a:pt x="2" y="21"/>
                    </a:lnTo>
                    <a:lnTo>
                      <a:pt x="2" y="21"/>
                    </a:lnTo>
                    <a:lnTo>
                      <a:pt x="2" y="21"/>
                    </a:lnTo>
                    <a:lnTo>
                      <a:pt x="2" y="21"/>
                    </a:lnTo>
                    <a:lnTo>
                      <a:pt x="2" y="21"/>
                    </a:lnTo>
                    <a:lnTo>
                      <a:pt x="2" y="21"/>
                    </a:lnTo>
                    <a:lnTo>
                      <a:pt x="0" y="17"/>
                    </a:lnTo>
                    <a:lnTo>
                      <a:pt x="0" y="15"/>
                    </a:lnTo>
                    <a:lnTo>
                      <a:pt x="0" y="13"/>
                    </a:lnTo>
                    <a:lnTo>
                      <a:pt x="2" y="11"/>
                    </a:lnTo>
                    <a:lnTo>
                      <a:pt x="4" y="11"/>
                    </a:lnTo>
                    <a:lnTo>
                      <a:pt x="8" y="9"/>
                    </a:lnTo>
                    <a:lnTo>
                      <a:pt x="6" y="8"/>
                    </a:lnTo>
                    <a:lnTo>
                      <a:pt x="4" y="6"/>
                    </a:lnTo>
                    <a:lnTo>
                      <a:pt x="6" y="6"/>
                    </a:lnTo>
                    <a:lnTo>
                      <a:pt x="4" y="6"/>
                    </a:lnTo>
                    <a:close/>
                  </a:path>
                </a:pathLst>
              </a:custGeom>
              <a:solidFill>
                <a:srgbClr val="FFFF99">
                  <a:alpha val="5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58" name="Freeform 211"/>
              <p:cNvSpPr>
                <a:spLocks/>
              </p:cNvSpPr>
              <p:nvPr/>
            </p:nvSpPr>
            <p:spPr bwMode="auto">
              <a:xfrm>
                <a:off x="1511300" y="4927600"/>
                <a:ext cx="41275" cy="34925"/>
              </a:xfrm>
              <a:custGeom>
                <a:avLst/>
                <a:gdLst>
                  <a:gd name="T0" fmla="*/ 20 w 26"/>
                  <a:gd name="T1" fmla="*/ 15 h 22"/>
                  <a:gd name="T2" fmla="*/ 17 w 26"/>
                  <a:gd name="T3" fmla="*/ 13 h 22"/>
                  <a:gd name="T4" fmla="*/ 15 w 26"/>
                  <a:gd name="T5" fmla="*/ 13 h 22"/>
                  <a:gd name="T6" fmla="*/ 15 w 26"/>
                  <a:gd name="T7" fmla="*/ 11 h 22"/>
                  <a:gd name="T8" fmla="*/ 15 w 26"/>
                  <a:gd name="T9" fmla="*/ 11 h 22"/>
                  <a:gd name="T10" fmla="*/ 11 w 26"/>
                  <a:gd name="T11" fmla="*/ 9 h 22"/>
                  <a:gd name="T12" fmla="*/ 11 w 26"/>
                  <a:gd name="T13" fmla="*/ 9 h 22"/>
                  <a:gd name="T14" fmla="*/ 11 w 26"/>
                  <a:gd name="T15" fmla="*/ 9 h 22"/>
                  <a:gd name="T16" fmla="*/ 11 w 26"/>
                  <a:gd name="T17" fmla="*/ 9 h 22"/>
                  <a:gd name="T18" fmla="*/ 11 w 26"/>
                  <a:gd name="T19" fmla="*/ 11 h 22"/>
                  <a:gd name="T20" fmla="*/ 11 w 26"/>
                  <a:gd name="T21" fmla="*/ 11 h 22"/>
                  <a:gd name="T22" fmla="*/ 11 w 26"/>
                  <a:gd name="T23" fmla="*/ 11 h 22"/>
                  <a:gd name="T24" fmla="*/ 9 w 26"/>
                  <a:gd name="T25" fmla="*/ 11 h 22"/>
                  <a:gd name="T26" fmla="*/ 9 w 26"/>
                  <a:gd name="T27" fmla="*/ 11 h 22"/>
                  <a:gd name="T28" fmla="*/ 9 w 26"/>
                  <a:gd name="T29" fmla="*/ 13 h 22"/>
                  <a:gd name="T30" fmla="*/ 9 w 26"/>
                  <a:gd name="T31" fmla="*/ 13 h 22"/>
                  <a:gd name="T32" fmla="*/ 9 w 26"/>
                  <a:gd name="T33" fmla="*/ 13 h 22"/>
                  <a:gd name="T34" fmla="*/ 7 w 26"/>
                  <a:gd name="T35" fmla="*/ 13 h 22"/>
                  <a:gd name="T36" fmla="*/ 7 w 26"/>
                  <a:gd name="T37" fmla="*/ 15 h 22"/>
                  <a:gd name="T38" fmla="*/ 7 w 26"/>
                  <a:gd name="T39" fmla="*/ 15 h 22"/>
                  <a:gd name="T40" fmla="*/ 7 w 26"/>
                  <a:gd name="T41" fmla="*/ 15 h 22"/>
                  <a:gd name="T42" fmla="*/ 7 w 26"/>
                  <a:gd name="T43" fmla="*/ 15 h 22"/>
                  <a:gd name="T44" fmla="*/ 7 w 26"/>
                  <a:gd name="T45" fmla="*/ 17 h 22"/>
                  <a:gd name="T46" fmla="*/ 7 w 26"/>
                  <a:gd name="T47" fmla="*/ 17 h 22"/>
                  <a:gd name="T48" fmla="*/ 7 w 26"/>
                  <a:gd name="T49" fmla="*/ 17 h 22"/>
                  <a:gd name="T50" fmla="*/ 9 w 26"/>
                  <a:gd name="T51" fmla="*/ 17 h 22"/>
                  <a:gd name="T52" fmla="*/ 9 w 26"/>
                  <a:gd name="T53" fmla="*/ 17 h 22"/>
                  <a:gd name="T54" fmla="*/ 9 w 26"/>
                  <a:gd name="T55" fmla="*/ 17 h 22"/>
                  <a:gd name="T56" fmla="*/ 9 w 26"/>
                  <a:gd name="T57" fmla="*/ 18 h 22"/>
                  <a:gd name="T58" fmla="*/ 9 w 26"/>
                  <a:gd name="T59" fmla="*/ 18 h 22"/>
                  <a:gd name="T60" fmla="*/ 9 w 26"/>
                  <a:gd name="T61" fmla="*/ 18 h 22"/>
                  <a:gd name="T62" fmla="*/ 9 w 26"/>
                  <a:gd name="T63" fmla="*/ 18 h 22"/>
                  <a:gd name="T64" fmla="*/ 9 w 26"/>
                  <a:gd name="T65" fmla="*/ 18 h 22"/>
                  <a:gd name="T66" fmla="*/ 9 w 26"/>
                  <a:gd name="T67" fmla="*/ 20 h 22"/>
                  <a:gd name="T68" fmla="*/ 9 w 26"/>
                  <a:gd name="T69" fmla="*/ 20 h 22"/>
                  <a:gd name="T70" fmla="*/ 7 w 26"/>
                  <a:gd name="T71" fmla="*/ 20 h 22"/>
                  <a:gd name="T72" fmla="*/ 7 w 26"/>
                  <a:gd name="T73" fmla="*/ 20 h 22"/>
                  <a:gd name="T74" fmla="*/ 7 w 26"/>
                  <a:gd name="T75" fmla="*/ 20 h 22"/>
                  <a:gd name="T76" fmla="*/ 7 w 26"/>
                  <a:gd name="T77" fmla="*/ 20 h 22"/>
                  <a:gd name="T78" fmla="*/ 7 w 26"/>
                  <a:gd name="T79" fmla="*/ 22 h 22"/>
                  <a:gd name="T80" fmla="*/ 4 w 26"/>
                  <a:gd name="T81" fmla="*/ 18 h 22"/>
                  <a:gd name="T82" fmla="*/ 2 w 26"/>
                  <a:gd name="T83" fmla="*/ 13 h 22"/>
                  <a:gd name="T84" fmla="*/ 6 w 26"/>
                  <a:gd name="T85" fmla="*/ 7 h 22"/>
                  <a:gd name="T86" fmla="*/ 7 w 26"/>
                  <a:gd name="T87" fmla="*/ 4 h 22"/>
                  <a:gd name="T88" fmla="*/ 11 w 26"/>
                  <a:gd name="T89" fmla="*/ 4 h 22"/>
                  <a:gd name="T90" fmla="*/ 11 w 26"/>
                  <a:gd name="T91" fmla="*/ 2 h 22"/>
                  <a:gd name="T92" fmla="*/ 11 w 26"/>
                  <a:gd name="T93" fmla="*/ 2 h 22"/>
                  <a:gd name="T94" fmla="*/ 13 w 26"/>
                  <a:gd name="T95" fmla="*/ 2 h 22"/>
                  <a:gd name="T96" fmla="*/ 13 w 26"/>
                  <a:gd name="T97" fmla="*/ 0 h 22"/>
                  <a:gd name="T98" fmla="*/ 20 w 26"/>
                  <a:gd name="T99" fmla="*/ 5 h 22"/>
                  <a:gd name="T100" fmla="*/ 24 w 26"/>
                  <a:gd name="T101" fmla="*/ 9 h 22"/>
                  <a:gd name="T102" fmla="*/ 24 w 26"/>
                  <a:gd name="T103" fmla="*/ 11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26" h="22">
                    <a:moveTo>
                      <a:pt x="26" y="11"/>
                    </a:moveTo>
                    <a:lnTo>
                      <a:pt x="22" y="15"/>
                    </a:lnTo>
                    <a:lnTo>
                      <a:pt x="20" y="15"/>
                    </a:lnTo>
                    <a:lnTo>
                      <a:pt x="20" y="15"/>
                    </a:lnTo>
                    <a:lnTo>
                      <a:pt x="17" y="13"/>
                    </a:lnTo>
                    <a:lnTo>
                      <a:pt x="17" y="13"/>
                    </a:lnTo>
                    <a:lnTo>
                      <a:pt x="17" y="13"/>
                    </a:lnTo>
                    <a:lnTo>
                      <a:pt x="17" y="13"/>
                    </a:lnTo>
                    <a:lnTo>
                      <a:pt x="15" y="13"/>
                    </a:lnTo>
                    <a:lnTo>
                      <a:pt x="15" y="11"/>
                    </a:lnTo>
                    <a:lnTo>
                      <a:pt x="15" y="11"/>
                    </a:lnTo>
                    <a:lnTo>
                      <a:pt x="15" y="11"/>
                    </a:lnTo>
                    <a:lnTo>
                      <a:pt x="15" y="11"/>
                    </a:lnTo>
                    <a:lnTo>
                      <a:pt x="15" y="11"/>
                    </a:lnTo>
                    <a:lnTo>
                      <a:pt x="15" y="11"/>
                    </a:lnTo>
                    <a:lnTo>
                      <a:pt x="15" y="11"/>
                    </a:lnTo>
                    <a:lnTo>
                      <a:pt x="13" y="9"/>
                    </a:lnTo>
                    <a:lnTo>
                      <a:pt x="11" y="9"/>
                    </a:lnTo>
                    <a:lnTo>
                      <a:pt x="11" y="9"/>
                    </a:lnTo>
                    <a:lnTo>
                      <a:pt x="11" y="9"/>
                    </a:lnTo>
                    <a:lnTo>
                      <a:pt x="11" y="9"/>
                    </a:lnTo>
                    <a:lnTo>
                      <a:pt x="11" y="9"/>
                    </a:lnTo>
                    <a:lnTo>
                      <a:pt x="11" y="9"/>
                    </a:lnTo>
                    <a:lnTo>
                      <a:pt x="11" y="9"/>
                    </a:lnTo>
                    <a:lnTo>
                      <a:pt x="11" y="9"/>
                    </a:lnTo>
                    <a:lnTo>
                      <a:pt x="11" y="9"/>
                    </a:lnTo>
                    <a:lnTo>
                      <a:pt x="11" y="9"/>
                    </a:lnTo>
                    <a:lnTo>
                      <a:pt x="11" y="11"/>
                    </a:lnTo>
                    <a:lnTo>
                      <a:pt x="11" y="11"/>
                    </a:lnTo>
                    <a:lnTo>
                      <a:pt x="11" y="11"/>
                    </a:lnTo>
                    <a:lnTo>
                      <a:pt x="11" y="11"/>
                    </a:lnTo>
                    <a:lnTo>
                      <a:pt x="11" y="11"/>
                    </a:lnTo>
                    <a:lnTo>
                      <a:pt x="11" y="11"/>
                    </a:lnTo>
                    <a:lnTo>
                      <a:pt x="11" y="11"/>
                    </a:lnTo>
                    <a:lnTo>
                      <a:pt x="11" y="11"/>
                    </a:lnTo>
                    <a:lnTo>
                      <a:pt x="11" y="11"/>
                    </a:lnTo>
                    <a:lnTo>
                      <a:pt x="9" y="11"/>
                    </a:lnTo>
                    <a:lnTo>
                      <a:pt x="9" y="11"/>
                    </a:lnTo>
                    <a:lnTo>
                      <a:pt x="9" y="11"/>
                    </a:lnTo>
                    <a:lnTo>
                      <a:pt x="9" y="11"/>
                    </a:lnTo>
                    <a:lnTo>
                      <a:pt x="9" y="11"/>
                    </a:lnTo>
                    <a:lnTo>
                      <a:pt x="9" y="11"/>
                    </a:lnTo>
                    <a:lnTo>
                      <a:pt x="9" y="13"/>
                    </a:lnTo>
                    <a:lnTo>
                      <a:pt x="9" y="13"/>
                    </a:lnTo>
                    <a:lnTo>
                      <a:pt x="9" y="13"/>
                    </a:lnTo>
                    <a:lnTo>
                      <a:pt x="9" y="13"/>
                    </a:lnTo>
                    <a:lnTo>
                      <a:pt x="9" y="13"/>
                    </a:lnTo>
                    <a:lnTo>
                      <a:pt x="9" y="13"/>
                    </a:lnTo>
                    <a:lnTo>
                      <a:pt x="9" y="13"/>
                    </a:lnTo>
                    <a:lnTo>
                      <a:pt x="9" y="13"/>
                    </a:lnTo>
                    <a:lnTo>
                      <a:pt x="9" y="13"/>
                    </a:lnTo>
                    <a:lnTo>
                      <a:pt x="9" y="13"/>
                    </a:lnTo>
                    <a:lnTo>
                      <a:pt x="9" y="13"/>
                    </a:lnTo>
                    <a:lnTo>
                      <a:pt x="7" y="13"/>
                    </a:lnTo>
                    <a:lnTo>
                      <a:pt x="7" y="13"/>
                    </a:lnTo>
                    <a:lnTo>
                      <a:pt x="7" y="13"/>
                    </a:lnTo>
                    <a:lnTo>
                      <a:pt x="7" y="15"/>
                    </a:lnTo>
                    <a:lnTo>
                      <a:pt x="7" y="15"/>
                    </a:lnTo>
                    <a:lnTo>
                      <a:pt x="7" y="15"/>
                    </a:lnTo>
                    <a:lnTo>
                      <a:pt x="7" y="15"/>
                    </a:lnTo>
                    <a:lnTo>
                      <a:pt x="7" y="15"/>
                    </a:lnTo>
                    <a:lnTo>
                      <a:pt x="7" y="15"/>
                    </a:lnTo>
                    <a:lnTo>
                      <a:pt x="7" y="15"/>
                    </a:lnTo>
                    <a:lnTo>
                      <a:pt x="7" y="15"/>
                    </a:lnTo>
                    <a:lnTo>
                      <a:pt x="7" y="15"/>
                    </a:lnTo>
                    <a:lnTo>
                      <a:pt x="7" y="15"/>
                    </a:lnTo>
                    <a:lnTo>
                      <a:pt x="7" y="15"/>
                    </a:lnTo>
                    <a:lnTo>
                      <a:pt x="7" y="15"/>
                    </a:lnTo>
                    <a:lnTo>
                      <a:pt x="7" y="17"/>
                    </a:lnTo>
                    <a:lnTo>
                      <a:pt x="7" y="17"/>
                    </a:lnTo>
                    <a:lnTo>
                      <a:pt x="7" y="17"/>
                    </a:lnTo>
                    <a:lnTo>
                      <a:pt x="7" y="17"/>
                    </a:lnTo>
                    <a:lnTo>
                      <a:pt x="7" y="17"/>
                    </a:lnTo>
                    <a:lnTo>
                      <a:pt x="7" y="17"/>
                    </a:lnTo>
                    <a:lnTo>
                      <a:pt x="7" y="17"/>
                    </a:lnTo>
                    <a:lnTo>
                      <a:pt x="9" y="17"/>
                    </a:lnTo>
                    <a:lnTo>
                      <a:pt x="9" y="17"/>
                    </a:lnTo>
                    <a:lnTo>
                      <a:pt x="9" y="17"/>
                    </a:lnTo>
                    <a:lnTo>
                      <a:pt x="9" y="17"/>
                    </a:lnTo>
                    <a:lnTo>
                      <a:pt x="9" y="17"/>
                    </a:lnTo>
                    <a:lnTo>
                      <a:pt x="9" y="17"/>
                    </a:lnTo>
                    <a:lnTo>
                      <a:pt x="9" y="17"/>
                    </a:lnTo>
                    <a:lnTo>
                      <a:pt x="9" y="17"/>
                    </a:lnTo>
                    <a:lnTo>
                      <a:pt x="9" y="17"/>
                    </a:lnTo>
                    <a:lnTo>
                      <a:pt x="9" y="17"/>
                    </a:lnTo>
                    <a:lnTo>
                      <a:pt x="9" y="18"/>
                    </a:lnTo>
                    <a:lnTo>
                      <a:pt x="9" y="18"/>
                    </a:lnTo>
                    <a:lnTo>
                      <a:pt x="9" y="18"/>
                    </a:lnTo>
                    <a:lnTo>
                      <a:pt x="9" y="18"/>
                    </a:lnTo>
                    <a:lnTo>
                      <a:pt x="9" y="18"/>
                    </a:lnTo>
                    <a:lnTo>
                      <a:pt x="9" y="18"/>
                    </a:lnTo>
                    <a:lnTo>
                      <a:pt x="9" y="18"/>
                    </a:lnTo>
                    <a:lnTo>
                      <a:pt x="9" y="18"/>
                    </a:lnTo>
                    <a:lnTo>
                      <a:pt x="9" y="18"/>
                    </a:lnTo>
                    <a:lnTo>
                      <a:pt x="9" y="18"/>
                    </a:lnTo>
                    <a:lnTo>
                      <a:pt x="9" y="18"/>
                    </a:lnTo>
                    <a:lnTo>
                      <a:pt x="9" y="18"/>
                    </a:lnTo>
                    <a:lnTo>
                      <a:pt x="9" y="18"/>
                    </a:lnTo>
                    <a:lnTo>
                      <a:pt x="9" y="18"/>
                    </a:lnTo>
                    <a:lnTo>
                      <a:pt x="9" y="18"/>
                    </a:lnTo>
                    <a:lnTo>
                      <a:pt x="9" y="18"/>
                    </a:lnTo>
                    <a:lnTo>
                      <a:pt x="9" y="20"/>
                    </a:lnTo>
                    <a:lnTo>
                      <a:pt x="9" y="20"/>
                    </a:lnTo>
                    <a:lnTo>
                      <a:pt x="9" y="20"/>
                    </a:lnTo>
                    <a:lnTo>
                      <a:pt x="9" y="20"/>
                    </a:lnTo>
                    <a:lnTo>
                      <a:pt x="9" y="20"/>
                    </a:lnTo>
                    <a:lnTo>
                      <a:pt x="7" y="20"/>
                    </a:lnTo>
                    <a:lnTo>
                      <a:pt x="7" y="20"/>
                    </a:lnTo>
                    <a:lnTo>
                      <a:pt x="7" y="20"/>
                    </a:lnTo>
                    <a:lnTo>
                      <a:pt x="7" y="20"/>
                    </a:lnTo>
                    <a:lnTo>
                      <a:pt x="7" y="20"/>
                    </a:lnTo>
                    <a:lnTo>
                      <a:pt x="7" y="20"/>
                    </a:lnTo>
                    <a:lnTo>
                      <a:pt x="7" y="20"/>
                    </a:lnTo>
                    <a:lnTo>
                      <a:pt x="7" y="20"/>
                    </a:lnTo>
                    <a:lnTo>
                      <a:pt x="7" y="20"/>
                    </a:lnTo>
                    <a:lnTo>
                      <a:pt x="7" y="20"/>
                    </a:lnTo>
                    <a:lnTo>
                      <a:pt x="7" y="20"/>
                    </a:lnTo>
                    <a:lnTo>
                      <a:pt x="7" y="20"/>
                    </a:lnTo>
                    <a:lnTo>
                      <a:pt x="7" y="20"/>
                    </a:lnTo>
                    <a:lnTo>
                      <a:pt x="7" y="22"/>
                    </a:lnTo>
                    <a:lnTo>
                      <a:pt x="6" y="20"/>
                    </a:lnTo>
                    <a:lnTo>
                      <a:pt x="6" y="20"/>
                    </a:lnTo>
                    <a:lnTo>
                      <a:pt x="4" y="18"/>
                    </a:lnTo>
                    <a:lnTo>
                      <a:pt x="4" y="18"/>
                    </a:lnTo>
                    <a:lnTo>
                      <a:pt x="0" y="17"/>
                    </a:lnTo>
                    <a:lnTo>
                      <a:pt x="2" y="13"/>
                    </a:lnTo>
                    <a:lnTo>
                      <a:pt x="4" y="11"/>
                    </a:lnTo>
                    <a:lnTo>
                      <a:pt x="4" y="9"/>
                    </a:lnTo>
                    <a:lnTo>
                      <a:pt x="6" y="7"/>
                    </a:lnTo>
                    <a:lnTo>
                      <a:pt x="6" y="5"/>
                    </a:lnTo>
                    <a:lnTo>
                      <a:pt x="6" y="5"/>
                    </a:lnTo>
                    <a:lnTo>
                      <a:pt x="7" y="4"/>
                    </a:lnTo>
                    <a:lnTo>
                      <a:pt x="7" y="4"/>
                    </a:lnTo>
                    <a:lnTo>
                      <a:pt x="7" y="2"/>
                    </a:lnTo>
                    <a:lnTo>
                      <a:pt x="11" y="4"/>
                    </a:lnTo>
                    <a:lnTo>
                      <a:pt x="11" y="4"/>
                    </a:lnTo>
                    <a:lnTo>
                      <a:pt x="11" y="4"/>
                    </a:lnTo>
                    <a:lnTo>
                      <a:pt x="11" y="2"/>
                    </a:lnTo>
                    <a:lnTo>
                      <a:pt x="11" y="2"/>
                    </a:lnTo>
                    <a:lnTo>
                      <a:pt x="11" y="2"/>
                    </a:lnTo>
                    <a:lnTo>
                      <a:pt x="11" y="2"/>
                    </a:lnTo>
                    <a:lnTo>
                      <a:pt x="11" y="2"/>
                    </a:lnTo>
                    <a:lnTo>
                      <a:pt x="13" y="2"/>
                    </a:lnTo>
                    <a:lnTo>
                      <a:pt x="13" y="2"/>
                    </a:lnTo>
                    <a:lnTo>
                      <a:pt x="13" y="0"/>
                    </a:lnTo>
                    <a:lnTo>
                      <a:pt x="13" y="0"/>
                    </a:lnTo>
                    <a:lnTo>
                      <a:pt x="13" y="0"/>
                    </a:lnTo>
                    <a:lnTo>
                      <a:pt x="20" y="5"/>
                    </a:lnTo>
                    <a:lnTo>
                      <a:pt x="20" y="5"/>
                    </a:lnTo>
                    <a:lnTo>
                      <a:pt x="20" y="5"/>
                    </a:lnTo>
                    <a:lnTo>
                      <a:pt x="22" y="7"/>
                    </a:lnTo>
                    <a:lnTo>
                      <a:pt x="22" y="7"/>
                    </a:lnTo>
                    <a:lnTo>
                      <a:pt x="24" y="9"/>
                    </a:lnTo>
                    <a:lnTo>
                      <a:pt x="24" y="11"/>
                    </a:lnTo>
                    <a:lnTo>
                      <a:pt x="24" y="11"/>
                    </a:lnTo>
                    <a:lnTo>
                      <a:pt x="24" y="11"/>
                    </a:lnTo>
                    <a:lnTo>
                      <a:pt x="26" y="11"/>
                    </a:lnTo>
                    <a:close/>
                  </a:path>
                </a:pathLst>
              </a:custGeom>
              <a:solidFill>
                <a:srgbClr val="FFFF99">
                  <a:alpha val="5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grpSp>
          <p:nvGrpSpPr>
            <p:cNvPr id="73" name="Gruppieren 72"/>
            <p:cNvGrpSpPr/>
            <p:nvPr/>
          </p:nvGrpSpPr>
          <p:grpSpPr>
            <a:xfrm>
              <a:off x="2953195" y="3576038"/>
              <a:ext cx="928840" cy="1207179"/>
              <a:chOff x="2814637" y="2827337"/>
              <a:chExt cx="1414463" cy="1838325"/>
            </a:xfrm>
          </p:grpSpPr>
          <p:sp>
            <p:nvSpPr>
              <p:cNvPr id="74" name="Freeform 193"/>
              <p:cNvSpPr>
                <a:spLocks noEditPoints="1"/>
              </p:cNvSpPr>
              <p:nvPr/>
            </p:nvSpPr>
            <p:spPr bwMode="auto">
              <a:xfrm>
                <a:off x="2922587" y="2827337"/>
                <a:ext cx="1306513" cy="1838325"/>
              </a:xfrm>
              <a:custGeom>
                <a:avLst/>
                <a:gdLst>
                  <a:gd name="T0" fmla="*/ 379 w 823"/>
                  <a:gd name="T1" fmla="*/ 69 h 1158"/>
                  <a:gd name="T2" fmla="*/ 518 w 823"/>
                  <a:gd name="T3" fmla="*/ 39 h 1158"/>
                  <a:gd name="T4" fmla="*/ 606 w 823"/>
                  <a:gd name="T5" fmla="*/ 24 h 1158"/>
                  <a:gd name="T6" fmla="*/ 582 w 823"/>
                  <a:gd name="T7" fmla="*/ 80 h 1158"/>
                  <a:gd name="T8" fmla="*/ 584 w 823"/>
                  <a:gd name="T9" fmla="*/ 119 h 1158"/>
                  <a:gd name="T10" fmla="*/ 582 w 823"/>
                  <a:gd name="T11" fmla="*/ 167 h 1158"/>
                  <a:gd name="T12" fmla="*/ 557 w 823"/>
                  <a:gd name="T13" fmla="*/ 217 h 1158"/>
                  <a:gd name="T14" fmla="*/ 629 w 823"/>
                  <a:gd name="T15" fmla="*/ 222 h 1158"/>
                  <a:gd name="T16" fmla="*/ 745 w 823"/>
                  <a:gd name="T17" fmla="*/ 232 h 1158"/>
                  <a:gd name="T18" fmla="*/ 762 w 823"/>
                  <a:gd name="T19" fmla="*/ 319 h 1158"/>
                  <a:gd name="T20" fmla="*/ 736 w 823"/>
                  <a:gd name="T21" fmla="*/ 295 h 1158"/>
                  <a:gd name="T22" fmla="*/ 730 w 823"/>
                  <a:gd name="T23" fmla="*/ 333 h 1158"/>
                  <a:gd name="T24" fmla="*/ 728 w 823"/>
                  <a:gd name="T25" fmla="*/ 402 h 1158"/>
                  <a:gd name="T26" fmla="*/ 704 w 823"/>
                  <a:gd name="T27" fmla="*/ 492 h 1158"/>
                  <a:gd name="T28" fmla="*/ 719 w 823"/>
                  <a:gd name="T29" fmla="*/ 589 h 1158"/>
                  <a:gd name="T30" fmla="*/ 777 w 823"/>
                  <a:gd name="T31" fmla="*/ 620 h 1158"/>
                  <a:gd name="T32" fmla="*/ 814 w 823"/>
                  <a:gd name="T33" fmla="*/ 685 h 1158"/>
                  <a:gd name="T34" fmla="*/ 789 w 823"/>
                  <a:gd name="T35" fmla="*/ 740 h 1158"/>
                  <a:gd name="T36" fmla="*/ 740 w 823"/>
                  <a:gd name="T37" fmla="*/ 718 h 1158"/>
                  <a:gd name="T38" fmla="*/ 710 w 823"/>
                  <a:gd name="T39" fmla="*/ 873 h 1158"/>
                  <a:gd name="T40" fmla="*/ 645 w 823"/>
                  <a:gd name="T41" fmla="*/ 914 h 1158"/>
                  <a:gd name="T42" fmla="*/ 592 w 823"/>
                  <a:gd name="T43" fmla="*/ 955 h 1158"/>
                  <a:gd name="T44" fmla="*/ 516 w 823"/>
                  <a:gd name="T45" fmla="*/ 977 h 1158"/>
                  <a:gd name="T46" fmla="*/ 405 w 823"/>
                  <a:gd name="T47" fmla="*/ 1058 h 1158"/>
                  <a:gd name="T48" fmla="*/ 305 w 823"/>
                  <a:gd name="T49" fmla="*/ 1142 h 1158"/>
                  <a:gd name="T50" fmla="*/ 274 w 823"/>
                  <a:gd name="T51" fmla="*/ 1127 h 1158"/>
                  <a:gd name="T52" fmla="*/ 250 w 823"/>
                  <a:gd name="T53" fmla="*/ 1064 h 1158"/>
                  <a:gd name="T54" fmla="*/ 209 w 823"/>
                  <a:gd name="T55" fmla="*/ 1029 h 1158"/>
                  <a:gd name="T56" fmla="*/ 159 w 823"/>
                  <a:gd name="T57" fmla="*/ 1007 h 1158"/>
                  <a:gd name="T58" fmla="*/ 122 w 823"/>
                  <a:gd name="T59" fmla="*/ 1005 h 1158"/>
                  <a:gd name="T60" fmla="*/ 52 w 823"/>
                  <a:gd name="T61" fmla="*/ 1008 h 1158"/>
                  <a:gd name="T62" fmla="*/ 33 w 823"/>
                  <a:gd name="T63" fmla="*/ 962 h 1158"/>
                  <a:gd name="T64" fmla="*/ 69 w 823"/>
                  <a:gd name="T65" fmla="*/ 951 h 1158"/>
                  <a:gd name="T66" fmla="*/ 102 w 823"/>
                  <a:gd name="T67" fmla="*/ 949 h 1158"/>
                  <a:gd name="T68" fmla="*/ 141 w 823"/>
                  <a:gd name="T69" fmla="*/ 910 h 1158"/>
                  <a:gd name="T70" fmla="*/ 120 w 823"/>
                  <a:gd name="T71" fmla="*/ 894 h 1158"/>
                  <a:gd name="T72" fmla="*/ 69 w 823"/>
                  <a:gd name="T73" fmla="*/ 862 h 1158"/>
                  <a:gd name="T74" fmla="*/ 28 w 823"/>
                  <a:gd name="T75" fmla="*/ 859 h 1158"/>
                  <a:gd name="T76" fmla="*/ 8 w 823"/>
                  <a:gd name="T77" fmla="*/ 862 h 1158"/>
                  <a:gd name="T78" fmla="*/ 13 w 823"/>
                  <a:gd name="T79" fmla="*/ 790 h 1158"/>
                  <a:gd name="T80" fmla="*/ 9 w 823"/>
                  <a:gd name="T81" fmla="*/ 729 h 1158"/>
                  <a:gd name="T82" fmla="*/ 46 w 823"/>
                  <a:gd name="T83" fmla="*/ 707 h 1158"/>
                  <a:gd name="T84" fmla="*/ 98 w 823"/>
                  <a:gd name="T85" fmla="*/ 707 h 1158"/>
                  <a:gd name="T86" fmla="*/ 113 w 823"/>
                  <a:gd name="T87" fmla="*/ 657 h 1158"/>
                  <a:gd name="T88" fmla="*/ 172 w 823"/>
                  <a:gd name="T89" fmla="*/ 587 h 1158"/>
                  <a:gd name="T90" fmla="*/ 205 w 823"/>
                  <a:gd name="T91" fmla="*/ 529 h 1158"/>
                  <a:gd name="T92" fmla="*/ 165 w 823"/>
                  <a:gd name="T93" fmla="*/ 513 h 1158"/>
                  <a:gd name="T94" fmla="*/ 200 w 823"/>
                  <a:gd name="T95" fmla="*/ 468 h 1158"/>
                  <a:gd name="T96" fmla="*/ 231 w 823"/>
                  <a:gd name="T97" fmla="*/ 433 h 1158"/>
                  <a:gd name="T98" fmla="*/ 239 w 823"/>
                  <a:gd name="T99" fmla="*/ 370 h 1158"/>
                  <a:gd name="T100" fmla="*/ 279 w 823"/>
                  <a:gd name="T101" fmla="*/ 352 h 1158"/>
                  <a:gd name="T102" fmla="*/ 266 w 823"/>
                  <a:gd name="T103" fmla="*/ 283 h 1158"/>
                  <a:gd name="T104" fmla="*/ 242 w 823"/>
                  <a:gd name="T105" fmla="*/ 270 h 1158"/>
                  <a:gd name="T106" fmla="*/ 209 w 823"/>
                  <a:gd name="T107" fmla="*/ 241 h 1158"/>
                  <a:gd name="T108" fmla="*/ 194 w 823"/>
                  <a:gd name="T109" fmla="*/ 108 h 1158"/>
                  <a:gd name="T110" fmla="*/ 279 w 823"/>
                  <a:gd name="T111" fmla="*/ 213 h 1158"/>
                  <a:gd name="T112" fmla="*/ 305 w 823"/>
                  <a:gd name="T113" fmla="*/ 272 h 1158"/>
                  <a:gd name="T114" fmla="*/ 337 w 823"/>
                  <a:gd name="T115" fmla="*/ 283 h 1158"/>
                  <a:gd name="T116" fmla="*/ 357 w 823"/>
                  <a:gd name="T117" fmla="*/ 317 h 1158"/>
                  <a:gd name="T118" fmla="*/ 390 w 823"/>
                  <a:gd name="T119" fmla="*/ 267 h 1158"/>
                  <a:gd name="T120" fmla="*/ 409 w 823"/>
                  <a:gd name="T121" fmla="*/ 226 h 1158"/>
                  <a:gd name="T122" fmla="*/ 420 w 823"/>
                  <a:gd name="T123" fmla="*/ 204 h 1158"/>
                  <a:gd name="T124" fmla="*/ 486 w 823"/>
                  <a:gd name="T125" fmla="*/ 200 h 11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23" h="1158">
                    <a:moveTo>
                      <a:pt x="394" y="167"/>
                    </a:moveTo>
                    <a:lnTo>
                      <a:pt x="377" y="143"/>
                    </a:lnTo>
                    <a:lnTo>
                      <a:pt x="375" y="143"/>
                    </a:lnTo>
                    <a:lnTo>
                      <a:pt x="375" y="141"/>
                    </a:lnTo>
                    <a:lnTo>
                      <a:pt x="375" y="139"/>
                    </a:lnTo>
                    <a:lnTo>
                      <a:pt x="374" y="139"/>
                    </a:lnTo>
                    <a:lnTo>
                      <a:pt x="375" y="137"/>
                    </a:lnTo>
                    <a:lnTo>
                      <a:pt x="377" y="135"/>
                    </a:lnTo>
                    <a:lnTo>
                      <a:pt x="377" y="134"/>
                    </a:lnTo>
                    <a:lnTo>
                      <a:pt x="379" y="132"/>
                    </a:lnTo>
                    <a:lnTo>
                      <a:pt x="379" y="130"/>
                    </a:lnTo>
                    <a:lnTo>
                      <a:pt x="379" y="128"/>
                    </a:lnTo>
                    <a:lnTo>
                      <a:pt x="379" y="126"/>
                    </a:lnTo>
                    <a:lnTo>
                      <a:pt x="379" y="124"/>
                    </a:lnTo>
                    <a:lnTo>
                      <a:pt x="379" y="122"/>
                    </a:lnTo>
                    <a:lnTo>
                      <a:pt x="377" y="122"/>
                    </a:lnTo>
                    <a:lnTo>
                      <a:pt x="377" y="121"/>
                    </a:lnTo>
                    <a:lnTo>
                      <a:pt x="377" y="119"/>
                    </a:lnTo>
                    <a:lnTo>
                      <a:pt x="377" y="117"/>
                    </a:lnTo>
                    <a:lnTo>
                      <a:pt x="377" y="113"/>
                    </a:lnTo>
                    <a:lnTo>
                      <a:pt x="377" y="111"/>
                    </a:lnTo>
                    <a:lnTo>
                      <a:pt x="375" y="111"/>
                    </a:lnTo>
                    <a:lnTo>
                      <a:pt x="375" y="110"/>
                    </a:lnTo>
                    <a:lnTo>
                      <a:pt x="375" y="108"/>
                    </a:lnTo>
                    <a:lnTo>
                      <a:pt x="374" y="108"/>
                    </a:lnTo>
                    <a:lnTo>
                      <a:pt x="374" y="106"/>
                    </a:lnTo>
                    <a:lnTo>
                      <a:pt x="372" y="106"/>
                    </a:lnTo>
                    <a:lnTo>
                      <a:pt x="372" y="104"/>
                    </a:lnTo>
                    <a:lnTo>
                      <a:pt x="377" y="104"/>
                    </a:lnTo>
                    <a:lnTo>
                      <a:pt x="375" y="98"/>
                    </a:lnTo>
                    <a:lnTo>
                      <a:pt x="374" y="97"/>
                    </a:lnTo>
                    <a:lnTo>
                      <a:pt x="375" y="95"/>
                    </a:lnTo>
                    <a:lnTo>
                      <a:pt x="374" y="91"/>
                    </a:lnTo>
                    <a:lnTo>
                      <a:pt x="375" y="89"/>
                    </a:lnTo>
                    <a:lnTo>
                      <a:pt x="377" y="89"/>
                    </a:lnTo>
                    <a:lnTo>
                      <a:pt x="374" y="84"/>
                    </a:lnTo>
                    <a:lnTo>
                      <a:pt x="379" y="82"/>
                    </a:lnTo>
                    <a:lnTo>
                      <a:pt x="379" y="80"/>
                    </a:lnTo>
                    <a:lnTo>
                      <a:pt x="379" y="78"/>
                    </a:lnTo>
                    <a:lnTo>
                      <a:pt x="377" y="78"/>
                    </a:lnTo>
                    <a:lnTo>
                      <a:pt x="381" y="73"/>
                    </a:lnTo>
                    <a:lnTo>
                      <a:pt x="379" y="69"/>
                    </a:lnTo>
                    <a:lnTo>
                      <a:pt x="377" y="69"/>
                    </a:lnTo>
                    <a:lnTo>
                      <a:pt x="377" y="67"/>
                    </a:lnTo>
                    <a:lnTo>
                      <a:pt x="375" y="67"/>
                    </a:lnTo>
                    <a:lnTo>
                      <a:pt x="374" y="65"/>
                    </a:lnTo>
                    <a:lnTo>
                      <a:pt x="372" y="65"/>
                    </a:lnTo>
                    <a:lnTo>
                      <a:pt x="372" y="63"/>
                    </a:lnTo>
                    <a:lnTo>
                      <a:pt x="370" y="63"/>
                    </a:lnTo>
                    <a:lnTo>
                      <a:pt x="368" y="61"/>
                    </a:lnTo>
                    <a:lnTo>
                      <a:pt x="366" y="60"/>
                    </a:lnTo>
                    <a:lnTo>
                      <a:pt x="364" y="60"/>
                    </a:lnTo>
                    <a:lnTo>
                      <a:pt x="362" y="60"/>
                    </a:lnTo>
                    <a:lnTo>
                      <a:pt x="355" y="56"/>
                    </a:lnTo>
                    <a:lnTo>
                      <a:pt x="350" y="56"/>
                    </a:lnTo>
                    <a:lnTo>
                      <a:pt x="350" y="54"/>
                    </a:lnTo>
                    <a:lnTo>
                      <a:pt x="364" y="60"/>
                    </a:lnTo>
                    <a:lnTo>
                      <a:pt x="366" y="60"/>
                    </a:lnTo>
                    <a:lnTo>
                      <a:pt x="374" y="61"/>
                    </a:lnTo>
                    <a:lnTo>
                      <a:pt x="414" y="61"/>
                    </a:lnTo>
                    <a:lnTo>
                      <a:pt x="416" y="61"/>
                    </a:lnTo>
                    <a:lnTo>
                      <a:pt x="418" y="61"/>
                    </a:lnTo>
                    <a:lnTo>
                      <a:pt x="420" y="61"/>
                    </a:lnTo>
                    <a:lnTo>
                      <a:pt x="422" y="61"/>
                    </a:lnTo>
                    <a:lnTo>
                      <a:pt x="422" y="63"/>
                    </a:lnTo>
                    <a:lnTo>
                      <a:pt x="429" y="61"/>
                    </a:lnTo>
                    <a:lnTo>
                      <a:pt x="431" y="61"/>
                    </a:lnTo>
                    <a:lnTo>
                      <a:pt x="435" y="60"/>
                    </a:lnTo>
                    <a:lnTo>
                      <a:pt x="440" y="58"/>
                    </a:lnTo>
                    <a:lnTo>
                      <a:pt x="451" y="56"/>
                    </a:lnTo>
                    <a:lnTo>
                      <a:pt x="457" y="54"/>
                    </a:lnTo>
                    <a:lnTo>
                      <a:pt x="477" y="50"/>
                    </a:lnTo>
                    <a:lnTo>
                      <a:pt x="486" y="48"/>
                    </a:lnTo>
                    <a:lnTo>
                      <a:pt x="497" y="45"/>
                    </a:lnTo>
                    <a:lnTo>
                      <a:pt x="501" y="45"/>
                    </a:lnTo>
                    <a:lnTo>
                      <a:pt x="503" y="43"/>
                    </a:lnTo>
                    <a:lnTo>
                      <a:pt x="505" y="43"/>
                    </a:lnTo>
                    <a:lnTo>
                      <a:pt x="507" y="43"/>
                    </a:lnTo>
                    <a:lnTo>
                      <a:pt x="509" y="43"/>
                    </a:lnTo>
                    <a:lnTo>
                      <a:pt x="509" y="41"/>
                    </a:lnTo>
                    <a:lnTo>
                      <a:pt x="512" y="43"/>
                    </a:lnTo>
                    <a:lnTo>
                      <a:pt x="514" y="41"/>
                    </a:lnTo>
                    <a:lnTo>
                      <a:pt x="516" y="41"/>
                    </a:lnTo>
                    <a:lnTo>
                      <a:pt x="518" y="39"/>
                    </a:lnTo>
                    <a:lnTo>
                      <a:pt x="523" y="37"/>
                    </a:lnTo>
                    <a:lnTo>
                      <a:pt x="523" y="36"/>
                    </a:lnTo>
                    <a:lnTo>
                      <a:pt x="531" y="34"/>
                    </a:lnTo>
                    <a:lnTo>
                      <a:pt x="533" y="32"/>
                    </a:lnTo>
                    <a:lnTo>
                      <a:pt x="544" y="26"/>
                    </a:lnTo>
                    <a:lnTo>
                      <a:pt x="555" y="21"/>
                    </a:lnTo>
                    <a:lnTo>
                      <a:pt x="564" y="15"/>
                    </a:lnTo>
                    <a:lnTo>
                      <a:pt x="566" y="15"/>
                    </a:lnTo>
                    <a:lnTo>
                      <a:pt x="568" y="13"/>
                    </a:lnTo>
                    <a:lnTo>
                      <a:pt x="568" y="11"/>
                    </a:lnTo>
                    <a:lnTo>
                      <a:pt x="568" y="10"/>
                    </a:lnTo>
                    <a:lnTo>
                      <a:pt x="570" y="11"/>
                    </a:lnTo>
                    <a:lnTo>
                      <a:pt x="571" y="11"/>
                    </a:lnTo>
                    <a:lnTo>
                      <a:pt x="573" y="11"/>
                    </a:lnTo>
                    <a:lnTo>
                      <a:pt x="577" y="8"/>
                    </a:lnTo>
                    <a:lnTo>
                      <a:pt x="581" y="2"/>
                    </a:lnTo>
                    <a:lnTo>
                      <a:pt x="586" y="6"/>
                    </a:lnTo>
                    <a:lnTo>
                      <a:pt x="592" y="0"/>
                    </a:lnTo>
                    <a:lnTo>
                      <a:pt x="594" y="4"/>
                    </a:lnTo>
                    <a:lnTo>
                      <a:pt x="595" y="4"/>
                    </a:lnTo>
                    <a:lnTo>
                      <a:pt x="595" y="2"/>
                    </a:lnTo>
                    <a:lnTo>
                      <a:pt x="597" y="2"/>
                    </a:lnTo>
                    <a:lnTo>
                      <a:pt x="597" y="4"/>
                    </a:lnTo>
                    <a:lnTo>
                      <a:pt x="599" y="4"/>
                    </a:lnTo>
                    <a:lnTo>
                      <a:pt x="599" y="6"/>
                    </a:lnTo>
                    <a:lnTo>
                      <a:pt x="601" y="6"/>
                    </a:lnTo>
                    <a:lnTo>
                      <a:pt x="601" y="8"/>
                    </a:lnTo>
                    <a:lnTo>
                      <a:pt x="601" y="10"/>
                    </a:lnTo>
                    <a:lnTo>
                      <a:pt x="603" y="10"/>
                    </a:lnTo>
                    <a:lnTo>
                      <a:pt x="603" y="13"/>
                    </a:lnTo>
                    <a:lnTo>
                      <a:pt x="605" y="15"/>
                    </a:lnTo>
                    <a:lnTo>
                      <a:pt x="605" y="17"/>
                    </a:lnTo>
                    <a:lnTo>
                      <a:pt x="605" y="19"/>
                    </a:lnTo>
                    <a:lnTo>
                      <a:pt x="608" y="17"/>
                    </a:lnTo>
                    <a:lnTo>
                      <a:pt x="610" y="17"/>
                    </a:lnTo>
                    <a:lnTo>
                      <a:pt x="608" y="19"/>
                    </a:lnTo>
                    <a:lnTo>
                      <a:pt x="608" y="21"/>
                    </a:lnTo>
                    <a:lnTo>
                      <a:pt x="610" y="21"/>
                    </a:lnTo>
                    <a:lnTo>
                      <a:pt x="608" y="21"/>
                    </a:lnTo>
                    <a:lnTo>
                      <a:pt x="608" y="23"/>
                    </a:lnTo>
                    <a:lnTo>
                      <a:pt x="606" y="23"/>
                    </a:lnTo>
                    <a:lnTo>
                      <a:pt x="606" y="24"/>
                    </a:lnTo>
                    <a:lnTo>
                      <a:pt x="605" y="26"/>
                    </a:lnTo>
                    <a:lnTo>
                      <a:pt x="603" y="28"/>
                    </a:lnTo>
                    <a:lnTo>
                      <a:pt x="606" y="30"/>
                    </a:lnTo>
                    <a:lnTo>
                      <a:pt x="606" y="28"/>
                    </a:lnTo>
                    <a:lnTo>
                      <a:pt x="606" y="30"/>
                    </a:lnTo>
                    <a:lnTo>
                      <a:pt x="608" y="30"/>
                    </a:lnTo>
                    <a:lnTo>
                      <a:pt x="610" y="32"/>
                    </a:lnTo>
                    <a:lnTo>
                      <a:pt x="614" y="34"/>
                    </a:lnTo>
                    <a:lnTo>
                      <a:pt x="612" y="36"/>
                    </a:lnTo>
                    <a:lnTo>
                      <a:pt x="618" y="37"/>
                    </a:lnTo>
                    <a:lnTo>
                      <a:pt x="619" y="39"/>
                    </a:lnTo>
                    <a:lnTo>
                      <a:pt x="621" y="41"/>
                    </a:lnTo>
                    <a:lnTo>
                      <a:pt x="623" y="47"/>
                    </a:lnTo>
                    <a:lnTo>
                      <a:pt x="621" y="47"/>
                    </a:lnTo>
                    <a:lnTo>
                      <a:pt x="619" y="47"/>
                    </a:lnTo>
                    <a:lnTo>
                      <a:pt x="619" y="48"/>
                    </a:lnTo>
                    <a:lnTo>
                      <a:pt x="618" y="50"/>
                    </a:lnTo>
                    <a:lnTo>
                      <a:pt x="616" y="52"/>
                    </a:lnTo>
                    <a:lnTo>
                      <a:pt x="616" y="54"/>
                    </a:lnTo>
                    <a:lnTo>
                      <a:pt x="614" y="56"/>
                    </a:lnTo>
                    <a:lnTo>
                      <a:pt x="614" y="58"/>
                    </a:lnTo>
                    <a:lnTo>
                      <a:pt x="612" y="58"/>
                    </a:lnTo>
                    <a:lnTo>
                      <a:pt x="612" y="60"/>
                    </a:lnTo>
                    <a:lnTo>
                      <a:pt x="610" y="60"/>
                    </a:lnTo>
                    <a:lnTo>
                      <a:pt x="606" y="61"/>
                    </a:lnTo>
                    <a:lnTo>
                      <a:pt x="606" y="63"/>
                    </a:lnTo>
                    <a:lnTo>
                      <a:pt x="605" y="63"/>
                    </a:lnTo>
                    <a:lnTo>
                      <a:pt x="603" y="63"/>
                    </a:lnTo>
                    <a:lnTo>
                      <a:pt x="603" y="65"/>
                    </a:lnTo>
                    <a:lnTo>
                      <a:pt x="605" y="67"/>
                    </a:lnTo>
                    <a:lnTo>
                      <a:pt x="601" y="67"/>
                    </a:lnTo>
                    <a:lnTo>
                      <a:pt x="595" y="71"/>
                    </a:lnTo>
                    <a:lnTo>
                      <a:pt x="597" y="73"/>
                    </a:lnTo>
                    <a:lnTo>
                      <a:pt x="595" y="73"/>
                    </a:lnTo>
                    <a:lnTo>
                      <a:pt x="595" y="74"/>
                    </a:lnTo>
                    <a:lnTo>
                      <a:pt x="594" y="74"/>
                    </a:lnTo>
                    <a:lnTo>
                      <a:pt x="594" y="73"/>
                    </a:lnTo>
                    <a:lnTo>
                      <a:pt x="592" y="76"/>
                    </a:lnTo>
                    <a:lnTo>
                      <a:pt x="592" y="78"/>
                    </a:lnTo>
                    <a:lnTo>
                      <a:pt x="594" y="78"/>
                    </a:lnTo>
                    <a:lnTo>
                      <a:pt x="592" y="82"/>
                    </a:lnTo>
                    <a:lnTo>
                      <a:pt x="582" y="80"/>
                    </a:lnTo>
                    <a:lnTo>
                      <a:pt x="582" y="85"/>
                    </a:lnTo>
                    <a:lnTo>
                      <a:pt x="581" y="87"/>
                    </a:lnTo>
                    <a:lnTo>
                      <a:pt x="573" y="87"/>
                    </a:lnTo>
                    <a:lnTo>
                      <a:pt x="571" y="89"/>
                    </a:lnTo>
                    <a:lnTo>
                      <a:pt x="571" y="87"/>
                    </a:lnTo>
                    <a:lnTo>
                      <a:pt x="570" y="87"/>
                    </a:lnTo>
                    <a:lnTo>
                      <a:pt x="568" y="89"/>
                    </a:lnTo>
                    <a:lnTo>
                      <a:pt x="568" y="87"/>
                    </a:lnTo>
                    <a:lnTo>
                      <a:pt x="566" y="87"/>
                    </a:lnTo>
                    <a:lnTo>
                      <a:pt x="566" y="89"/>
                    </a:lnTo>
                    <a:lnTo>
                      <a:pt x="566" y="91"/>
                    </a:lnTo>
                    <a:lnTo>
                      <a:pt x="564" y="91"/>
                    </a:lnTo>
                    <a:lnTo>
                      <a:pt x="564" y="93"/>
                    </a:lnTo>
                    <a:lnTo>
                      <a:pt x="566" y="93"/>
                    </a:lnTo>
                    <a:lnTo>
                      <a:pt x="568" y="95"/>
                    </a:lnTo>
                    <a:lnTo>
                      <a:pt x="570" y="95"/>
                    </a:lnTo>
                    <a:lnTo>
                      <a:pt x="571" y="97"/>
                    </a:lnTo>
                    <a:lnTo>
                      <a:pt x="573" y="98"/>
                    </a:lnTo>
                    <a:lnTo>
                      <a:pt x="573" y="97"/>
                    </a:lnTo>
                    <a:lnTo>
                      <a:pt x="575" y="97"/>
                    </a:lnTo>
                    <a:lnTo>
                      <a:pt x="577" y="97"/>
                    </a:lnTo>
                    <a:lnTo>
                      <a:pt x="579" y="97"/>
                    </a:lnTo>
                    <a:lnTo>
                      <a:pt x="581" y="97"/>
                    </a:lnTo>
                    <a:lnTo>
                      <a:pt x="582" y="97"/>
                    </a:lnTo>
                    <a:lnTo>
                      <a:pt x="584" y="97"/>
                    </a:lnTo>
                    <a:lnTo>
                      <a:pt x="584" y="98"/>
                    </a:lnTo>
                    <a:lnTo>
                      <a:pt x="584" y="100"/>
                    </a:lnTo>
                    <a:lnTo>
                      <a:pt x="584" y="102"/>
                    </a:lnTo>
                    <a:lnTo>
                      <a:pt x="586" y="102"/>
                    </a:lnTo>
                    <a:lnTo>
                      <a:pt x="588" y="102"/>
                    </a:lnTo>
                    <a:lnTo>
                      <a:pt x="588" y="104"/>
                    </a:lnTo>
                    <a:lnTo>
                      <a:pt x="588" y="106"/>
                    </a:lnTo>
                    <a:lnTo>
                      <a:pt x="586" y="106"/>
                    </a:lnTo>
                    <a:lnTo>
                      <a:pt x="586" y="108"/>
                    </a:lnTo>
                    <a:lnTo>
                      <a:pt x="584" y="108"/>
                    </a:lnTo>
                    <a:lnTo>
                      <a:pt x="584" y="110"/>
                    </a:lnTo>
                    <a:lnTo>
                      <a:pt x="584" y="111"/>
                    </a:lnTo>
                    <a:lnTo>
                      <a:pt x="584" y="113"/>
                    </a:lnTo>
                    <a:lnTo>
                      <a:pt x="584" y="115"/>
                    </a:lnTo>
                    <a:lnTo>
                      <a:pt x="584" y="117"/>
                    </a:lnTo>
                    <a:lnTo>
                      <a:pt x="582" y="119"/>
                    </a:lnTo>
                    <a:lnTo>
                      <a:pt x="584" y="119"/>
                    </a:lnTo>
                    <a:lnTo>
                      <a:pt x="584" y="121"/>
                    </a:lnTo>
                    <a:lnTo>
                      <a:pt x="584" y="119"/>
                    </a:lnTo>
                    <a:lnTo>
                      <a:pt x="586" y="119"/>
                    </a:lnTo>
                    <a:lnTo>
                      <a:pt x="586" y="121"/>
                    </a:lnTo>
                    <a:lnTo>
                      <a:pt x="586" y="122"/>
                    </a:lnTo>
                    <a:lnTo>
                      <a:pt x="586" y="124"/>
                    </a:lnTo>
                    <a:lnTo>
                      <a:pt x="586" y="126"/>
                    </a:lnTo>
                    <a:lnTo>
                      <a:pt x="586" y="128"/>
                    </a:lnTo>
                    <a:lnTo>
                      <a:pt x="586" y="130"/>
                    </a:lnTo>
                    <a:lnTo>
                      <a:pt x="586" y="132"/>
                    </a:lnTo>
                    <a:lnTo>
                      <a:pt x="586" y="134"/>
                    </a:lnTo>
                    <a:lnTo>
                      <a:pt x="582" y="132"/>
                    </a:lnTo>
                    <a:lnTo>
                      <a:pt x="582" y="134"/>
                    </a:lnTo>
                    <a:lnTo>
                      <a:pt x="581" y="134"/>
                    </a:lnTo>
                    <a:lnTo>
                      <a:pt x="581" y="135"/>
                    </a:lnTo>
                    <a:lnTo>
                      <a:pt x="581" y="137"/>
                    </a:lnTo>
                    <a:lnTo>
                      <a:pt x="581" y="135"/>
                    </a:lnTo>
                    <a:lnTo>
                      <a:pt x="579" y="135"/>
                    </a:lnTo>
                    <a:lnTo>
                      <a:pt x="577" y="135"/>
                    </a:lnTo>
                    <a:lnTo>
                      <a:pt x="577" y="137"/>
                    </a:lnTo>
                    <a:lnTo>
                      <a:pt x="575" y="137"/>
                    </a:lnTo>
                    <a:lnTo>
                      <a:pt x="575" y="139"/>
                    </a:lnTo>
                    <a:lnTo>
                      <a:pt x="577" y="139"/>
                    </a:lnTo>
                    <a:lnTo>
                      <a:pt x="579" y="139"/>
                    </a:lnTo>
                    <a:lnTo>
                      <a:pt x="577" y="139"/>
                    </a:lnTo>
                    <a:lnTo>
                      <a:pt x="577" y="143"/>
                    </a:lnTo>
                    <a:lnTo>
                      <a:pt x="579" y="143"/>
                    </a:lnTo>
                    <a:lnTo>
                      <a:pt x="581" y="145"/>
                    </a:lnTo>
                    <a:lnTo>
                      <a:pt x="584" y="150"/>
                    </a:lnTo>
                    <a:lnTo>
                      <a:pt x="586" y="150"/>
                    </a:lnTo>
                    <a:lnTo>
                      <a:pt x="586" y="156"/>
                    </a:lnTo>
                    <a:lnTo>
                      <a:pt x="588" y="156"/>
                    </a:lnTo>
                    <a:lnTo>
                      <a:pt x="588" y="154"/>
                    </a:lnTo>
                    <a:lnTo>
                      <a:pt x="590" y="159"/>
                    </a:lnTo>
                    <a:lnTo>
                      <a:pt x="590" y="161"/>
                    </a:lnTo>
                    <a:lnTo>
                      <a:pt x="588" y="161"/>
                    </a:lnTo>
                    <a:lnTo>
                      <a:pt x="588" y="163"/>
                    </a:lnTo>
                    <a:lnTo>
                      <a:pt x="588" y="165"/>
                    </a:lnTo>
                    <a:lnTo>
                      <a:pt x="588" y="167"/>
                    </a:lnTo>
                    <a:lnTo>
                      <a:pt x="586" y="167"/>
                    </a:lnTo>
                    <a:lnTo>
                      <a:pt x="584" y="167"/>
                    </a:lnTo>
                    <a:lnTo>
                      <a:pt x="582" y="167"/>
                    </a:lnTo>
                    <a:lnTo>
                      <a:pt x="582" y="169"/>
                    </a:lnTo>
                    <a:lnTo>
                      <a:pt x="582" y="171"/>
                    </a:lnTo>
                    <a:lnTo>
                      <a:pt x="581" y="171"/>
                    </a:lnTo>
                    <a:lnTo>
                      <a:pt x="582" y="171"/>
                    </a:lnTo>
                    <a:lnTo>
                      <a:pt x="582" y="172"/>
                    </a:lnTo>
                    <a:lnTo>
                      <a:pt x="582" y="174"/>
                    </a:lnTo>
                    <a:lnTo>
                      <a:pt x="581" y="174"/>
                    </a:lnTo>
                    <a:lnTo>
                      <a:pt x="579" y="174"/>
                    </a:lnTo>
                    <a:lnTo>
                      <a:pt x="581" y="174"/>
                    </a:lnTo>
                    <a:lnTo>
                      <a:pt x="579" y="174"/>
                    </a:lnTo>
                    <a:lnTo>
                      <a:pt x="581" y="174"/>
                    </a:lnTo>
                    <a:lnTo>
                      <a:pt x="581" y="176"/>
                    </a:lnTo>
                    <a:lnTo>
                      <a:pt x="581" y="178"/>
                    </a:lnTo>
                    <a:lnTo>
                      <a:pt x="581" y="180"/>
                    </a:lnTo>
                    <a:lnTo>
                      <a:pt x="581" y="182"/>
                    </a:lnTo>
                    <a:lnTo>
                      <a:pt x="582" y="182"/>
                    </a:lnTo>
                    <a:lnTo>
                      <a:pt x="582" y="184"/>
                    </a:lnTo>
                    <a:lnTo>
                      <a:pt x="582" y="185"/>
                    </a:lnTo>
                    <a:lnTo>
                      <a:pt x="581" y="187"/>
                    </a:lnTo>
                    <a:lnTo>
                      <a:pt x="581" y="189"/>
                    </a:lnTo>
                    <a:lnTo>
                      <a:pt x="581" y="193"/>
                    </a:lnTo>
                    <a:lnTo>
                      <a:pt x="581" y="195"/>
                    </a:lnTo>
                    <a:lnTo>
                      <a:pt x="582" y="198"/>
                    </a:lnTo>
                    <a:lnTo>
                      <a:pt x="582" y="200"/>
                    </a:lnTo>
                    <a:lnTo>
                      <a:pt x="581" y="200"/>
                    </a:lnTo>
                    <a:lnTo>
                      <a:pt x="579" y="202"/>
                    </a:lnTo>
                    <a:lnTo>
                      <a:pt x="579" y="204"/>
                    </a:lnTo>
                    <a:lnTo>
                      <a:pt x="579" y="206"/>
                    </a:lnTo>
                    <a:lnTo>
                      <a:pt x="577" y="208"/>
                    </a:lnTo>
                    <a:lnTo>
                      <a:pt x="575" y="208"/>
                    </a:lnTo>
                    <a:lnTo>
                      <a:pt x="573" y="209"/>
                    </a:lnTo>
                    <a:lnTo>
                      <a:pt x="571" y="211"/>
                    </a:lnTo>
                    <a:lnTo>
                      <a:pt x="570" y="211"/>
                    </a:lnTo>
                    <a:lnTo>
                      <a:pt x="568" y="211"/>
                    </a:lnTo>
                    <a:lnTo>
                      <a:pt x="566" y="211"/>
                    </a:lnTo>
                    <a:lnTo>
                      <a:pt x="564" y="213"/>
                    </a:lnTo>
                    <a:lnTo>
                      <a:pt x="562" y="213"/>
                    </a:lnTo>
                    <a:lnTo>
                      <a:pt x="560" y="215"/>
                    </a:lnTo>
                    <a:lnTo>
                      <a:pt x="558" y="215"/>
                    </a:lnTo>
                    <a:lnTo>
                      <a:pt x="557" y="217"/>
                    </a:lnTo>
                    <a:lnTo>
                      <a:pt x="555" y="217"/>
                    </a:lnTo>
                    <a:lnTo>
                      <a:pt x="557" y="217"/>
                    </a:lnTo>
                    <a:lnTo>
                      <a:pt x="558" y="217"/>
                    </a:lnTo>
                    <a:lnTo>
                      <a:pt x="562" y="219"/>
                    </a:lnTo>
                    <a:lnTo>
                      <a:pt x="566" y="221"/>
                    </a:lnTo>
                    <a:lnTo>
                      <a:pt x="566" y="219"/>
                    </a:lnTo>
                    <a:lnTo>
                      <a:pt x="568" y="217"/>
                    </a:lnTo>
                    <a:lnTo>
                      <a:pt x="570" y="215"/>
                    </a:lnTo>
                    <a:lnTo>
                      <a:pt x="571" y="215"/>
                    </a:lnTo>
                    <a:lnTo>
                      <a:pt x="571" y="213"/>
                    </a:lnTo>
                    <a:lnTo>
                      <a:pt x="575" y="215"/>
                    </a:lnTo>
                    <a:lnTo>
                      <a:pt x="577" y="215"/>
                    </a:lnTo>
                    <a:lnTo>
                      <a:pt x="581" y="213"/>
                    </a:lnTo>
                    <a:lnTo>
                      <a:pt x="582" y="213"/>
                    </a:lnTo>
                    <a:lnTo>
                      <a:pt x="584" y="213"/>
                    </a:lnTo>
                    <a:lnTo>
                      <a:pt x="586" y="213"/>
                    </a:lnTo>
                    <a:lnTo>
                      <a:pt x="590" y="215"/>
                    </a:lnTo>
                    <a:lnTo>
                      <a:pt x="590" y="217"/>
                    </a:lnTo>
                    <a:lnTo>
                      <a:pt x="592" y="217"/>
                    </a:lnTo>
                    <a:lnTo>
                      <a:pt x="592" y="219"/>
                    </a:lnTo>
                    <a:lnTo>
                      <a:pt x="595" y="222"/>
                    </a:lnTo>
                    <a:lnTo>
                      <a:pt x="597" y="224"/>
                    </a:lnTo>
                    <a:lnTo>
                      <a:pt x="603" y="215"/>
                    </a:lnTo>
                    <a:lnTo>
                      <a:pt x="603" y="213"/>
                    </a:lnTo>
                    <a:lnTo>
                      <a:pt x="605" y="213"/>
                    </a:lnTo>
                    <a:lnTo>
                      <a:pt x="606" y="213"/>
                    </a:lnTo>
                    <a:lnTo>
                      <a:pt x="606" y="211"/>
                    </a:lnTo>
                    <a:lnTo>
                      <a:pt x="608" y="211"/>
                    </a:lnTo>
                    <a:lnTo>
                      <a:pt x="610" y="211"/>
                    </a:lnTo>
                    <a:lnTo>
                      <a:pt x="612" y="211"/>
                    </a:lnTo>
                    <a:lnTo>
                      <a:pt x="614" y="211"/>
                    </a:lnTo>
                    <a:lnTo>
                      <a:pt x="612" y="211"/>
                    </a:lnTo>
                    <a:lnTo>
                      <a:pt x="612" y="213"/>
                    </a:lnTo>
                    <a:lnTo>
                      <a:pt x="616" y="213"/>
                    </a:lnTo>
                    <a:lnTo>
                      <a:pt x="616" y="217"/>
                    </a:lnTo>
                    <a:lnTo>
                      <a:pt x="618" y="219"/>
                    </a:lnTo>
                    <a:lnTo>
                      <a:pt x="619" y="219"/>
                    </a:lnTo>
                    <a:lnTo>
                      <a:pt x="619" y="221"/>
                    </a:lnTo>
                    <a:lnTo>
                      <a:pt x="621" y="221"/>
                    </a:lnTo>
                    <a:lnTo>
                      <a:pt x="621" y="222"/>
                    </a:lnTo>
                    <a:lnTo>
                      <a:pt x="623" y="222"/>
                    </a:lnTo>
                    <a:lnTo>
                      <a:pt x="625" y="222"/>
                    </a:lnTo>
                    <a:lnTo>
                      <a:pt x="627" y="222"/>
                    </a:lnTo>
                    <a:lnTo>
                      <a:pt x="629" y="222"/>
                    </a:lnTo>
                    <a:lnTo>
                      <a:pt x="631" y="222"/>
                    </a:lnTo>
                    <a:lnTo>
                      <a:pt x="632" y="222"/>
                    </a:lnTo>
                    <a:lnTo>
                      <a:pt x="634" y="219"/>
                    </a:lnTo>
                    <a:lnTo>
                      <a:pt x="634" y="217"/>
                    </a:lnTo>
                    <a:lnTo>
                      <a:pt x="642" y="221"/>
                    </a:lnTo>
                    <a:lnTo>
                      <a:pt x="643" y="221"/>
                    </a:lnTo>
                    <a:lnTo>
                      <a:pt x="645" y="221"/>
                    </a:lnTo>
                    <a:lnTo>
                      <a:pt x="651" y="222"/>
                    </a:lnTo>
                    <a:lnTo>
                      <a:pt x="653" y="222"/>
                    </a:lnTo>
                    <a:lnTo>
                      <a:pt x="655" y="222"/>
                    </a:lnTo>
                    <a:lnTo>
                      <a:pt x="656" y="224"/>
                    </a:lnTo>
                    <a:lnTo>
                      <a:pt x="658" y="224"/>
                    </a:lnTo>
                    <a:lnTo>
                      <a:pt x="658" y="226"/>
                    </a:lnTo>
                    <a:lnTo>
                      <a:pt x="662" y="230"/>
                    </a:lnTo>
                    <a:lnTo>
                      <a:pt x="664" y="230"/>
                    </a:lnTo>
                    <a:lnTo>
                      <a:pt x="664" y="232"/>
                    </a:lnTo>
                    <a:lnTo>
                      <a:pt x="666" y="232"/>
                    </a:lnTo>
                    <a:lnTo>
                      <a:pt x="667" y="233"/>
                    </a:lnTo>
                    <a:lnTo>
                      <a:pt x="673" y="233"/>
                    </a:lnTo>
                    <a:lnTo>
                      <a:pt x="675" y="235"/>
                    </a:lnTo>
                    <a:lnTo>
                      <a:pt x="680" y="239"/>
                    </a:lnTo>
                    <a:lnTo>
                      <a:pt x="682" y="239"/>
                    </a:lnTo>
                    <a:lnTo>
                      <a:pt x="684" y="239"/>
                    </a:lnTo>
                    <a:lnTo>
                      <a:pt x="686" y="239"/>
                    </a:lnTo>
                    <a:lnTo>
                      <a:pt x="688" y="239"/>
                    </a:lnTo>
                    <a:lnTo>
                      <a:pt x="690" y="237"/>
                    </a:lnTo>
                    <a:lnTo>
                      <a:pt x="692" y="235"/>
                    </a:lnTo>
                    <a:lnTo>
                      <a:pt x="693" y="233"/>
                    </a:lnTo>
                    <a:lnTo>
                      <a:pt x="695" y="232"/>
                    </a:lnTo>
                    <a:lnTo>
                      <a:pt x="697" y="232"/>
                    </a:lnTo>
                    <a:lnTo>
                      <a:pt x="699" y="232"/>
                    </a:lnTo>
                    <a:lnTo>
                      <a:pt x="704" y="232"/>
                    </a:lnTo>
                    <a:lnTo>
                      <a:pt x="706" y="232"/>
                    </a:lnTo>
                    <a:lnTo>
                      <a:pt x="708" y="232"/>
                    </a:lnTo>
                    <a:lnTo>
                      <a:pt x="712" y="233"/>
                    </a:lnTo>
                    <a:lnTo>
                      <a:pt x="714" y="233"/>
                    </a:lnTo>
                    <a:lnTo>
                      <a:pt x="721" y="235"/>
                    </a:lnTo>
                    <a:lnTo>
                      <a:pt x="723" y="235"/>
                    </a:lnTo>
                    <a:lnTo>
                      <a:pt x="725" y="235"/>
                    </a:lnTo>
                    <a:lnTo>
                      <a:pt x="727" y="235"/>
                    </a:lnTo>
                    <a:lnTo>
                      <a:pt x="728" y="235"/>
                    </a:lnTo>
                    <a:lnTo>
                      <a:pt x="745" y="232"/>
                    </a:lnTo>
                    <a:lnTo>
                      <a:pt x="747" y="232"/>
                    </a:lnTo>
                    <a:lnTo>
                      <a:pt x="749" y="232"/>
                    </a:lnTo>
                    <a:lnTo>
                      <a:pt x="751" y="232"/>
                    </a:lnTo>
                    <a:lnTo>
                      <a:pt x="753" y="233"/>
                    </a:lnTo>
                    <a:lnTo>
                      <a:pt x="765" y="237"/>
                    </a:lnTo>
                    <a:lnTo>
                      <a:pt x="767" y="237"/>
                    </a:lnTo>
                    <a:lnTo>
                      <a:pt x="771" y="239"/>
                    </a:lnTo>
                    <a:lnTo>
                      <a:pt x="775" y="239"/>
                    </a:lnTo>
                    <a:lnTo>
                      <a:pt x="777" y="239"/>
                    </a:lnTo>
                    <a:lnTo>
                      <a:pt x="778" y="241"/>
                    </a:lnTo>
                    <a:lnTo>
                      <a:pt x="780" y="241"/>
                    </a:lnTo>
                    <a:lnTo>
                      <a:pt x="784" y="243"/>
                    </a:lnTo>
                    <a:lnTo>
                      <a:pt x="786" y="245"/>
                    </a:lnTo>
                    <a:lnTo>
                      <a:pt x="786" y="246"/>
                    </a:lnTo>
                    <a:lnTo>
                      <a:pt x="786" y="248"/>
                    </a:lnTo>
                    <a:lnTo>
                      <a:pt x="786" y="250"/>
                    </a:lnTo>
                    <a:lnTo>
                      <a:pt x="786" y="258"/>
                    </a:lnTo>
                    <a:lnTo>
                      <a:pt x="784" y="267"/>
                    </a:lnTo>
                    <a:lnTo>
                      <a:pt x="786" y="269"/>
                    </a:lnTo>
                    <a:lnTo>
                      <a:pt x="788" y="278"/>
                    </a:lnTo>
                    <a:lnTo>
                      <a:pt x="791" y="278"/>
                    </a:lnTo>
                    <a:lnTo>
                      <a:pt x="791" y="280"/>
                    </a:lnTo>
                    <a:lnTo>
                      <a:pt x="793" y="282"/>
                    </a:lnTo>
                    <a:lnTo>
                      <a:pt x="793" y="289"/>
                    </a:lnTo>
                    <a:lnTo>
                      <a:pt x="795" y="295"/>
                    </a:lnTo>
                    <a:lnTo>
                      <a:pt x="791" y="298"/>
                    </a:lnTo>
                    <a:lnTo>
                      <a:pt x="788" y="302"/>
                    </a:lnTo>
                    <a:lnTo>
                      <a:pt x="786" y="306"/>
                    </a:lnTo>
                    <a:lnTo>
                      <a:pt x="784" y="311"/>
                    </a:lnTo>
                    <a:lnTo>
                      <a:pt x="780" y="313"/>
                    </a:lnTo>
                    <a:lnTo>
                      <a:pt x="778" y="313"/>
                    </a:lnTo>
                    <a:lnTo>
                      <a:pt x="775" y="317"/>
                    </a:lnTo>
                    <a:lnTo>
                      <a:pt x="773" y="317"/>
                    </a:lnTo>
                    <a:lnTo>
                      <a:pt x="771" y="317"/>
                    </a:lnTo>
                    <a:lnTo>
                      <a:pt x="767" y="319"/>
                    </a:lnTo>
                    <a:lnTo>
                      <a:pt x="765" y="322"/>
                    </a:lnTo>
                    <a:lnTo>
                      <a:pt x="764" y="320"/>
                    </a:lnTo>
                    <a:lnTo>
                      <a:pt x="764" y="322"/>
                    </a:lnTo>
                    <a:lnTo>
                      <a:pt x="764" y="320"/>
                    </a:lnTo>
                    <a:lnTo>
                      <a:pt x="762" y="320"/>
                    </a:lnTo>
                    <a:lnTo>
                      <a:pt x="764" y="319"/>
                    </a:lnTo>
                    <a:lnTo>
                      <a:pt x="762" y="319"/>
                    </a:lnTo>
                    <a:lnTo>
                      <a:pt x="762" y="320"/>
                    </a:lnTo>
                    <a:lnTo>
                      <a:pt x="762" y="319"/>
                    </a:lnTo>
                    <a:lnTo>
                      <a:pt x="760" y="319"/>
                    </a:lnTo>
                    <a:lnTo>
                      <a:pt x="760" y="317"/>
                    </a:lnTo>
                    <a:lnTo>
                      <a:pt x="760" y="315"/>
                    </a:lnTo>
                    <a:lnTo>
                      <a:pt x="758" y="315"/>
                    </a:lnTo>
                    <a:lnTo>
                      <a:pt x="758" y="317"/>
                    </a:lnTo>
                    <a:lnTo>
                      <a:pt x="756" y="319"/>
                    </a:lnTo>
                    <a:lnTo>
                      <a:pt x="754" y="319"/>
                    </a:lnTo>
                    <a:lnTo>
                      <a:pt x="753" y="319"/>
                    </a:lnTo>
                    <a:lnTo>
                      <a:pt x="751" y="319"/>
                    </a:lnTo>
                    <a:lnTo>
                      <a:pt x="749" y="317"/>
                    </a:lnTo>
                    <a:lnTo>
                      <a:pt x="747" y="317"/>
                    </a:lnTo>
                    <a:lnTo>
                      <a:pt x="747" y="315"/>
                    </a:lnTo>
                    <a:lnTo>
                      <a:pt x="745" y="313"/>
                    </a:lnTo>
                    <a:lnTo>
                      <a:pt x="743" y="311"/>
                    </a:lnTo>
                    <a:lnTo>
                      <a:pt x="743" y="309"/>
                    </a:lnTo>
                    <a:lnTo>
                      <a:pt x="745" y="309"/>
                    </a:lnTo>
                    <a:lnTo>
                      <a:pt x="747" y="307"/>
                    </a:lnTo>
                    <a:lnTo>
                      <a:pt x="751" y="309"/>
                    </a:lnTo>
                    <a:lnTo>
                      <a:pt x="751" y="307"/>
                    </a:lnTo>
                    <a:lnTo>
                      <a:pt x="753" y="307"/>
                    </a:lnTo>
                    <a:lnTo>
                      <a:pt x="753" y="306"/>
                    </a:lnTo>
                    <a:lnTo>
                      <a:pt x="754" y="306"/>
                    </a:lnTo>
                    <a:lnTo>
                      <a:pt x="754" y="304"/>
                    </a:lnTo>
                    <a:lnTo>
                      <a:pt x="753" y="304"/>
                    </a:lnTo>
                    <a:lnTo>
                      <a:pt x="751" y="304"/>
                    </a:lnTo>
                    <a:lnTo>
                      <a:pt x="751" y="302"/>
                    </a:lnTo>
                    <a:lnTo>
                      <a:pt x="749" y="302"/>
                    </a:lnTo>
                    <a:lnTo>
                      <a:pt x="751" y="302"/>
                    </a:lnTo>
                    <a:lnTo>
                      <a:pt x="749" y="300"/>
                    </a:lnTo>
                    <a:lnTo>
                      <a:pt x="747" y="300"/>
                    </a:lnTo>
                    <a:lnTo>
                      <a:pt x="745" y="298"/>
                    </a:lnTo>
                    <a:lnTo>
                      <a:pt x="743" y="298"/>
                    </a:lnTo>
                    <a:lnTo>
                      <a:pt x="741" y="298"/>
                    </a:lnTo>
                    <a:lnTo>
                      <a:pt x="741" y="296"/>
                    </a:lnTo>
                    <a:lnTo>
                      <a:pt x="740" y="296"/>
                    </a:lnTo>
                    <a:lnTo>
                      <a:pt x="740" y="298"/>
                    </a:lnTo>
                    <a:lnTo>
                      <a:pt x="738" y="298"/>
                    </a:lnTo>
                    <a:lnTo>
                      <a:pt x="736" y="298"/>
                    </a:lnTo>
                    <a:lnTo>
                      <a:pt x="736" y="296"/>
                    </a:lnTo>
                    <a:lnTo>
                      <a:pt x="736" y="295"/>
                    </a:lnTo>
                    <a:lnTo>
                      <a:pt x="734" y="295"/>
                    </a:lnTo>
                    <a:lnTo>
                      <a:pt x="734" y="296"/>
                    </a:lnTo>
                    <a:lnTo>
                      <a:pt x="732" y="296"/>
                    </a:lnTo>
                    <a:lnTo>
                      <a:pt x="732" y="298"/>
                    </a:lnTo>
                    <a:lnTo>
                      <a:pt x="730" y="298"/>
                    </a:lnTo>
                    <a:lnTo>
                      <a:pt x="728" y="298"/>
                    </a:lnTo>
                    <a:lnTo>
                      <a:pt x="728" y="300"/>
                    </a:lnTo>
                    <a:lnTo>
                      <a:pt x="730" y="300"/>
                    </a:lnTo>
                    <a:lnTo>
                      <a:pt x="730" y="302"/>
                    </a:lnTo>
                    <a:lnTo>
                      <a:pt x="728" y="302"/>
                    </a:lnTo>
                    <a:lnTo>
                      <a:pt x="728" y="304"/>
                    </a:lnTo>
                    <a:lnTo>
                      <a:pt x="728" y="306"/>
                    </a:lnTo>
                    <a:lnTo>
                      <a:pt x="728" y="307"/>
                    </a:lnTo>
                    <a:lnTo>
                      <a:pt x="728" y="309"/>
                    </a:lnTo>
                    <a:lnTo>
                      <a:pt x="727" y="309"/>
                    </a:lnTo>
                    <a:lnTo>
                      <a:pt x="725" y="311"/>
                    </a:lnTo>
                    <a:lnTo>
                      <a:pt x="723" y="311"/>
                    </a:lnTo>
                    <a:lnTo>
                      <a:pt x="723" y="313"/>
                    </a:lnTo>
                    <a:lnTo>
                      <a:pt x="721" y="313"/>
                    </a:lnTo>
                    <a:lnTo>
                      <a:pt x="719" y="313"/>
                    </a:lnTo>
                    <a:lnTo>
                      <a:pt x="719" y="315"/>
                    </a:lnTo>
                    <a:lnTo>
                      <a:pt x="717" y="315"/>
                    </a:lnTo>
                    <a:lnTo>
                      <a:pt x="716" y="315"/>
                    </a:lnTo>
                    <a:lnTo>
                      <a:pt x="716" y="317"/>
                    </a:lnTo>
                    <a:lnTo>
                      <a:pt x="714" y="317"/>
                    </a:lnTo>
                    <a:lnTo>
                      <a:pt x="716" y="317"/>
                    </a:lnTo>
                    <a:lnTo>
                      <a:pt x="716" y="319"/>
                    </a:lnTo>
                    <a:lnTo>
                      <a:pt x="717" y="319"/>
                    </a:lnTo>
                    <a:lnTo>
                      <a:pt x="719" y="319"/>
                    </a:lnTo>
                    <a:lnTo>
                      <a:pt x="719" y="320"/>
                    </a:lnTo>
                    <a:lnTo>
                      <a:pt x="721" y="322"/>
                    </a:lnTo>
                    <a:lnTo>
                      <a:pt x="721" y="324"/>
                    </a:lnTo>
                    <a:lnTo>
                      <a:pt x="723" y="324"/>
                    </a:lnTo>
                    <a:lnTo>
                      <a:pt x="721" y="324"/>
                    </a:lnTo>
                    <a:lnTo>
                      <a:pt x="721" y="326"/>
                    </a:lnTo>
                    <a:lnTo>
                      <a:pt x="723" y="326"/>
                    </a:lnTo>
                    <a:lnTo>
                      <a:pt x="725" y="328"/>
                    </a:lnTo>
                    <a:lnTo>
                      <a:pt x="725" y="330"/>
                    </a:lnTo>
                    <a:lnTo>
                      <a:pt x="727" y="330"/>
                    </a:lnTo>
                    <a:lnTo>
                      <a:pt x="728" y="331"/>
                    </a:lnTo>
                    <a:lnTo>
                      <a:pt x="730" y="331"/>
                    </a:lnTo>
                    <a:lnTo>
                      <a:pt x="730" y="333"/>
                    </a:lnTo>
                    <a:lnTo>
                      <a:pt x="732" y="333"/>
                    </a:lnTo>
                    <a:lnTo>
                      <a:pt x="734" y="333"/>
                    </a:lnTo>
                    <a:lnTo>
                      <a:pt x="736" y="333"/>
                    </a:lnTo>
                    <a:lnTo>
                      <a:pt x="736" y="335"/>
                    </a:lnTo>
                    <a:lnTo>
                      <a:pt x="738" y="335"/>
                    </a:lnTo>
                    <a:lnTo>
                      <a:pt x="738" y="337"/>
                    </a:lnTo>
                    <a:lnTo>
                      <a:pt x="740" y="337"/>
                    </a:lnTo>
                    <a:lnTo>
                      <a:pt x="741" y="339"/>
                    </a:lnTo>
                    <a:lnTo>
                      <a:pt x="743" y="339"/>
                    </a:lnTo>
                    <a:lnTo>
                      <a:pt x="743" y="341"/>
                    </a:lnTo>
                    <a:lnTo>
                      <a:pt x="745" y="341"/>
                    </a:lnTo>
                    <a:lnTo>
                      <a:pt x="745" y="343"/>
                    </a:lnTo>
                    <a:lnTo>
                      <a:pt x="745" y="344"/>
                    </a:lnTo>
                    <a:lnTo>
                      <a:pt x="747" y="344"/>
                    </a:lnTo>
                    <a:lnTo>
                      <a:pt x="747" y="346"/>
                    </a:lnTo>
                    <a:lnTo>
                      <a:pt x="749" y="346"/>
                    </a:lnTo>
                    <a:lnTo>
                      <a:pt x="749" y="348"/>
                    </a:lnTo>
                    <a:lnTo>
                      <a:pt x="751" y="348"/>
                    </a:lnTo>
                    <a:lnTo>
                      <a:pt x="751" y="350"/>
                    </a:lnTo>
                    <a:lnTo>
                      <a:pt x="753" y="350"/>
                    </a:lnTo>
                    <a:lnTo>
                      <a:pt x="753" y="352"/>
                    </a:lnTo>
                    <a:lnTo>
                      <a:pt x="753" y="354"/>
                    </a:lnTo>
                    <a:lnTo>
                      <a:pt x="754" y="356"/>
                    </a:lnTo>
                    <a:lnTo>
                      <a:pt x="754" y="357"/>
                    </a:lnTo>
                    <a:lnTo>
                      <a:pt x="754" y="363"/>
                    </a:lnTo>
                    <a:lnTo>
                      <a:pt x="753" y="363"/>
                    </a:lnTo>
                    <a:lnTo>
                      <a:pt x="747" y="365"/>
                    </a:lnTo>
                    <a:lnTo>
                      <a:pt x="743" y="367"/>
                    </a:lnTo>
                    <a:lnTo>
                      <a:pt x="741" y="367"/>
                    </a:lnTo>
                    <a:lnTo>
                      <a:pt x="740" y="368"/>
                    </a:lnTo>
                    <a:lnTo>
                      <a:pt x="740" y="370"/>
                    </a:lnTo>
                    <a:lnTo>
                      <a:pt x="740" y="376"/>
                    </a:lnTo>
                    <a:lnTo>
                      <a:pt x="741" y="378"/>
                    </a:lnTo>
                    <a:lnTo>
                      <a:pt x="740" y="381"/>
                    </a:lnTo>
                    <a:lnTo>
                      <a:pt x="740" y="385"/>
                    </a:lnTo>
                    <a:lnTo>
                      <a:pt x="738" y="387"/>
                    </a:lnTo>
                    <a:lnTo>
                      <a:pt x="740" y="391"/>
                    </a:lnTo>
                    <a:lnTo>
                      <a:pt x="740" y="393"/>
                    </a:lnTo>
                    <a:lnTo>
                      <a:pt x="736" y="394"/>
                    </a:lnTo>
                    <a:lnTo>
                      <a:pt x="732" y="398"/>
                    </a:lnTo>
                    <a:lnTo>
                      <a:pt x="730" y="402"/>
                    </a:lnTo>
                    <a:lnTo>
                      <a:pt x="728" y="402"/>
                    </a:lnTo>
                    <a:lnTo>
                      <a:pt x="728" y="404"/>
                    </a:lnTo>
                    <a:lnTo>
                      <a:pt x="727" y="405"/>
                    </a:lnTo>
                    <a:lnTo>
                      <a:pt x="725" y="409"/>
                    </a:lnTo>
                    <a:lnTo>
                      <a:pt x="725" y="413"/>
                    </a:lnTo>
                    <a:lnTo>
                      <a:pt x="725" y="417"/>
                    </a:lnTo>
                    <a:lnTo>
                      <a:pt x="723" y="418"/>
                    </a:lnTo>
                    <a:lnTo>
                      <a:pt x="723" y="422"/>
                    </a:lnTo>
                    <a:lnTo>
                      <a:pt x="721" y="426"/>
                    </a:lnTo>
                    <a:lnTo>
                      <a:pt x="719" y="428"/>
                    </a:lnTo>
                    <a:lnTo>
                      <a:pt x="717" y="431"/>
                    </a:lnTo>
                    <a:lnTo>
                      <a:pt x="716" y="433"/>
                    </a:lnTo>
                    <a:lnTo>
                      <a:pt x="716" y="435"/>
                    </a:lnTo>
                    <a:lnTo>
                      <a:pt x="714" y="437"/>
                    </a:lnTo>
                    <a:lnTo>
                      <a:pt x="714" y="441"/>
                    </a:lnTo>
                    <a:lnTo>
                      <a:pt x="716" y="444"/>
                    </a:lnTo>
                    <a:lnTo>
                      <a:pt x="716" y="446"/>
                    </a:lnTo>
                    <a:lnTo>
                      <a:pt x="716" y="448"/>
                    </a:lnTo>
                    <a:lnTo>
                      <a:pt x="714" y="450"/>
                    </a:lnTo>
                    <a:lnTo>
                      <a:pt x="714" y="452"/>
                    </a:lnTo>
                    <a:lnTo>
                      <a:pt x="717" y="455"/>
                    </a:lnTo>
                    <a:lnTo>
                      <a:pt x="717" y="457"/>
                    </a:lnTo>
                    <a:lnTo>
                      <a:pt x="714" y="461"/>
                    </a:lnTo>
                    <a:lnTo>
                      <a:pt x="712" y="461"/>
                    </a:lnTo>
                    <a:lnTo>
                      <a:pt x="712" y="465"/>
                    </a:lnTo>
                    <a:lnTo>
                      <a:pt x="712" y="467"/>
                    </a:lnTo>
                    <a:lnTo>
                      <a:pt x="710" y="467"/>
                    </a:lnTo>
                    <a:lnTo>
                      <a:pt x="708" y="468"/>
                    </a:lnTo>
                    <a:lnTo>
                      <a:pt x="706" y="468"/>
                    </a:lnTo>
                    <a:lnTo>
                      <a:pt x="706" y="470"/>
                    </a:lnTo>
                    <a:lnTo>
                      <a:pt x="706" y="472"/>
                    </a:lnTo>
                    <a:lnTo>
                      <a:pt x="704" y="472"/>
                    </a:lnTo>
                    <a:lnTo>
                      <a:pt x="701" y="476"/>
                    </a:lnTo>
                    <a:lnTo>
                      <a:pt x="699" y="478"/>
                    </a:lnTo>
                    <a:lnTo>
                      <a:pt x="697" y="479"/>
                    </a:lnTo>
                    <a:lnTo>
                      <a:pt x="699" y="479"/>
                    </a:lnTo>
                    <a:lnTo>
                      <a:pt x="699" y="481"/>
                    </a:lnTo>
                    <a:lnTo>
                      <a:pt x="701" y="479"/>
                    </a:lnTo>
                    <a:lnTo>
                      <a:pt x="701" y="481"/>
                    </a:lnTo>
                    <a:lnTo>
                      <a:pt x="701" y="485"/>
                    </a:lnTo>
                    <a:lnTo>
                      <a:pt x="701" y="487"/>
                    </a:lnTo>
                    <a:lnTo>
                      <a:pt x="703" y="489"/>
                    </a:lnTo>
                    <a:lnTo>
                      <a:pt x="704" y="492"/>
                    </a:lnTo>
                    <a:lnTo>
                      <a:pt x="706" y="492"/>
                    </a:lnTo>
                    <a:lnTo>
                      <a:pt x="708" y="492"/>
                    </a:lnTo>
                    <a:lnTo>
                      <a:pt x="710" y="494"/>
                    </a:lnTo>
                    <a:lnTo>
                      <a:pt x="708" y="496"/>
                    </a:lnTo>
                    <a:lnTo>
                      <a:pt x="710" y="496"/>
                    </a:lnTo>
                    <a:lnTo>
                      <a:pt x="712" y="496"/>
                    </a:lnTo>
                    <a:lnTo>
                      <a:pt x="714" y="500"/>
                    </a:lnTo>
                    <a:lnTo>
                      <a:pt x="714" y="502"/>
                    </a:lnTo>
                    <a:lnTo>
                      <a:pt x="714" y="504"/>
                    </a:lnTo>
                    <a:lnTo>
                      <a:pt x="716" y="504"/>
                    </a:lnTo>
                    <a:lnTo>
                      <a:pt x="716" y="505"/>
                    </a:lnTo>
                    <a:lnTo>
                      <a:pt x="716" y="507"/>
                    </a:lnTo>
                    <a:lnTo>
                      <a:pt x="716" y="509"/>
                    </a:lnTo>
                    <a:lnTo>
                      <a:pt x="716" y="511"/>
                    </a:lnTo>
                    <a:lnTo>
                      <a:pt x="716" y="515"/>
                    </a:lnTo>
                    <a:lnTo>
                      <a:pt x="716" y="516"/>
                    </a:lnTo>
                    <a:lnTo>
                      <a:pt x="716" y="520"/>
                    </a:lnTo>
                    <a:lnTo>
                      <a:pt x="717" y="522"/>
                    </a:lnTo>
                    <a:lnTo>
                      <a:pt x="717" y="524"/>
                    </a:lnTo>
                    <a:lnTo>
                      <a:pt x="717" y="529"/>
                    </a:lnTo>
                    <a:lnTo>
                      <a:pt x="716" y="531"/>
                    </a:lnTo>
                    <a:lnTo>
                      <a:pt x="716" y="533"/>
                    </a:lnTo>
                    <a:lnTo>
                      <a:pt x="714" y="535"/>
                    </a:lnTo>
                    <a:lnTo>
                      <a:pt x="714" y="539"/>
                    </a:lnTo>
                    <a:lnTo>
                      <a:pt x="712" y="541"/>
                    </a:lnTo>
                    <a:lnTo>
                      <a:pt x="708" y="548"/>
                    </a:lnTo>
                    <a:lnTo>
                      <a:pt x="706" y="550"/>
                    </a:lnTo>
                    <a:lnTo>
                      <a:pt x="706" y="553"/>
                    </a:lnTo>
                    <a:lnTo>
                      <a:pt x="706" y="557"/>
                    </a:lnTo>
                    <a:lnTo>
                      <a:pt x="706" y="559"/>
                    </a:lnTo>
                    <a:lnTo>
                      <a:pt x="706" y="563"/>
                    </a:lnTo>
                    <a:lnTo>
                      <a:pt x="706" y="565"/>
                    </a:lnTo>
                    <a:lnTo>
                      <a:pt x="706" y="570"/>
                    </a:lnTo>
                    <a:lnTo>
                      <a:pt x="706" y="572"/>
                    </a:lnTo>
                    <a:lnTo>
                      <a:pt x="708" y="576"/>
                    </a:lnTo>
                    <a:lnTo>
                      <a:pt x="710" y="578"/>
                    </a:lnTo>
                    <a:lnTo>
                      <a:pt x="710" y="579"/>
                    </a:lnTo>
                    <a:lnTo>
                      <a:pt x="712" y="581"/>
                    </a:lnTo>
                    <a:lnTo>
                      <a:pt x="714" y="583"/>
                    </a:lnTo>
                    <a:lnTo>
                      <a:pt x="716" y="585"/>
                    </a:lnTo>
                    <a:lnTo>
                      <a:pt x="717" y="587"/>
                    </a:lnTo>
                    <a:lnTo>
                      <a:pt x="719" y="589"/>
                    </a:lnTo>
                    <a:lnTo>
                      <a:pt x="721" y="590"/>
                    </a:lnTo>
                    <a:lnTo>
                      <a:pt x="723" y="590"/>
                    </a:lnTo>
                    <a:lnTo>
                      <a:pt x="725" y="589"/>
                    </a:lnTo>
                    <a:lnTo>
                      <a:pt x="727" y="590"/>
                    </a:lnTo>
                    <a:lnTo>
                      <a:pt x="728" y="590"/>
                    </a:lnTo>
                    <a:lnTo>
                      <a:pt x="730" y="590"/>
                    </a:lnTo>
                    <a:lnTo>
                      <a:pt x="732" y="590"/>
                    </a:lnTo>
                    <a:lnTo>
                      <a:pt x="734" y="590"/>
                    </a:lnTo>
                    <a:lnTo>
                      <a:pt x="736" y="590"/>
                    </a:lnTo>
                    <a:lnTo>
                      <a:pt x="740" y="590"/>
                    </a:lnTo>
                    <a:lnTo>
                      <a:pt x="741" y="592"/>
                    </a:lnTo>
                    <a:lnTo>
                      <a:pt x="743" y="592"/>
                    </a:lnTo>
                    <a:lnTo>
                      <a:pt x="745" y="592"/>
                    </a:lnTo>
                    <a:lnTo>
                      <a:pt x="747" y="592"/>
                    </a:lnTo>
                    <a:lnTo>
                      <a:pt x="749" y="592"/>
                    </a:lnTo>
                    <a:lnTo>
                      <a:pt x="751" y="592"/>
                    </a:lnTo>
                    <a:lnTo>
                      <a:pt x="753" y="592"/>
                    </a:lnTo>
                    <a:lnTo>
                      <a:pt x="753" y="594"/>
                    </a:lnTo>
                    <a:lnTo>
                      <a:pt x="754" y="594"/>
                    </a:lnTo>
                    <a:lnTo>
                      <a:pt x="756" y="596"/>
                    </a:lnTo>
                    <a:lnTo>
                      <a:pt x="760" y="596"/>
                    </a:lnTo>
                    <a:lnTo>
                      <a:pt x="762" y="596"/>
                    </a:lnTo>
                    <a:lnTo>
                      <a:pt x="764" y="598"/>
                    </a:lnTo>
                    <a:lnTo>
                      <a:pt x="765" y="596"/>
                    </a:lnTo>
                    <a:lnTo>
                      <a:pt x="767" y="596"/>
                    </a:lnTo>
                    <a:lnTo>
                      <a:pt x="769" y="598"/>
                    </a:lnTo>
                    <a:lnTo>
                      <a:pt x="771" y="598"/>
                    </a:lnTo>
                    <a:lnTo>
                      <a:pt x="771" y="600"/>
                    </a:lnTo>
                    <a:lnTo>
                      <a:pt x="773" y="600"/>
                    </a:lnTo>
                    <a:lnTo>
                      <a:pt x="775" y="600"/>
                    </a:lnTo>
                    <a:lnTo>
                      <a:pt x="777" y="600"/>
                    </a:lnTo>
                    <a:lnTo>
                      <a:pt x="778" y="600"/>
                    </a:lnTo>
                    <a:lnTo>
                      <a:pt x="780" y="602"/>
                    </a:lnTo>
                    <a:lnTo>
                      <a:pt x="782" y="603"/>
                    </a:lnTo>
                    <a:lnTo>
                      <a:pt x="782" y="605"/>
                    </a:lnTo>
                    <a:lnTo>
                      <a:pt x="782" y="609"/>
                    </a:lnTo>
                    <a:lnTo>
                      <a:pt x="780" y="611"/>
                    </a:lnTo>
                    <a:lnTo>
                      <a:pt x="780" y="613"/>
                    </a:lnTo>
                    <a:lnTo>
                      <a:pt x="780" y="615"/>
                    </a:lnTo>
                    <a:lnTo>
                      <a:pt x="780" y="616"/>
                    </a:lnTo>
                    <a:lnTo>
                      <a:pt x="778" y="618"/>
                    </a:lnTo>
                    <a:lnTo>
                      <a:pt x="777" y="620"/>
                    </a:lnTo>
                    <a:lnTo>
                      <a:pt x="777" y="622"/>
                    </a:lnTo>
                    <a:lnTo>
                      <a:pt x="775" y="624"/>
                    </a:lnTo>
                    <a:lnTo>
                      <a:pt x="775" y="626"/>
                    </a:lnTo>
                    <a:lnTo>
                      <a:pt x="775" y="627"/>
                    </a:lnTo>
                    <a:lnTo>
                      <a:pt x="775" y="629"/>
                    </a:lnTo>
                    <a:lnTo>
                      <a:pt x="777" y="629"/>
                    </a:lnTo>
                    <a:lnTo>
                      <a:pt x="782" y="629"/>
                    </a:lnTo>
                    <a:lnTo>
                      <a:pt x="784" y="629"/>
                    </a:lnTo>
                    <a:lnTo>
                      <a:pt x="786" y="629"/>
                    </a:lnTo>
                    <a:lnTo>
                      <a:pt x="788" y="629"/>
                    </a:lnTo>
                    <a:lnTo>
                      <a:pt x="789" y="629"/>
                    </a:lnTo>
                    <a:lnTo>
                      <a:pt x="791" y="629"/>
                    </a:lnTo>
                    <a:lnTo>
                      <a:pt x="793" y="631"/>
                    </a:lnTo>
                    <a:lnTo>
                      <a:pt x="795" y="631"/>
                    </a:lnTo>
                    <a:lnTo>
                      <a:pt x="797" y="629"/>
                    </a:lnTo>
                    <a:lnTo>
                      <a:pt x="799" y="627"/>
                    </a:lnTo>
                    <a:lnTo>
                      <a:pt x="802" y="637"/>
                    </a:lnTo>
                    <a:lnTo>
                      <a:pt x="804" y="639"/>
                    </a:lnTo>
                    <a:lnTo>
                      <a:pt x="808" y="642"/>
                    </a:lnTo>
                    <a:lnTo>
                      <a:pt x="810" y="642"/>
                    </a:lnTo>
                    <a:lnTo>
                      <a:pt x="815" y="642"/>
                    </a:lnTo>
                    <a:lnTo>
                      <a:pt x="817" y="642"/>
                    </a:lnTo>
                    <a:lnTo>
                      <a:pt x="819" y="640"/>
                    </a:lnTo>
                    <a:lnTo>
                      <a:pt x="821" y="644"/>
                    </a:lnTo>
                    <a:lnTo>
                      <a:pt x="823" y="646"/>
                    </a:lnTo>
                    <a:lnTo>
                      <a:pt x="821" y="646"/>
                    </a:lnTo>
                    <a:lnTo>
                      <a:pt x="819" y="648"/>
                    </a:lnTo>
                    <a:lnTo>
                      <a:pt x="817" y="651"/>
                    </a:lnTo>
                    <a:lnTo>
                      <a:pt x="817" y="653"/>
                    </a:lnTo>
                    <a:lnTo>
                      <a:pt x="819" y="661"/>
                    </a:lnTo>
                    <a:lnTo>
                      <a:pt x="817" y="663"/>
                    </a:lnTo>
                    <a:lnTo>
                      <a:pt x="815" y="663"/>
                    </a:lnTo>
                    <a:lnTo>
                      <a:pt x="814" y="664"/>
                    </a:lnTo>
                    <a:lnTo>
                      <a:pt x="814" y="666"/>
                    </a:lnTo>
                    <a:lnTo>
                      <a:pt x="814" y="668"/>
                    </a:lnTo>
                    <a:lnTo>
                      <a:pt x="815" y="670"/>
                    </a:lnTo>
                    <a:lnTo>
                      <a:pt x="815" y="672"/>
                    </a:lnTo>
                    <a:lnTo>
                      <a:pt x="817" y="677"/>
                    </a:lnTo>
                    <a:lnTo>
                      <a:pt x="815" y="681"/>
                    </a:lnTo>
                    <a:lnTo>
                      <a:pt x="814" y="681"/>
                    </a:lnTo>
                    <a:lnTo>
                      <a:pt x="814" y="683"/>
                    </a:lnTo>
                    <a:lnTo>
                      <a:pt x="814" y="685"/>
                    </a:lnTo>
                    <a:lnTo>
                      <a:pt x="812" y="687"/>
                    </a:lnTo>
                    <a:lnTo>
                      <a:pt x="810" y="688"/>
                    </a:lnTo>
                    <a:lnTo>
                      <a:pt x="812" y="690"/>
                    </a:lnTo>
                    <a:lnTo>
                      <a:pt x="812" y="692"/>
                    </a:lnTo>
                    <a:lnTo>
                      <a:pt x="812" y="694"/>
                    </a:lnTo>
                    <a:lnTo>
                      <a:pt x="812" y="696"/>
                    </a:lnTo>
                    <a:lnTo>
                      <a:pt x="812" y="698"/>
                    </a:lnTo>
                    <a:lnTo>
                      <a:pt x="812" y="700"/>
                    </a:lnTo>
                    <a:lnTo>
                      <a:pt x="810" y="700"/>
                    </a:lnTo>
                    <a:lnTo>
                      <a:pt x="812" y="701"/>
                    </a:lnTo>
                    <a:lnTo>
                      <a:pt x="812" y="703"/>
                    </a:lnTo>
                    <a:lnTo>
                      <a:pt x="810" y="707"/>
                    </a:lnTo>
                    <a:lnTo>
                      <a:pt x="810" y="709"/>
                    </a:lnTo>
                    <a:lnTo>
                      <a:pt x="810" y="711"/>
                    </a:lnTo>
                    <a:lnTo>
                      <a:pt x="808" y="713"/>
                    </a:lnTo>
                    <a:lnTo>
                      <a:pt x="808" y="716"/>
                    </a:lnTo>
                    <a:lnTo>
                      <a:pt x="812" y="716"/>
                    </a:lnTo>
                    <a:lnTo>
                      <a:pt x="815" y="716"/>
                    </a:lnTo>
                    <a:lnTo>
                      <a:pt x="819" y="716"/>
                    </a:lnTo>
                    <a:lnTo>
                      <a:pt x="817" y="718"/>
                    </a:lnTo>
                    <a:lnTo>
                      <a:pt x="804" y="731"/>
                    </a:lnTo>
                    <a:lnTo>
                      <a:pt x="799" y="733"/>
                    </a:lnTo>
                    <a:lnTo>
                      <a:pt x="797" y="733"/>
                    </a:lnTo>
                    <a:lnTo>
                      <a:pt x="799" y="735"/>
                    </a:lnTo>
                    <a:lnTo>
                      <a:pt x="797" y="737"/>
                    </a:lnTo>
                    <a:lnTo>
                      <a:pt x="795" y="737"/>
                    </a:lnTo>
                    <a:lnTo>
                      <a:pt x="795" y="738"/>
                    </a:lnTo>
                    <a:lnTo>
                      <a:pt x="795" y="740"/>
                    </a:lnTo>
                    <a:lnTo>
                      <a:pt x="793" y="740"/>
                    </a:lnTo>
                    <a:lnTo>
                      <a:pt x="793" y="742"/>
                    </a:lnTo>
                    <a:lnTo>
                      <a:pt x="791" y="744"/>
                    </a:lnTo>
                    <a:lnTo>
                      <a:pt x="791" y="746"/>
                    </a:lnTo>
                    <a:lnTo>
                      <a:pt x="791" y="748"/>
                    </a:lnTo>
                    <a:lnTo>
                      <a:pt x="791" y="750"/>
                    </a:lnTo>
                    <a:lnTo>
                      <a:pt x="789" y="750"/>
                    </a:lnTo>
                    <a:lnTo>
                      <a:pt x="789" y="748"/>
                    </a:lnTo>
                    <a:lnTo>
                      <a:pt x="789" y="746"/>
                    </a:lnTo>
                    <a:lnTo>
                      <a:pt x="788" y="746"/>
                    </a:lnTo>
                    <a:lnTo>
                      <a:pt x="788" y="744"/>
                    </a:lnTo>
                    <a:lnTo>
                      <a:pt x="789" y="744"/>
                    </a:lnTo>
                    <a:lnTo>
                      <a:pt x="788" y="740"/>
                    </a:lnTo>
                    <a:lnTo>
                      <a:pt x="789" y="740"/>
                    </a:lnTo>
                    <a:lnTo>
                      <a:pt x="788" y="738"/>
                    </a:lnTo>
                    <a:lnTo>
                      <a:pt x="789" y="738"/>
                    </a:lnTo>
                    <a:lnTo>
                      <a:pt x="788" y="737"/>
                    </a:lnTo>
                    <a:lnTo>
                      <a:pt x="788" y="735"/>
                    </a:lnTo>
                    <a:lnTo>
                      <a:pt x="786" y="735"/>
                    </a:lnTo>
                    <a:lnTo>
                      <a:pt x="784" y="735"/>
                    </a:lnTo>
                    <a:lnTo>
                      <a:pt x="784" y="733"/>
                    </a:lnTo>
                    <a:lnTo>
                      <a:pt x="782" y="733"/>
                    </a:lnTo>
                    <a:lnTo>
                      <a:pt x="782" y="731"/>
                    </a:lnTo>
                    <a:lnTo>
                      <a:pt x="782" y="729"/>
                    </a:lnTo>
                    <a:lnTo>
                      <a:pt x="782" y="727"/>
                    </a:lnTo>
                    <a:lnTo>
                      <a:pt x="782" y="725"/>
                    </a:lnTo>
                    <a:lnTo>
                      <a:pt x="782" y="724"/>
                    </a:lnTo>
                    <a:lnTo>
                      <a:pt x="780" y="724"/>
                    </a:lnTo>
                    <a:lnTo>
                      <a:pt x="778" y="722"/>
                    </a:lnTo>
                    <a:lnTo>
                      <a:pt x="777" y="722"/>
                    </a:lnTo>
                    <a:lnTo>
                      <a:pt x="777" y="720"/>
                    </a:lnTo>
                    <a:lnTo>
                      <a:pt x="775" y="720"/>
                    </a:lnTo>
                    <a:lnTo>
                      <a:pt x="775" y="718"/>
                    </a:lnTo>
                    <a:lnTo>
                      <a:pt x="773" y="716"/>
                    </a:lnTo>
                    <a:lnTo>
                      <a:pt x="771" y="718"/>
                    </a:lnTo>
                    <a:lnTo>
                      <a:pt x="771" y="716"/>
                    </a:lnTo>
                    <a:lnTo>
                      <a:pt x="771" y="718"/>
                    </a:lnTo>
                    <a:lnTo>
                      <a:pt x="769" y="718"/>
                    </a:lnTo>
                    <a:lnTo>
                      <a:pt x="767" y="716"/>
                    </a:lnTo>
                    <a:lnTo>
                      <a:pt x="765" y="718"/>
                    </a:lnTo>
                    <a:lnTo>
                      <a:pt x="765" y="716"/>
                    </a:lnTo>
                    <a:lnTo>
                      <a:pt x="765" y="718"/>
                    </a:lnTo>
                    <a:lnTo>
                      <a:pt x="764" y="718"/>
                    </a:lnTo>
                    <a:lnTo>
                      <a:pt x="762" y="718"/>
                    </a:lnTo>
                    <a:lnTo>
                      <a:pt x="760" y="718"/>
                    </a:lnTo>
                    <a:lnTo>
                      <a:pt x="758" y="718"/>
                    </a:lnTo>
                    <a:lnTo>
                      <a:pt x="756" y="718"/>
                    </a:lnTo>
                    <a:lnTo>
                      <a:pt x="754" y="718"/>
                    </a:lnTo>
                    <a:lnTo>
                      <a:pt x="753" y="718"/>
                    </a:lnTo>
                    <a:lnTo>
                      <a:pt x="751" y="718"/>
                    </a:lnTo>
                    <a:lnTo>
                      <a:pt x="749" y="718"/>
                    </a:lnTo>
                    <a:lnTo>
                      <a:pt x="747" y="718"/>
                    </a:lnTo>
                    <a:lnTo>
                      <a:pt x="745" y="718"/>
                    </a:lnTo>
                    <a:lnTo>
                      <a:pt x="743" y="718"/>
                    </a:lnTo>
                    <a:lnTo>
                      <a:pt x="741" y="718"/>
                    </a:lnTo>
                    <a:lnTo>
                      <a:pt x="740" y="718"/>
                    </a:lnTo>
                    <a:lnTo>
                      <a:pt x="743" y="724"/>
                    </a:lnTo>
                    <a:lnTo>
                      <a:pt x="745" y="727"/>
                    </a:lnTo>
                    <a:lnTo>
                      <a:pt x="745" y="729"/>
                    </a:lnTo>
                    <a:lnTo>
                      <a:pt x="747" y="729"/>
                    </a:lnTo>
                    <a:lnTo>
                      <a:pt x="747" y="731"/>
                    </a:lnTo>
                    <a:lnTo>
                      <a:pt x="747" y="733"/>
                    </a:lnTo>
                    <a:lnTo>
                      <a:pt x="749" y="733"/>
                    </a:lnTo>
                    <a:lnTo>
                      <a:pt x="749" y="735"/>
                    </a:lnTo>
                    <a:lnTo>
                      <a:pt x="749" y="737"/>
                    </a:lnTo>
                    <a:lnTo>
                      <a:pt x="751" y="737"/>
                    </a:lnTo>
                    <a:lnTo>
                      <a:pt x="751" y="738"/>
                    </a:lnTo>
                    <a:lnTo>
                      <a:pt x="753" y="744"/>
                    </a:lnTo>
                    <a:lnTo>
                      <a:pt x="751" y="748"/>
                    </a:lnTo>
                    <a:lnTo>
                      <a:pt x="749" y="750"/>
                    </a:lnTo>
                    <a:lnTo>
                      <a:pt x="747" y="751"/>
                    </a:lnTo>
                    <a:lnTo>
                      <a:pt x="747" y="753"/>
                    </a:lnTo>
                    <a:lnTo>
                      <a:pt x="745" y="753"/>
                    </a:lnTo>
                    <a:lnTo>
                      <a:pt x="743" y="753"/>
                    </a:lnTo>
                    <a:lnTo>
                      <a:pt x="743" y="755"/>
                    </a:lnTo>
                    <a:lnTo>
                      <a:pt x="741" y="755"/>
                    </a:lnTo>
                    <a:lnTo>
                      <a:pt x="740" y="755"/>
                    </a:lnTo>
                    <a:lnTo>
                      <a:pt x="738" y="755"/>
                    </a:lnTo>
                    <a:lnTo>
                      <a:pt x="736" y="755"/>
                    </a:lnTo>
                    <a:lnTo>
                      <a:pt x="734" y="755"/>
                    </a:lnTo>
                    <a:lnTo>
                      <a:pt x="732" y="755"/>
                    </a:lnTo>
                    <a:lnTo>
                      <a:pt x="730" y="755"/>
                    </a:lnTo>
                    <a:lnTo>
                      <a:pt x="728" y="755"/>
                    </a:lnTo>
                    <a:lnTo>
                      <a:pt x="728" y="768"/>
                    </a:lnTo>
                    <a:lnTo>
                      <a:pt x="728" y="781"/>
                    </a:lnTo>
                    <a:lnTo>
                      <a:pt x="728" y="787"/>
                    </a:lnTo>
                    <a:lnTo>
                      <a:pt x="736" y="792"/>
                    </a:lnTo>
                    <a:lnTo>
                      <a:pt x="736" y="798"/>
                    </a:lnTo>
                    <a:lnTo>
                      <a:pt x="734" y="811"/>
                    </a:lnTo>
                    <a:lnTo>
                      <a:pt x="732" y="829"/>
                    </a:lnTo>
                    <a:lnTo>
                      <a:pt x="736" y="840"/>
                    </a:lnTo>
                    <a:lnTo>
                      <a:pt x="740" y="846"/>
                    </a:lnTo>
                    <a:lnTo>
                      <a:pt x="732" y="849"/>
                    </a:lnTo>
                    <a:lnTo>
                      <a:pt x="728" y="851"/>
                    </a:lnTo>
                    <a:lnTo>
                      <a:pt x="727" y="859"/>
                    </a:lnTo>
                    <a:lnTo>
                      <a:pt x="721" y="868"/>
                    </a:lnTo>
                    <a:lnTo>
                      <a:pt x="716" y="872"/>
                    </a:lnTo>
                    <a:lnTo>
                      <a:pt x="710" y="873"/>
                    </a:lnTo>
                    <a:lnTo>
                      <a:pt x="708" y="872"/>
                    </a:lnTo>
                    <a:lnTo>
                      <a:pt x="706" y="872"/>
                    </a:lnTo>
                    <a:lnTo>
                      <a:pt x="704" y="872"/>
                    </a:lnTo>
                    <a:lnTo>
                      <a:pt x="704" y="870"/>
                    </a:lnTo>
                    <a:lnTo>
                      <a:pt x="703" y="870"/>
                    </a:lnTo>
                    <a:lnTo>
                      <a:pt x="701" y="870"/>
                    </a:lnTo>
                    <a:lnTo>
                      <a:pt x="699" y="870"/>
                    </a:lnTo>
                    <a:lnTo>
                      <a:pt x="699" y="868"/>
                    </a:lnTo>
                    <a:lnTo>
                      <a:pt x="697" y="868"/>
                    </a:lnTo>
                    <a:lnTo>
                      <a:pt x="695" y="868"/>
                    </a:lnTo>
                    <a:lnTo>
                      <a:pt x="695" y="866"/>
                    </a:lnTo>
                    <a:lnTo>
                      <a:pt x="693" y="866"/>
                    </a:lnTo>
                    <a:lnTo>
                      <a:pt x="688" y="862"/>
                    </a:lnTo>
                    <a:lnTo>
                      <a:pt x="684" y="862"/>
                    </a:lnTo>
                    <a:lnTo>
                      <a:pt x="684" y="864"/>
                    </a:lnTo>
                    <a:lnTo>
                      <a:pt x="682" y="864"/>
                    </a:lnTo>
                    <a:lnTo>
                      <a:pt x="680" y="868"/>
                    </a:lnTo>
                    <a:lnTo>
                      <a:pt x="679" y="868"/>
                    </a:lnTo>
                    <a:lnTo>
                      <a:pt x="677" y="872"/>
                    </a:lnTo>
                    <a:lnTo>
                      <a:pt x="675" y="872"/>
                    </a:lnTo>
                    <a:lnTo>
                      <a:pt x="673" y="873"/>
                    </a:lnTo>
                    <a:lnTo>
                      <a:pt x="673" y="875"/>
                    </a:lnTo>
                    <a:lnTo>
                      <a:pt x="671" y="877"/>
                    </a:lnTo>
                    <a:lnTo>
                      <a:pt x="669" y="877"/>
                    </a:lnTo>
                    <a:lnTo>
                      <a:pt x="669" y="879"/>
                    </a:lnTo>
                    <a:lnTo>
                      <a:pt x="669" y="881"/>
                    </a:lnTo>
                    <a:lnTo>
                      <a:pt x="667" y="881"/>
                    </a:lnTo>
                    <a:lnTo>
                      <a:pt x="667" y="883"/>
                    </a:lnTo>
                    <a:lnTo>
                      <a:pt x="666" y="883"/>
                    </a:lnTo>
                    <a:lnTo>
                      <a:pt x="666" y="885"/>
                    </a:lnTo>
                    <a:lnTo>
                      <a:pt x="666" y="886"/>
                    </a:lnTo>
                    <a:lnTo>
                      <a:pt x="664" y="888"/>
                    </a:lnTo>
                    <a:lnTo>
                      <a:pt x="662" y="892"/>
                    </a:lnTo>
                    <a:lnTo>
                      <a:pt x="660" y="896"/>
                    </a:lnTo>
                    <a:lnTo>
                      <a:pt x="655" y="903"/>
                    </a:lnTo>
                    <a:lnTo>
                      <a:pt x="655" y="905"/>
                    </a:lnTo>
                    <a:lnTo>
                      <a:pt x="653" y="907"/>
                    </a:lnTo>
                    <a:lnTo>
                      <a:pt x="651" y="909"/>
                    </a:lnTo>
                    <a:lnTo>
                      <a:pt x="649" y="910"/>
                    </a:lnTo>
                    <a:lnTo>
                      <a:pt x="647" y="912"/>
                    </a:lnTo>
                    <a:lnTo>
                      <a:pt x="645" y="912"/>
                    </a:lnTo>
                    <a:lnTo>
                      <a:pt x="645" y="914"/>
                    </a:lnTo>
                    <a:lnTo>
                      <a:pt x="643" y="914"/>
                    </a:lnTo>
                    <a:lnTo>
                      <a:pt x="642" y="914"/>
                    </a:lnTo>
                    <a:lnTo>
                      <a:pt x="642" y="916"/>
                    </a:lnTo>
                    <a:lnTo>
                      <a:pt x="640" y="916"/>
                    </a:lnTo>
                    <a:lnTo>
                      <a:pt x="638" y="918"/>
                    </a:lnTo>
                    <a:lnTo>
                      <a:pt x="636" y="920"/>
                    </a:lnTo>
                    <a:lnTo>
                      <a:pt x="632" y="922"/>
                    </a:lnTo>
                    <a:lnTo>
                      <a:pt x="631" y="922"/>
                    </a:lnTo>
                    <a:lnTo>
                      <a:pt x="627" y="923"/>
                    </a:lnTo>
                    <a:lnTo>
                      <a:pt x="625" y="923"/>
                    </a:lnTo>
                    <a:lnTo>
                      <a:pt x="621" y="923"/>
                    </a:lnTo>
                    <a:lnTo>
                      <a:pt x="619" y="923"/>
                    </a:lnTo>
                    <a:lnTo>
                      <a:pt x="619" y="925"/>
                    </a:lnTo>
                    <a:lnTo>
                      <a:pt x="618" y="925"/>
                    </a:lnTo>
                    <a:lnTo>
                      <a:pt x="618" y="927"/>
                    </a:lnTo>
                    <a:lnTo>
                      <a:pt x="616" y="927"/>
                    </a:lnTo>
                    <a:lnTo>
                      <a:pt x="616" y="929"/>
                    </a:lnTo>
                    <a:lnTo>
                      <a:pt x="614" y="929"/>
                    </a:lnTo>
                    <a:lnTo>
                      <a:pt x="612" y="929"/>
                    </a:lnTo>
                    <a:lnTo>
                      <a:pt x="612" y="931"/>
                    </a:lnTo>
                    <a:lnTo>
                      <a:pt x="610" y="931"/>
                    </a:lnTo>
                    <a:lnTo>
                      <a:pt x="608" y="931"/>
                    </a:lnTo>
                    <a:lnTo>
                      <a:pt x="608" y="933"/>
                    </a:lnTo>
                    <a:lnTo>
                      <a:pt x="606" y="933"/>
                    </a:lnTo>
                    <a:lnTo>
                      <a:pt x="605" y="933"/>
                    </a:lnTo>
                    <a:lnTo>
                      <a:pt x="605" y="935"/>
                    </a:lnTo>
                    <a:lnTo>
                      <a:pt x="605" y="936"/>
                    </a:lnTo>
                    <a:lnTo>
                      <a:pt x="603" y="936"/>
                    </a:lnTo>
                    <a:lnTo>
                      <a:pt x="603" y="938"/>
                    </a:lnTo>
                    <a:lnTo>
                      <a:pt x="601" y="938"/>
                    </a:lnTo>
                    <a:lnTo>
                      <a:pt x="601" y="940"/>
                    </a:lnTo>
                    <a:lnTo>
                      <a:pt x="601" y="942"/>
                    </a:lnTo>
                    <a:lnTo>
                      <a:pt x="599" y="942"/>
                    </a:lnTo>
                    <a:lnTo>
                      <a:pt x="599" y="944"/>
                    </a:lnTo>
                    <a:lnTo>
                      <a:pt x="597" y="944"/>
                    </a:lnTo>
                    <a:lnTo>
                      <a:pt x="597" y="946"/>
                    </a:lnTo>
                    <a:lnTo>
                      <a:pt x="595" y="947"/>
                    </a:lnTo>
                    <a:lnTo>
                      <a:pt x="595" y="949"/>
                    </a:lnTo>
                    <a:lnTo>
                      <a:pt x="594" y="949"/>
                    </a:lnTo>
                    <a:lnTo>
                      <a:pt x="594" y="951"/>
                    </a:lnTo>
                    <a:lnTo>
                      <a:pt x="592" y="953"/>
                    </a:lnTo>
                    <a:lnTo>
                      <a:pt x="592" y="955"/>
                    </a:lnTo>
                    <a:lnTo>
                      <a:pt x="590" y="955"/>
                    </a:lnTo>
                    <a:lnTo>
                      <a:pt x="590" y="957"/>
                    </a:lnTo>
                    <a:lnTo>
                      <a:pt x="588" y="957"/>
                    </a:lnTo>
                    <a:lnTo>
                      <a:pt x="588" y="959"/>
                    </a:lnTo>
                    <a:lnTo>
                      <a:pt x="586" y="960"/>
                    </a:lnTo>
                    <a:lnTo>
                      <a:pt x="584" y="964"/>
                    </a:lnTo>
                    <a:lnTo>
                      <a:pt x="581" y="966"/>
                    </a:lnTo>
                    <a:lnTo>
                      <a:pt x="575" y="959"/>
                    </a:lnTo>
                    <a:lnTo>
                      <a:pt x="571" y="951"/>
                    </a:lnTo>
                    <a:lnTo>
                      <a:pt x="571" y="949"/>
                    </a:lnTo>
                    <a:lnTo>
                      <a:pt x="566" y="944"/>
                    </a:lnTo>
                    <a:lnTo>
                      <a:pt x="560" y="940"/>
                    </a:lnTo>
                    <a:lnTo>
                      <a:pt x="558" y="938"/>
                    </a:lnTo>
                    <a:lnTo>
                      <a:pt x="557" y="942"/>
                    </a:lnTo>
                    <a:lnTo>
                      <a:pt x="553" y="947"/>
                    </a:lnTo>
                    <a:lnTo>
                      <a:pt x="545" y="955"/>
                    </a:lnTo>
                    <a:lnTo>
                      <a:pt x="544" y="955"/>
                    </a:lnTo>
                    <a:lnTo>
                      <a:pt x="544" y="957"/>
                    </a:lnTo>
                    <a:lnTo>
                      <a:pt x="542" y="957"/>
                    </a:lnTo>
                    <a:lnTo>
                      <a:pt x="540" y="959"/>
                    </a:lnTo>
                    <a:lnTo>
                      <a:pt x="538" y="959"/>
                    </a:lnTo>
                    <a:lnTo>
                      <a:pt x="538" y="960"/>
                    </a:lnTo>
                    <a:lnTo>
                      <a:pt x="536" y="960"/>
                    </a:lnTo>
                    <a:lnTo>
                      <a:pt x="536" y="962"/>
                    </a:lnTo>
                    <a:lnTo>
                      <a:pt x="534" y="962"/>
                    </a:lnTo>
                    <a:lnTo>
                      <a:pt x="534" y="964"/>
                    </a:lnTo>
                    <a:lnTo>
                      <a:pt x="533" y="964"/>
                    </a:lnTo>
                    <a:lnTo>
                      <a:pt x="533" y="966"/>
                    </a:lnTo>
                    <a:lnTo>
                      <a:pt x="531" y="966"/>
                    </a:lnTo>
                    <a:lnTo>
                      <a:pt x="529" y="966"/>
                    </a:lnTo>
                    <a:lnTo>
                      <a:pt x="529" y="968"/>
                    </a:lnTo>
                    <a:lnTo>
                      <a:pt x="527" y="968"/>
                    </a:lnTo>
                    <a:lnTo>
                      <a:pt x="525" y="968"/>
                    </a:lnTo>
                    <a:lnTo>
                      <a:pt x="525" y="970"/>
                    </a:lnTo>
                    <a:lnTo>
                      <a:pt x="523" y="970"/>
                    </a:lnTo>
                    <a:lnTo>
                      <a:pt x="523" y="971"/>
                    </a:lnTo>
                    <a:lnTo>
                      <a:pt x="521" y="971"/>
                    </a:lnTo>
                    <a:lnTo>
                      <a:pt x="521" y="973"/>
                    </a:lnTo>
                    <a:lnTo>
                      <a:pt x="520" y="973"/>
                    </a:lnTo>
                    <a:lnTo>
                      <a:pt x="518" y="975"/>
                    </a:lnTo>
                    <a:lnTo>
                      <a:pt x="516" y="975"/>
                    </a:lnTo>
                    <a:lnTo>
                      <a:pt x="516" y="977"/>
                    </a:lnTo>
                    <a:lnTo>
                      <a:pt x="514" y="977"/>
                    </a:lnTo>
                    <a:lnTo>
                      <a:pt x="512" y="977"/>
                    </a:lnTo>
                    <a:lnTo>
                      <a:pt x="512" y="979"/>
                    </a:lnTo>
                    <a:lnTo>
                      <a:pt x="510" y="979"/>
                    </a:lnTo>
                    <a:lnTo>
                      <a:pt x="509" y="979"/>
                    </a:lnTo>
                    <a:lnTo>
                      <a:pt x="509" y="977"/>
                    </a:lnTo>
                    <a:lnTo>
                      <a:pt x="507" y="977"/>
                    </a:lnTo>
                    <a:lnTo>
                      <a:pt x="505" y="977"/>
                    </a:lnTo>
                    <a:lnTo>
                      <a:pt x="503" y="977"/>
                    </a:lnTo>
                    <a:lnTo>
                      <a:pt x="501" y="977"/>
                    </a:lnTo>
                    <a:lnTo>
                      <a:pt x="499" y="975"/>
                    </a:lnTo>
                    <a:lnTo>
                      <a:pt x="497" y="975"/>
                    </a:lnTo>
                    <a:lnTo>
                      <a:pt x="496" y="977"/>
                    </a:lnTo>
                    <a:lnTo>
                      <a:pt x="492" y="979"/>
                    </a:lnTo>
                    <a:lnTo>
                      <a:pt x="490" y="988"/>
                    </a:lnTo>
                    <a:lnTo>
                      <a:pt x="481" y="1007"/>
                    </a:lnTo>
                    <a:lnTo>
                      <a:pt x="481" y="1012"/>
                    </a:lnTo>
                    <a:lnTo>
                      <a:pt x="481" y="1016"/>
                    </a:lnTo>
                    <a:lnTo>
                      <a:pt x="479" y="1018"/>
                    </a:lnTo>
                    <a:lnTo>
                      <a:pt x="473" y="1023"/>
                    </a:lnTo>
                    <a:lnTo>
                      <a:pt x="470" y="1025"/>
                    </a:lnTo>
                    <a:lnTo>
                      <a:pt x="466" y="1027"/>
                    </a:lnTo>
                    <a:lnTo>
                      <a:pt x="464" y="1031"/>
                    </a:lnTo>
                    <a:lnTo>
                      <a:pt x="460" y="1036"/>
                    </a:lnTo>
                    <a:lnTo>
                      <a:pt x="455" y="1038"/>
                    </a:lnTo>
                    <a:lnTo>
                      <a:pt x="448" y="1042"/>
                    </a:lnTo>
                    <a:lnTo>
                      <a:pt x="446" y="1044"/>
                    </a:lnTo>
                    <a:lnTo>
                      <a:pt x="444" y="1044"/>
                    </a:lnTo>
                    <a:lnTo>
                      <a:pt x="442" y="1044"/>
                    </a:lnTo>
                    <a:lnTo>
                      <a:pt x="440" y="1047"/>
                    </a:lnTo>
                    <a:lnTo>
                      <a:pt x="438" y="1049"/>
                    </a:lnTo>
                    <a:lnTo>
                      <a:pt x="438" y="1051"/>
                    </a:lnTo>
                    <a:lnTo>
                      <a:pt x="438" y="1053"/>
                    </a:lnTo>
                    <a:lnTo>
                      <a:pt x="436" y="1055"/>
                    </a:lnTo>
                    <a:lnTo>
                      <a:pt x="433" y="1058"/>
                    </a:lnTo>
                    <a:lnTo>
                      <a:pt x="429" y="1060"/>
                    </a:lnTo>
                    <a:lnTo>
                      <a:pt x="425" y="1057"/>
                    </a:lnTo>
                    <a:lnTo>
                      <a:pt x="422" y="1057"/>
                    </a:lnTo>
                    <a:lnTo>
                      <a:pt x="418" y="1058"/>
                    </a:lnTo>
                    <a:lnTo>
                      <a:pt x="412" y="1060"/>
                    </a:lnTo>
                    <a:lnTo>
                      <a:pt x="411" y="1058"/>
                    </a:lnTo>
                    <a:lnTo>
                      <a:pt x="405" y="1058"/>
                    </a:lnTo>
                    <a:lnTo>
                      <a:pt x="399" y="1057"/>
                    </a:lnTo>
                    <a:lnTo>
                      <a:pt x="398" y="1055"/>
                    </a:lnTo>
                    <a:lnTo>
                      <a:pt x="390" y="1060"/>
                    </a:lnTo>
                    <a:lnTo>
                      <a:pt x="387" y="1058"/>
                    </a:lnTo>
                    <a:lnTo>
                      <a:pt x="381" y="1055"/>
                    </a:lnTo>
                    <a:lnTo>
                      <a:pt x="374" y="1058"/>
                    </a:lnTo>
                    <a:lnTo>
                      <a:pt x="372" y="1062"/>
                    </a:lnTo>
                    <a:lnTo>
                      <a:pt x="364" y="1068"/>
                    </a:lnTo>
                    <a:lnTo>
                      <a:pt x="361" y="1070"/>
                    </a:lnTo>
                    <a:lnTo>
                      <a:pt x="357" y="1073"/>
                    </a:lnTo>
                    <a:lnTo>
                      <a:pt x="355" y="1075"/>
                    </a:lnTo>
                    <a:lnTo>
                      <a:pt x="353" y="1077"/>
                    </a:lnTo>
                    <a:lnTo>
                      <a:pt x="350" y="1081"/>
                    </a:lnTo>
                    <a:lnTo>
                      <a:pt x="348" y="1081"/>
                    </a:lnTo>
                    <a:lnTo>
                      <a:pt x="344" y="1084"/>
                    </a:lnTo>
                    <a:lnTo>
                      <a:pt x="342" y="1084"/>
                    </a:lnTo>
                    <a:lnTo>
                      <a:pt x="340" y="1086"/>
                    </a:lnTo>
                    <a:lnTo>
                      <a:pt x="338" y="1088"/>
                    </a:lnTo>
                    <a:lnTo>
                      <a:pt x="335" y="1094"/>
                    </a:lnTo>
                    <a:lnTo>
                      <a:pt x="331" y="1097"/>
                    </a:lnTo>
                    <a:lnTo>
                      <a:pt x="327" y="1101"/>
                    </a:lnTo>
                    <a:lnTo>
                      <a:pt x="327" y="1103"/>
                    </a:lnTo>
                    <a:lnTo>
                      <a:pt x="326" y="1103"/>
                    </a:lnTo>
                    <a:lnTo>
                      <a:pt x="326" y="1105"/>
                    </a:lnTo>
                    <a:lnTo>
                      <a:pt x="324" y="1107"/>
                    </a:lnTo>
                    <a:lnTo>
                      <a:pt x="320" y="1110"/>
                    </a:lnTo>
                    <a:lnTo>
                      <a:pt x="318" y="1112"/>
                    </a:lnTo>
                    <a:lnTo>
                      <a:pt x="318" y="1114"/>
                    </a:lnTo>
                    <a:lnTo>
                      <a:pt x="316" y="1116"/>
                    </a:lnTo>
                    <a:lnTo>
                      <a:pt x="318" y="1118"/>
                    </a:lnTo>
                    <a:lnTo>
                      <a:pt x="318" y="1119"/>
                    </a:lnTo>
                    <a:lnTo>
                      <a:pt x="316" y="1121"/>
                    </a:lnTo>
                    <a:lnTo>
                      <a:pt x="316" y="1127"/>
                    </a:lnTo>
                    <a:lnTo>
                      <a:pt x="316" y="1129"/>
                    </a:lnTo>
                    <a:lnTo>
                      <a:pt x="316" y="1131"/>
                    </a:lnTo>
                    <a:lnTo>
                      <a:pt x="314" y="1131"/>
                    </a:lnTo>
                    <a:lnTo>
                      <a:pt x="314" y="1134"/>
                    </a:lnTo>
                    <a:lnTo>
                      <a:pt x="314" y="1136"/>
                    </a:lnTo>
                    <a:lnTo>
                      <a:pt x="313" y="1140"/>
                    </a:lnTo>
                    <a:lnTo>
                      <a:pt x="313" y="1138"/>
                    </a:lnTo>
                    <a:lnTo>
                      <a:pt x="311" y="1140"/>
                    </a:lnTo>
                    <a:lnTo>
                      <a:pt x="305" y="1142"/>
                    </a:lnTo>
                    <a:lnTo>
                      <a:pt x="303" y="1142"/>
                    </a:lnTo>
                    <a:lnTo>
                      <a:pt x="303" y="1144"/>
                    </a:lnTo>
                    <a:lnTo>
                      <a:pt x="301" y="1144"/>
                    </a:lnTo>
                    <a:lnTo>
                      <a:pt x="300" y="1145"/>
                    </a:lnTo>
                    <a:lnTo>
                      <a:pt x="298" y="1145"/>
                    </a:lnTo>
                    <a:lnTo>
                      <a:pt x="296" y="1145"/>
                    </a:lnTo>
                    <a:lnTo>
                      <a:pt x="294" y="1147"/>
                    </a:lnTo>
                    <a:lnTo>
                      <a:pt x="290" y="1147"/>
                    </a:lnTo>
                    <a:lnTo>
                      <a:pt x="290" y="1149"/>
                    </a:lnTo>
                    <a:lnTo>
                      <a:pt x="289" y="1149"/>
                    </a:lnTo>
                    <a:lnTo>
                      <a:pt x="287" y="1151"/>
                    </a:lnTo>
                    <a:lnTo>
                      <a:pt x="285" y="1151"/>
                    </a:lnTo>
                    <a:lnTo>
                      <a:pt x="285" y="1153"/>
                    </a:lnTo>
                    <a:lnTo>
                      <a:pt x="283" y="1153"/>
                    </a:lnTo>
                    <a:lnTo>
                      <a:pt x="281" y="1155"/>
                    </a:lnTo>
                    <a:lnTo>
                      <a:pt x="279" y="1156"/>
                    </a:lnTo>
                    <a:lnTo>
                      <a:pt x="277" y="1156"/>
                    </a:lnTo>
                    <a:lnTo>
                      <a:pt x="276" y="1156"/>
                    </a:lnTo>
                    <a:lnTo>
                      <a:pt x="272" y="1158"/>
                    </a:lnTo>
                    <a:lnTo>
                      <a:pt x="270" y="1158"/>
                    </a:lnTo>
                    <a:lnTo>
                      <a:pt x="268" y="1158"/>
                    </a:lnTo>
                    <a:lnTo>
                      <a:pt x="266" y="1158"/>
                    </a:lnTo>
                    <a:lnTo>
                      <a:pt x="265" y="1158"/>
                    </a:lnTo>
                    <a:lnTo>
                      <a:pt x="265" y="1156"/>
                    </a:lnTo>
                    <a:lnTo>
                      <a:pt x="265" y="1155"/>
                    </a:lnTo>
                    <a:lnTo>
                      <a:pt x="266" y="1153"/>
                    </a:lnTo>
                    <a:lnTo>
                      <a:pt x="268" y="1151"/>
                    </a:lnTo>
                    <a:lnTo>
                      <a:pt x="272" y="1147"/>
                    </a:lnTo>
                    <a:lnTo>
                      <a:pt x="272" y="1145"/>
                    </a:lnTo>
                    <a:lnTo>
                      <a:pt x="272" y="1144"/>
                    </a:lnTo>
                    <a:lnTo>
                      <a:pt x="274" y="1144"/>
                    </a:lnTo>
                    <a:lnTo>
                      <a:pt x="274" y="1142"/>
                    </a:lnTo>
                    <a:lnTo>
                      <a:pt x="276" y="1140"/>
                    </a:lnTo>
                    <a:lnTo>
                      <a:pt x="276" y="1138"/>
                    </a:lnTo>
                    <a:lnTo>
                      <a:pt x="277" y="1136"/>
                    </a:lnTo>
                    <a:lnTo>
                      <a:pt x="276" y="1136"/>
                    </a:lnTo>
                    <a:lnTo>
                      <a:pt x="276" y="1134"/>
                    </a:lnTo>
                    <a:lnTo>
                      <a:pt x="276" y="1132"/>
                    </a:lnTo>
                    <a:lnTo>
                      <a:pt x="276" y="1131"/>
                    </a:lnTo>
                    <a:lnTo>
                      <a:pt x="274" y="1131"/>
                    </a:lnTo>
                    <a:lnTo>
                      <a:pt x="274" y="1129"/>
                    </a:lnTo>
                    <a:lnTo>
                      <a:pt x="274" y="1127"/>
                    </a:lnTo>
                    <a:lnTo>
                      <a:pt x="272" y="1127"/>
                    </a:lnTo>
                    <a:lnTo>
                      <a:pt x="270" y="1125"/>
                    </a:lnTo>
                    <a:lnTo>
                      <a:pt x="268" y="1123"/>
                    </a:lnTo>
                    <a:lnTo>
                      <a:pt x="266" y="1119"/>
                    </a:lnTo>
                    <a:lnTo>
                      <a:pt x="265" y="1119"/>
                    </a:lnTo>
                    <a:lnTo>
                      <a:pt x="265" y="1118"/>
                    </a:lnTo>
                    <a:lnTo>
                      <a:pt x="263" y="1116"/>
                    </a:lnTo>
                    <a:lnTo>
                      <a:pt x="261" y="1116"/>
                    </a:lnTo>
                    <a:lnTo>
                      <a:pt x="259" y="1116"/>
                    </a:lnTo>
                    <a:lnTo>
                      <a:pt x="259" y="1114"/>
                    </a:lnTo>
                    <a:lnTo>
                      <a:pt x="259" y="1112"/>
                    </a:lnTo>
                    <a:lnTo>
                      <a:pt x="259" y="1110"/>
                    </a:lnTo>
                    <a:lnTo>
                      <a:pt x="259" y="1108"/>
                    </a:lnTo>
                    <a:lnTo>
                      <a:pt x="259" y="1107"/>
                    </a:lnTo>
                    <a:lnTo>
                      <a:pt x="257" y="1105"/>
                    </a:lnTo>
                    <a:lnTo>
                      <a:pt x="259" y="1103"/>
                    </a:lnTo>
                    <a:lnTo>
                      <a:pt x="259" y="1101"/>
                    </a:lnTo>
                    <a:lnTo>
                      <a:pt x="259" y="1099"/>
                    </a:lnTo>
                    <a:lnTo>
                      <a:pt x="257" y="1099"/>
                    </a:lnTo>
                    <a:lnTo>
                      <a:pt x="257" y="1097"/>
                    </a:lnTo>
                    <a:lnTo>
                      <a:pt x="257" y="1095"/>
                    </a:lnTo>
                    <a:lnTo>
                      <a:pt x="257" y="1094"/>
                    </a:lnTo>
                    <a:lnTo>
                      <a:pt x="259" y="1092"/>
                    </a:lnTo>
                    <a:lnTo>
                      <a:pt x="257" y="1090"/>
                    </a:lnTo>
                    <a:lnTo>
                      <a:pt x="257" y="1088"/>
                    </a:lnTo>
                    <a:lnTo>
                      <a:pt x="257" y="1086"/>
                    </a:lnTo>
                    <a:lnTo>
                      <a:pt x="259" y="1086"/>
                    </a:lnTo>
                    <a:lnTo>
                      <a:pt x="259" y="1084"/>
                    </a:lnTo>
                    <a:lnTo>
                      <a:pt x="261" y="1084"/>
                    </a:lnTo>
                    <a:lnTo>
                      <a:pt x="263" y="1082"/>
                    </a:lnTo>
                    <a:lnTo>
                      <a:pt x="259" y="1081"/>
                    </a:lnTo>
                    <a:lnTo>
                      <a:pt x="257" y="1079"/>
                    </a:lnTo>
                    <a:lnTo>
                      <a:pt x="255" y="1077"/>
                    </a:lnTo>
                    <a:lnTo>
                      <a:pt x="253" y="1077"/>
                    </a:lnTo>
                    <a:lnTo>
                      <a:pt x="253" y="1075"/>
                    </a:lnTo>
                    <a:lnTo>
                      <a:pt x="253" y="1073"/>
                    </a:lnTo>
                    <a:lnTo>
                      <a:pt x="253" y="1071"/>
                    </a:lnTo>
                    <a:lnTo>
                      <a:pt x="252" y="1071"/>
                    </a:lnTo>
                    <a:lnTo>
                      <a:pt x="252" y="1070"/>
                    </a:lnTo>
                    <a:lnTo>
                      <a:pt x="252" y="1068"/>
                    </a:lnTo>
                    <a:lnTo>
                      <a:pt x="252" y="1066"/>
                    </a:lnTo>
                    <a:lnTo>
                      <a:pt x="250" y="1064"/>
                    </a:lnTo>
                    <a:lnTo>
                      <a:pt x="250" y="1062"/>
                    </a:lnTo>
                    <a:lnTo>
                      <a:pt x="250" y="1060"/>
                    </a:lnTo>
                    <a:lnTo>
                      <a:pt x="250" y="1058"/>
                    </a:lnTo>
                    <a:lnTo>
                      <a:pt x="250" y="1057"/>
                    </a:lnTo>
                    <a:lnTo>
                      <a:pt x="250" y="1055"/>
                    </a:lnTo>
                    <a:lnTo>
                      <a:pt x="252" y="1055"/>
                    </a:lnTo>
                    <a:lnTo>
                      <a:pt x="252" y="1053"/>
                    </a:lnTo>
                    <a:lnTo>
                      <a:pt x="250" y="1053"/>
                    </a:lnTo>
                    <a:lnTo>
                      <a:pt x="250" y="1051"/>
                    </a:lnTo>
                    <a:lnTo>
                      <a:pt x="250" y="1049"/>
                    </a:lnTo>
                    <a:lnTo>
                      <a:pt x="248" y="1049"/>
                    </a:lnTo>
                    <a:lnTo>
                      <a:pt x="246" y="1049"/>
                    </a:lnTo>
                    <a:lnTo>
                      <a:pt x="244" y="1049"/>
                    </a:lnTo>
                    <a:lnTo>
                      <a:pt x="244" y="1047"/>
                    </a:lnTo>
                    <a:lnTo>
                      <a:pt x="242" y="1047"/>
                    </a:lnTo>
                    <a:lnTo>
                      <a:pt x="240" y="1045"/>
                    </a:lnTo>
                    <a:lnTo>
                      <a:pt x="239" y="1045"/>
                    </a:lnTo>
                    <a:lnTo>
                      <a:pt x="239" y="1044"/>
                    </a:lnTo>
                    <a:lnTo>
                      <a:pt x="239" y="1042"/>
                    </a:lnTo>
                    <a:lnTo>
                      <a:pt x="237" y="1042"/>
                    </a:lnTo>
                    <a:lnTo>
                      <a:pt x="237" y="1040"/>
                    </a:lnTo>
                    <a:lnTo>
                      <a:pt x="235" y="1038"/>
                    </a:lnTo>
                    <a:lnTo>
                      <a:pt x="233" y="1038"/>
                    </a:lnTo>
                    <a:lnTo>
                      <a:pt x="233" y="1036"/>
                    </a:lnTo>
                    <a:lnTo>
                      <a:pt x="231" y="1036"/>
                    </a:lnTo>
                    <a:lnTo>
                      <a:pt x="231" y="1034"/>
                    </a:lnTo>
                    <a:lnTo>
                      <a:pt x="229" y="1034"/>
                    </a:lnTo>
                    <a:lnTo>
                      <a:pt x="228" y="1033"/>
                    </a:lnTo>
                    <a:lnTo>
                      <a:pt x="226" y="1033"/>
                    </a:lnTo>
                    <a:lnTo>
                      <a:pt x="226" y="1031"/>
                    </a:lnTo>
                    <a:lnTo>
                      <a:pt x="224" y="1029"/>
                    </a:lnTo>
                    <a:lnTo>
                      <a:pt x="222" y="1029"/>
                    </a:lnTo>
                    <a:lnTo>
                      <a:pt x="222" y="1027"/>
                    </a:lnTo>
                    <a:lnTo>
                      <a:pt x="220" y="1027"/>
                    </a:lnTo>
                    <a:lnTo>
                      <a:pt x="218" y="1027"/>
                    </a:lnTo>
                    <a:lnTo>
                      <a:pt x="218" y="1029"/>
                    </a:lnTo>
                    <a:lnTo>
                      <a:pt x="216" y="1027"/>
                    </a:lnTo>
                    <a:lnTo>
                      <a:pt x="216" y="1029"/>
                    </a:lnTo>
                    <a:lnTo>
                      <a:pt x="215" y="1029"/>
                    </a:lnTo>
                    <a:lnTo>
                      <a:pt x="213" y="1029"/>
                    </a:lnTo>
                    <a:lnTo>
                      <a:pt x="211" y="1029"/>
                    </a:lnTo>
                    <a:lnTo>
                      <a:pt x="209" y="1029"/>
                    </a:lnTo>
                    <a:lnTo>
                      <a:pt x="207" y="1029"/>
                    </a:lnTo>
                    <a:lnTo>
                      <a:pt x="207" y="1027"/>
                    </a:lnTo>
                    <a:lnTo>
                      <a:pt x="205" y="1029"/>
                    </a:lnTo>
                    <a:lnTo>
                      <a:pt x="203" y="1029"/>
                    </a:lnTo>
                    <a:lnTo>
                      <a:pt x="202" y="1029"/>
                    </a:lnTo>
                    <a:lnTo>
                      <a:pt x="200" y="1029"/>
                    </a:lnTo>
                    <a:lnTo>
                      <a:pt x="198" y="1029"/>
                    </a:lnTo>
                    <a:lnTo>
                      <a:pt x="196" y="1029"/>
                    </a:lnTo>
                    <a:lnTo>
                      <a:pt x="194" y="1029"/>
                    </a:lnTo>
                    <a:lnTo>
                      <a:pt x="194" y="1027"/>
                    </a:lnTo>
                    <a:lnTo>
                      <a:pt x="194" y="1025"/>
                    </a:lnTo>
                    <a:lnTo>
                      <a:pt x="192" y="1025"/>
                    </a:lnTo>
                    <a:lnTo>
                      <a:pt x="192" y="1023"/>
                    </a:lnTo>
                    <a:lnTo>
                      <a:pt x="191" y="1023"/>
                    </a:lnTo>
                    <a:lnTo>
                      <a:pt x="192" y="1021"/>
                    </a:lnTo>
                    <a:lnTo>
                      <a:pt x="191" y="1021"/>
                    </a:lnTo>
                    <a:lnTo>
                      <a:pt x="189" y="1021"/>
                    </a:lnTo>
                    <a:lnTo>
                      <a:pt x="187" y="1023"/>
                    </a:lnTo>
                    <a:lnTo>
                      <a:pt x="187" y="1021"/>
                    </a:lnTo>
                    <a:lnTo>
                      <a:pt x="185" y="1021"/>
                    </a:lnTo>
                    <a:lnTo>
                      <a:pt x="185" y="1020"/>
                    </a:lnTo>
                    <a:lnTo>
                      <a:pt x="185" y="1018"/>
                    </a:lnTo>
                    <a:lnTo>
                      <a:pt x="183" y="1018"/>
                    </a:lnTo>
                    <a:lnTo>
                      <a:pt x="183" y="1016"/>
                    </a:lnTo>
                    <a:lnTo>
                      <a:pt x="181" y="1016"/>
                    </a:lnTo>
                    <a:lnTo>
                      <a:pt x="179" y="1014"/>
                    </a:lnTo>
                    <a:lnTo>
                      <a:pt x="178" y="1014"/>
                    </a:lnTo>
                    <a:lnTo>
                      <a:pt x="176" y="1014"/>
                    </a:lnTo>
                    <a:lnTo>
                      <a:pt x="174" y="1012"/>
                    </a:lnTo>
                    <a:lnTo>
                      <a:pt x="172" y="1012"/>
                    </a:lnTo>
                    <a:lnTo>
                      <a:pt x="172" y="1010"/>
                    </a:lnTo>
                    <a:lnTo>
                      <a:pt x="170" y="1010"/>
                    </a:lnTo>
                    <a:lnTo>
                      <a:pt x="168" y="1010"/>
                    </a:lnTo>
                    <a:lnTo>
                      <a:pt x="168" y="1008"/>
                    </a:lnTo>
                    <a:lnTo>
                      <a:pt x="167" y="1008"/>
                    </a:lnTo>
                    <a:lnTo>
                      <a:pt x="167" y="1007"/>
                    </a:lnTo>
                    <a:lnTo>
                      <a:pt x="167" y="1005"/>
                    </a:lnTo>
                    <a:lnTo>
                      <a:pt x="165" y="1005"/>
                    </a:lnTo>
                    <a:lnTo>
                      <a:pt x="163" y="1005"/>
                    </a:lnTo>
                    <a:lnTo>
                      <a:pt x="163" y="1007"/>
                    </a:lnTo>
                    <a:lnTo>
                      <a:pt x="161" y="1007"/>
                    </a:lnTo>
                    <a:lnTo>
                      <a:pt x="159" y="1007"/>
                    </a:lnTo>
                    <a:lnTo>
                      <a:pt x="157" y="1005"/>
                    </a:lnTo>
                    <a:lnTo>
                      <a:pt x="155" y="1005"/>
                    </a:lnTo>
                    <a:lnTo>
                      <a:pt x="155" y="1007"/>
                    </a:lnTo>
                    <a:lnTo>
                      <a:pt x="155" y="1005"/>
                    </a:lnTo>
                    <a:lnTo>
                      <a:pt x="154" y="1005"/>
                    </a:lnTo>
                    <a:lnTo>
                      <a:pt x="152" y="1005"/>
                    </a:lnTo>
                    <a:lnTo>
                      <a:pt x="150" y="1005"/>
                    </a:lnTo>
                    <a:lnTo>
                      <a:pt x="150" y="1007"/>
                    </a:lnTo>
                    <a:lnTo>
                      <a:pt x="148" y="1008"/>
                    </a:lnTo>
                    <a:lnTo>
                      <a:pt x="148" y="1010"/>
                    </a:lnTo>
                    <a:lnTo>
                      <a:pt x="146" y="1010"/>
                    </a:lnTo>
                    <a:lnTo>
                      <a:pt x="146" y="1012"/>
                    </a:lnTo>
                    <a:lnTo>
                      <a:pt x="144" y="1012"/>
                    </a:lnTo>
                    <a:lnTo>
                      <a:pt x="142" y="1014"/>
                    </a:lnTo>
                    <a:lnTo>
                      <a:pt x="142" y="1016"/>
                    </a:lnTo>
                    <a:lnTo>
                      <a:pt x="141" y="1014"/>
                    </a:lnTo>
                    <a:lnTo>
                      <a:pt x="141" y="1012"/>
                    </a:lnTo>
                    <a:lnTo>
                      <a:pt x="141" y="1010"/>
                    </a:lnTo>
                    <a:lnTo>
                      <a:pt x="141" y="1008"/>
                    </a:lnTo>
                    <a:lnTo>
                      <a:pt x="142" y="1008"/>
                    </a:lnTo>
                    <a:lnTo>
                      <a:pt x="142" y="1007"/>
                    </a:lnTo>
                    <a:lnTo>
                      <a:pt x="142" y="1005"/>
                    </a:lnTo>
                    <a:lnTo>
                      <a:pt x="142" y="1003"/>
                    </a:lnTo>
                    <a:lnTo>
                      <a:pt x="144" y="1003"/>
                    </a:lnTo>
                    <a:lnTo>
                      <a:pt x="144" y="1001"/>
                    </a:lnTo>
                    <a:lnTo>
                      <a:pt x="144" y="999"/>
                    </a:lnTo>
                    <a:lnTo>
                      <a:pt x="144" y="997"/>
                    </a:lnTo>
                    <a:lnTo>
                      <a:pt x="144" y="996"/>
                    </a:lnTo>
                    <a:lnTo>
                      <a:pt x="144" y="994"/>
                    </a:lnTo>
                    <a:lnTo>
                      <a:pt x="144" y="992"/>
                    </a:lnTo>
                    <a:lnTo>
                      <a:pt x="144" y="990"/>
                    </a:lnTo>
                    <a:lnTo>
                      <a:pt x="142" y="990"/>
                    </a:lnTo>
                    <a:lnTo>
                      <a:pt x="142" y="992"/>
                    </a:lnTo>
                    <a:lnTo>
                      <a:pt x="141" y="992"/>
                    </a:lnTo>
                    <a:lnTo>
                      <a:pt x="139" y="994"/>
                    </a:lnTo>
                    <a:lnTo>
                      <a:pt x="137" y="996"/>
                    </a:lnTo>
                    <a:lnTo>
                      <a:pt x="135" y="996"/>
                    </a:lnTo>
                    <a:lnTo>
                      <a:pt x="133" y="997"/>
                    </a:lnTo>
                    <a:lnTo>
                      <a:pt x="131" y="999"/>
                    </a:lnTo>
                    <a:lnTo>
                      <a:pt x="130" y="1001"/>
                    </a:lnTo>
                    <a:lnTo>
                      <a:pt x="124" y="1003"/>
                    </a:lnTo>
                    <a:lnTo>
                      <a:pt x="122" y="1005"/>
                    </a:lnTo>
                    <a:lnTo>
                      <a:pt x="122" y="1007"/>
                    </a:lnTo>
                    <a:lnTo>
                      <a:pt x="118" y="1010"/>
                    </a:lnTo>
                    <a:lnTo>
                      <a:pt x="118" y="1012"/>
                    </a:lnTo>
                    <a:lnTo>
                      <a:pt x="117" y="1012"/>
                    </a:lnTo>
                    <a:lnTo>
                      <a:pt x="115" y="1014"/>
                    </a:lnTo>
                    <a:lnTo>
                      <a:pt x="111" y="1018"/>
                    </a:lnTo>
                    <a:lnTo>
                      <a:pt x="109" y="1021"/>
                    </a:lnTo>
                    <a:lnTo>
                      <a:pt x="106" y="1027"/>
                    </a:lnTo>
                    <a:lnTo>
                      <a:pt x="100" y="1029"/>
                    </a:lnTo>
                    <a:lnTo>
                      <a:pt x="100" y="1031"/>
                    </a:lnTo>
                    <a:lnTo>
                      <a:pt x="98" y="1034"/>
                    </a:lnTo>
                    <a:lnTo>
                      <a:pt x="98" y="1036"/>
                    </a:lnTo>
                    <a:lnTo>
                      <a:pt x="96" y="1038"/>
                    </a:lnTo>
                    <a:lnTo>
                      <a:pt x="94" y="1044"/>
                    </a:lnTo>
                    <a:lnTo>
                      <a:pt x="91" y="1044"/>
                    </a:lnTo>
                    <a:lnTo>
                      <a:pt x="89" y="1045"/>
                    </a:lnTo>
                    <a:lnTo>
                      <a:pt x="87" y="1045"/>
                    </a:lnTo>
                    <a:lnTo>
                      <a:pt x="83" y="1045"/>
                    </a:lnTo>
                    <a:lnTo>
                      <a:pt x="81" y="1044"/>
                    </a:lnTo>
                    <a:lnTo>
                      <a:pt x="76" y="1044"/>
                    </a:lnTo>
                    <a:lnTo>
                      <a:pt x="74" y="1044"/>
                    </a:lnTo>
                    <a:lnTo>
                      <a:pt x="74" y="1042"/>
                    </a:lnTo>
                    <a:lnTo>
                      <a:pt x="74" y="1040"/>
                    </a:lnTo>
                    <a:lnTo>
                      <a:pt x="72" y="1040"/>
                    </a:lnTo>
                    <a:lnTo>
                      <a:pt x="72" y="1038"/>
                    </a:lnTo>
                    <a:lnTo>
                      <a:pt x="70" y="1038"/>
                    </a:lnTo>
                    <a:lnTo>
                      <a:pt x="69" y="1038"/>
                    </a:lnTo>
                    <a:lnTo>
                      <a:pt x="67" y="1038"/>
                    </a:lnTo>
                    <a:lnTo>
                      <a:pt x="65" y="1038"/>
                    </a:lnTo>
                    <a:lnTo>
                      <a:pt x="65" y="1036"/>
                    </a:lnTo>
                    <a:lnTo>
                      <a:pt x="63" y="1034"/>
                    </a:lnTo>
                    <a:lnTo>
                      <a:pt x="63" y="1033"/>
                    </a:lnTo>
                    <a:lnTo>
                      <a:pt x="61" y="1033"/>
                    </a:lnTo>
                    <a:lnTo>
                      <a:pt x="56" y="1025"/>
                    </a:lnTo>
                    <a:lnTo>
                      <a:pt x="54" y="1020"/>
                    </a:lnTo>
                    <a:lnTo>
                      <a:pt x="52" y="1020"/>
                    </a:lnTo>
                    <a:lnTo>
                      <a:pt x="52" y="1018"/>
                    </a:lnTo>
                    <a:lnTo>
                      <a:pt x="52" y="1016"/>
                    </a:lnTo>
                    <a:lnTo>
                      <a:pt x="52" y="1014"/>
                    </a:lnTo>
                    <a:lnTo>
                      <a:pt x="52" y="1012"/>
                    </a:lnTo>
                    <a:lnTo>
                      <a:pt x="52" y="1010"/>
                    </a:lnTo>
                    <a:lnTo>
                      <a:pt x="52" y="1008"/>
                    </a:lnTo>
                    <a:lnTo>
                      <a:pt x="50" y="1008"/>
                    </a:lnTo>
                    <a:lnTo>
                      <a:pt x="50" y="1007"/>
                    </a:lnTo>
                    <a:lnTo>
                      <a:pt x="50" y="1005"/>
                    </a:lnTo>
                    <a:lnTo>
                      <a:pt x="48" y="1005"/>
                    </a:lnTo>
                    <a:lnTo>
                      <a:pt x="46" y="1005"/>
                    </a:lnTo>
                    <a:lnTo>
                      <a:pt x="46" y="1007"/>
                    </a:lnTo>
                    <a:lnTo>
                      <a:pt x="45" y="1007"/>
                    </a:lnTo>
                    <a:lnTo>
                      <a:pt x="43" y="1007"/>
                    </a:lnTo>
                    <a:lnTo>
                      <a:pt x="41" y="1007"/>
                    </a:lnTo>
                    <a:lnTo>
                      <a:pt x="41" y="1005"/>
                    </a:lnTo>
                    <a:lnTo>
                      <a:pt x="39" y="1003"/>
                    </a:lnTo>
                    <a:lnTo>
                      <a:pt x="39" y="1001"/>
                    </a:lnTo>
                    <a:lnTo>
                      <a:pt x="37" y="999"/>
                    </a:lnTo>
                    <a:lnTo>
                      <a:pt x="35" y="999"/>
                    </a:lnTo>
                    <a:lnTo>
                      <a:pt x="33" y="997"/>
                    </a:lnTo>
                    <a:lnTo>
                      <a:pt x="32" y="996"/>
                    </a:lnTo>
                    <a:lnTo>
                      <a:pt x="32" y="994"/>
                    </a:lnTo>
                    <a:lnTo>
                      <a:pt x="30" y="990"/>
                    </a:lnTo>
                    <a:lnTo>
                      <a:pt x="30" y="986"/>
                    </a:lnTo>
                    <a:lnTo>
                      <a:pt x="28" y="984"/>
                    </a:lnTo>
                    <a:lnTo>
                      <a:pt x="26" y="984"/>
                    </a:lnTo>
                    <a:lnTo>
                      <a:pt x="26" y="983"/>
                    </a:lnTo>
                    <a:lnTo>
                      <a:pt x="24" y="981"/>
                    </a:lnTo>
                    <a:lnTo>
                      <a:pt x="22" y="979"/>
                    </a:lnTo>
                    <a:lnTo>
                      <a:pt x="24" y="979"/>
                    </a:lnTo>
                    <a:lnTo>
                      <a:pt x="22" y="979"/>
                    </a:lnTo>
                    <a:lnTo>
                      <a:pt x="24" y="979"/>
                    </a:lnTo>
                    <a:lnTo>
                      <a:pt x="24" y="977"/>
                    </a:lnTo>
                    <a:lnTo>
                      <a:pt x="26" y="977"/>
                    </a:lnTo>
                    <a:lnTo>
                      <a:pt x="26" y="975"/>
                    </a:lnTo>
                    <a:lnTo>
                      <a:pt x="26" y="973"/>
                    </a:lnTo>
                    <a:lnTo>
                      <a:pt x="28" y="973"/>
                    </a:lnTo>
                    <a:lnTo>
                      <a:pt x="28" y="971"/>
                    </a:lnTo>
                    <a:lnTo>
                      <a:pt x="30" y="970"/>
                    </a:lnTo>
                    <a:lnTo>
                      <a:pt x="30" y="968"/>
                    </a:lnTo>
                    <a:lnTo>
                      <a:pt x="32" y="968"/>
                    </a:lnTo>
                    <a:lnTo>
                      <a:pt x="32" y="966"/>
                    </a:lnTo>
                    <a:lnTo>
                      <a:pt x="32" y="964"/>
                    </a:lnTo>
                    <a:lnTo>
                      <a:pt x="33" y="964"/>
                    </a:lnTo>
                    <a:lnTo>
                      <a:pt x="32" y="964"/>
                    </a:lnTo>
                    <a:lnTo>
                      <a:pt x="33" y="964"/>
                    </a:lnTo>
                    <a:lnTo>
                      <a:pt x="33" y="962"/>
                    </a:lnTo>
                    <a:lnTo>
                      <a:pt x="33" y="960"/>
                    </a:lnTo>
                    <a:lnTo>
                      <a:pt x="33" y="959"/>
                    </a:lnTo>
                    <a:lnTo>
                      <a:pt x="33" y="957"/>
                    </a:lnTo>
                    <a:lnTo>
                      <a:pt x="35" y="957"/>
                    </a:lnTo>
                    <a:lnTo>
                      <a:pt x="35" y="955"/>
                    </a:lnTo>
                    <a:lnTo>
                      <a:pt x="35" y="953"/>
                    </a:lnTo>
                    <a:lnTo>
                      <a:pt x="35" y="955"/>
                    </a:lnTo>
                    <a:lnTo>
                      <a:pt x="35" y="953"/>
                    </a:lnTo>
                    <a:lnTo>
                      <a:pt x="37" y="953"/>
                    </a:lnTo>
                    <a:lnTo>
                      <a:pt x="37" y="951"/>
                    </a:lnTo>
                    <a:lnTo>
                      <a:pt x="39" y="951"/>
                    </a:lnTo>
                    <a:lnTo>
                      <a:pt x="39" y="949"/>
                    </a:lnTo>
                    <a:lnTo>
                      <a:pt x="41" y="949"/>
                    </a:lnTo>
                    <a:lnTo>
                      <a:pt x="41" y="947"/>
                    </a:lnTo>
                    <a:lnTo>
                      <a:pt x="43" y="946"/>
                    </a:lnTo>
                    <a:lnTo>
                      <a:pt x="43" y="944"/>
                    </a:lnTo>
                    <a:lnTo>
                      <a:pt x="45" y="944"/>
                    </a:lnTo>
                    <a:lnTo>
                      <a:pt x="45" y="942"/>
                    </a:lnTo>
                    <a:lnTo>
                      <a:pt x="43" y="942"/>
                    </a:lnTo>
                    <a:lnTo>
                      <a:pt x="45" y="942"/>
                    </a:lnTo>
                    <a:lnTo>
                      <a:pt x="43" y="942"/>
                    </a:lnTo>
                    <a:lnTo>
                      <a:pt x="45" y="942"/>
                    </a:lnTo>
                    <a:lnTo>
                      <a:pt x="46" y="942"/>
                    </a:lnTo>
                    <a:lnTo>
                      <a:pt x="46" y="944"/>
                    </a:lnTo>
                    <a:lnTo>
                      <a:pt x="45" y="947"/>
                    </a:lnTo>
                    <a:lnTo>
                      <a:pt x="43" y="949"/>
                    </a:lnTo>
                    <a:lnTo>
                      <a:pt x="43" y="951"/>
                    </a:lnTo>
                    <a:lnTo>
                      <a:pt x="43" y="953"/>
                    </a:lnTo>
                    <a:lnTo>
                      <a:pt x="46" y="953"/>
                    </a:lnTo>
                    <a:lnTo>
                      <a:pt x="48" y="953"/>
                    </a:lnTo>
                    <a:lnTo>
                      <a:pt x="50" y="953"/>
                    </a:lnTo>
                    <a:lnTo>
                      <a:pt x="50" y="955"/>
                    </a:lnTo>
                    <a:lnTo>
                      <a:pt x="52" y="955"/>
                    </a:lnTo>
                    <a:lnTo>
                      <a:pt x="54" y="955"/>
                    </a:lnTo>
                    <a:lnTo>
                      <a:pt x="54" y="953"/>
                    </a:lnTo>
                    <a:lnTo>
                      <a:pt x="56" y="953"/>
                    </a:lnTo>
                    <a:lnTo>
                      <a:pt x="59" y="953"/>
                    </a:lnTo>
                    <a:lnTo>
                      <a:pt x="61" y="953"/>
                    </a:lnTo>
                    <a:lnTo>
                      <a:pt x="63" y="953"/>
                    </a:lnTo>
                    <a:lnTo>
                      <a:pt x="65" y="953"/>
                    </a:lnTo>
                    <a:lnTo>
                      <a:pt x="67" y="953"/>
                    </a:lnTo>
                    <a:lnTo>
                      <a:pt x="69" y="951"/>
                    </a:lnTo>
                    <a:lnTo>
                      <a:pt x="70" y="951"/>
                    </a:lnTo>
                    <a:lnTo>
                      <a:pt x="80" y="947"/>
                    </a:lnTo>
                    <a:lnTo>
                      <a:pt x="81" y="947"/>
                    </a:lnTo>
                    <a:lnTo>
                      <a:pt x="81" y="946"/>
                    </a:lnTo>
                    <a:lnTo>
                      <a:pt x="83" y="946"/>
                    </a:lnTo>
                    <a:lnTo>
                      <a:pt x="83" y="947"/>
                    </a:lnTo>
                    <a:lnTo>
                      <a:pt x="85" y="947"/>
                    </a:lnTo>
                    <a:lnTo>
                      <a:pt x="85" y="946"/>
                    </a:lnTo>
                    <a:lnTo>
                      <a:pt x="85" y="947"/>
                    </a:lnTo>
                    <a:lnTo>
                      <a:pt x="85" y="949"/>
                    </a:lnTo>
                    <a:lnTo>
                      <a:pt x="87" y="949"/>
                    </a:lnTo>
                    <a:lnTo>
                      <a:pt x="87" y="951"/>
                    </a:lnTo>
                    <a:lnTo>
                      <a:pt x="87" y="953"/>
                    </a:lnTo>
                    <a:lnTo>
                      <a:pt x="87" y="955"/>
                    </a:lnTo>
                    <a:lnTo>
                      <a:pt x="87" y="957"/>
                    </a:lnTo>
                    <a:lnTo>
                      <a:pt x="89" y="955"/>
                    </a:lnTo>
                    <a:lnTo>
                      <a:pt x="89" y="957"/>
                    </a:lnTo>
                    <a:lnTo>
                      <a:pt x="91" y="957"/>
                    </a:lnTo>
                    <a:lnTo>
                      <a:pt x="93" y="957"/>
                    </a:lnTo>
                    <a:lnTo>
                      <a:pt x="93" y="959"/>
                    </a:lnTo>
                    <a:lnTo>
                      <a:pt x="91" y="959"/>
                    </a:lnTo>
                    <a:lnTo>
                      <a:pt x="91" y="960"/>
                    </a:lnTo>
                    <a:lnTo>
                      <a:pt x="91" y="962"/>
                    </a:lnTo>
                    <a:lnTo>
                      <a:pt x="91" y="964"/>
                    </a:lnTo>
                    <a:lnTo>
                      <a:pt x="91" y="966"/>
                    </a:lnTo>
                    <a:lnTo>
                      <a:pt x="91" y="968"/>
                    </a:lnTo>
                    <a:lnTo>
                      <a:pt x="93" y="968"/>
                    </a:lnTo>
                    <a:lnTo>
                      <a:pt x="94" y="968"/>
                    </a:lnTo>
                    <a:lnTo>
                      <a:pt x="94" y="966"/>
                    </a:lnTo>
                    <a:lnTo>
                      <a:pt x="94" y="964"/>
                    </a:lnTo>
                    <a:lnTo>
                      <a:pt x="94" y="962"/>
                    </a:lnTo>
                    <a:lnTo>
                      <a:pt x="94" y="960"/>
                    </a:lnTo>
                    <a:lnTo>
                      <a:pt x="96" y="959"/>
                    </a:lnTo>
                    <a:lnTo>
                      <a:pt x="98" y="960"/>
                    </a:lnTo>
                    <a:lnTo>
                      <a:pt x="96" y="959"/>
                    </a:lnTo>
                    <a:lnTo>
                      <a:pt x="98" y="959"/>
                    </a:lnTo>
                    <a:lnTo>
                      <a:pt x="98" y="957"/>
                    </a:lnTo>
                    <a:lnTo>
                      <a:pt x="98" y="955"/>
                    </a:lnTo>
                    <a:lnTo>
                      <a:pt x="98" y="953"/>
                    </a:lnTo>
                    <a:lnTo>
                      <a:pt x="100" y="951"/>
                    </a:lnTo>
                    <a:lnTo>
                      <a:pt x="100" y="949"/>
                    </a:lnTo>
                    <a:lnTo>
                      <a:pt x="102" y="949"/>
                    </a:lnTo>
                    <a:lnTo>
                      <a:pt x="102" y="947"/>
                    </a:lnTo>
                    <a:lnTo>
                      <a:pt x="104" y="947"/>
                    </a:lnTo>
                    <a:lnTo>
                      <a:pt x="104" y="946"/>
                    </a:lnTo>
                    <a:lnTo>
                      <a:pt x="106" y="944"/>
                    </a:lnTo>
                    <a:lnTo>
                      <a:pt x="106" y="942"/>
                    </a:lnTo>
                    <a:lnTo>
                      <a:pt x="107" y="942"/>
                    </a:lnTo>
                    <a:lnTo>
                      <a:pt x="107" y="940"/>
                    </a:lnTo>
                    <a:lnTo>
                      <a:pt x="109" y="940"/>
                    </a:lnTo>
                    <a:lnTo>
                      <a:pt x="109" y="938"/>
                    </a:lnTo>
                    <a:lnTo>
                      <a:pt x="111" y="938"/>
                    </a:lnTo>
                    <a:lnTo>
                      <a:pt x="113" y="938"/>
                    </a:lnTo>
                    <a:lnTo>
                      <a:pt x="113" y="936"/>
                    </a:lnTo>
                    <a:lnTo>
                      <a:pt x="115" y="935"/>
                    </a:lnTo>
                    <a:lnTo>
                      <a:pt x="115" y="933"/>
                    </a:lnTo>
                    <a:lnTo>
                      <a:pt x="117" y="933"/>
                    </a:lnTo>
                    <a:lnTo>
                      <a:pt x="118" y="933"/>
                    </a:lnTo>
                    <a:lnTo>
                      <a:pt x="118" y="931"/>
                    </a:lnTo>
                    <a:lnTo>
                      <a:pt x="118" y="929"/>
                    </a:lnTo>
                    <a:lnTo>
                      <a:pt x="120" y="929"/>
                    </a:lnTo>
                    <a:lnTo>
                      <a:pt x="120" y="927"/>
                    </a:lnTo>
                    <a:lnTo>
                      <a:pt x="120" y="925"/>
                    </a:lnTo>
                    <a:lnTo>
                      <a:pt x="122" y="925"/>
                    </a:lnTo>
                    <a:lnTo>
                      <a:pt x="122" y="923"/>
                    </a:lnTo>
                    <a:lnTo>
                      <a:pt x="124" y="923"/>
                    </a:lnTo>
                    <a:lnTo>
                      <a:pt x="126" y="922"/>
                    </a:lnTo>
                    <a:lnTo>
                      <a:pt x="126" y="920"/>
                    </a:lnTo>
                    <a:lnTo>
                      <a:pt x="128" y="920"/>
                    </a:lnTo>
                    <a:lnTo>
                      <a:pt x="128" y="918"/>
                    </a:lnTo>
                    <a:lnTo>
                      <a:pt x="130" y="918"/>
                    </a:lnTo>
                    <a:lnTo>
                      <a:pt x="130" y="914"/>
                    </a:lnTo>
                    <a:lnTo>
                      <a:pt x="131" y="914"/>
                    </a:lnTo>
                    <a:lnTo>
                      <a:pt x="131" y="912"/>
                    </a:lnTo>
                    <a:lnTo>
                      <a:pt x="133" y="912"/>
                    </a:lnTo>
                    <a:lnTo>
                      <a:pt x="133" y="914"/>
                    </a:lnTo>
                    <a:lnTo>
                      <a:pt x="135" y="914"/>
                    </a:lnTo>
                    <a:lnTo>
                      <a:pt x="137" y="914"/>
                    </a:lnTo>
                    <a:lnTo>
                      <a:pt x="137" y="912"/>
                    </a:lnTo>
                    <a:lnTo>
                      <a:pt x="139" y="912"/>
                    </a:lnTo>
                    <a:lnTo>
                      <a:pt x="139" y="910"/>
                    </a:lnTo>
                    <a:lnTo>
                      <a:pt x="141" y="910"/>
                    </a:lnTo>
                    <a:lnTo>
                      <a:pt x="141" y="909"/>
                    </a:lnTo>
                    <a:lnTo>
                      <a:pt x="141" y="910"/>
                    </a:lnTo>
                    <a:lnTo>
                      <a:pt x="142" y="910"/>
                    </a:lnTo>
                    <a:lnTo>
                      <a:pt x="142" y="909"/>
                    </a:lnTo>
                    <a:lnTo>
                      <a:pt x="144" y="909"/>
                    </a:lnTo>
                    <a:lnTo>
                      <a:pt x="144" y="910"/>
                    </a:lnTo>
                    <a:lnTo>
                      <a:pt x="146" y="910"/>
                    </a:lnTo>
                    <a:lnTo>
                      <a:pt x="148" y="910"/>
                    </a:lnTo>
                    <a:lnTo>
                      <a:pt x="148" y="909"/>
                    </a:lnTo>
                    <a:lnTo>
                      <a:pt x="150" y="909"/>
                    </a:lnTo>
                    <a:lnTo>
                      <a:pt x="152" y="907"/>
                    </a:lnTo>
                    <a:lnTo>
                      <a:pt x="148" y="901"/>
                    </a:lnTo>
                    <a:lnTo>
                      <a:pt x="148" y="899"/>
                    </a:lnTo>
                    <a:lnTo>
                      <a:pt x="146" y="899"/>
                    </a:lnTo>
                    <a:lnTo>
                      <a:pt x="148" y="899"/>
                    </a:lnTo>
                    <a:lnTo>
                      <a:pt x="146" y="899"/>
                    </a:lnTo>
                    <a:lnTo>
                      <a:pt x="148" y="898"/>
                    </a:lnTo>
                    <a:lnTo>
                      <a:pt x="148" y="896"/>
                    </a:lnTo>
                    <a:lnTo>
                      <a:pt x="148" y="894"/>
                    </a:lnTo>
                    <a:lnTo>
                      <a:pt x="150" y="894"/>
                    </a:lnTo>
                    <a:lnTo>
                      <a:pt x="150" y="892"/>
                    </a:lnTo>
                    <a:lnTo>
                      <a:pt x="152" y="890"/>
                    </a:lnTo>
                    <a:lnTo>
                      <a:pt x="150" y="888"/>
                    </a:lnTo>
                    <a:lnTo>
                      <a:pt x="148" y="888"/>
                    </a:lnTo>
                    <a:lnTo>
                      <a:pt x="146" y="888"/>
                    </a:lnTo>
                    <a:lnTo>
                      <a:pt x="144" y="888"/>
                    </a:lnTo>
                    <a:lnTo>
                      <a:pt x="142" y="890"/>
                    </a:lnTo>
                    <a:lnTo>
                      <a:pt x="141" y="890"/>
                    </a:lnTo>
                    <a:lnTo>
                      <a:pt x="139" y="892"/>
                    </a:lnTo>
                    <a:lnTo>
                      <a:pt x="137" y="894"/>
                    </a:lnTo>
                    <a:lnTo>
                      <a:pt x="135" y="894"/>
                    </a:lnTo>
                    <a:lnTo>
                      <a:pt x="133" y="894"/>
                    </a:lnTo>
                    <a:lnTo>
                      <a:pt x="131" y="894"/>
                    </a:lnTo>
                    <a:lnTo>
                      <a:pt x="131" y="896"/>
                    </a:lnTo>
                    <a:lnTo>
                      <a:pt x="131" y="898"/>
                    </a:lnTo>
                    <a:lnTo>
                      <a:pt x="130" y="898"/>
                    </a:lnTo>
                    <a:lnTo>
                      <a:pt x="130" y="899"/>
                    </a:lnTo>
                    <a:lnTo>
                      <a:pt x="130" y="901"/>
                    </a:lnTo>
                    <a:lnTo>
                      <a:pt x="130" y="903"/>
                    </a:lnTo>
                    <a:lnTo>
                      <a:pt x="128" y="905"/>
                    </a:lnTo>
                    <a:lnTo>
                      <a:pt x="124" y="901"/>
                    </a:lnTo>
                    <a:lnTo>
                      <a:pt x="122" y="898"/>
                    </a:lnTo>
                    <a:lnTo>
                      <a:pt x="120" y="896"/>
                    </a:lnTo>
                    <a:lnTo>
                      <a:pt x="120" y="894"/>
                    </a:lnTo>
                    <a:lnTo>
                      <a:pt x="118" y="894"/>
                    </a:lnTo>
                    <a:lnTo>
                      <a:pt x="118" y="896"/>
                    </a:lnTo>
                    <a:lnTo>
                      <a:pt x="117" y="896"/>
                    </a:lnTo>
                    <a:lnTo>
                      <a:pt x="117" y="898"/>
                    </a:lnTo>
                    <a:lnTo>
                      <a:pt x="115" y="898"/>
                    </a:lnTo>
                    <a:lnTo>
                      <a:pt x="113" y="898"/>
                    </a:lnTo>
                    <a:lnTo>
                      <a:pt x="113" y="899"/>
                    </a:lnTo>
                    <a:lnTo>
                      <a:pt x="111" y="896"/>
                    </a:lnTo>
                    <a:lnTo>
                      <a:pt x="111" y="892"/>
                    </a:lnTo>
                    <a:lnTo>
                      <a:pt x="109" y="892"/>
                    </a:lnTo>
                    <a:lnTo>
                      <a:pt x="109" y="888"/>
                    </a:lnTo>
                    <a:lnTo>
                      <a:pt x="107" y="885"/>
                    </a:lnTo>
                    <a:lnTo>
                      <a:pt x="107" y="883"/>
                    </a:lnTo>
                    <a:lnTo>
                      <a:pt x="106" y="883"/>
                    </a:lnTo>
                    <a:lnTo>
                      <a:pt x="106" y="881"/>
                    </a:lnTo>
                    <a:lnTo>
                      <a:pt x="104" y="877"/>
                    </a:lnTo>
                    <a:lnTo>
                      <a:pt x="104" y="879"/>
                    </a:lnTo>
                    <a:lnTo>
                      <a:pt x="104" y="877"/>
                    </a:lnTo>
                    <a:lnTo>
                      <a:pt x="102" y="877"/>
                    </a:lnTo>
                    <a:lnTo>
                      <a:pt x="100" y="875"/>
                    </a:lnTo>
                    <a:lnTo>
                      <a:pt x="100" y="873"/>
                    </a:lnTo>
                    <a:lnTo>
                      <a:pt x="98" y="872"/>
                    </a:lnTo>
                    <a:lnTo>
                      <a:pt x="96" y="872"/>
                    </a:lnTo>
                    <a:lnTo>
                      <a:pt x="94" y="872"/>
                    </a:lnTo>
                    <a:lnTo>
                      <a:pt x="94" y="870"/>
                    </a:lnTo>
                    <a:lnTo>
                      <a:pt x="93" y="870"/>
                    </a:lnTo>
                    <a:lnTo>
                      <a:pt x="93" y="868"/>
                    </a:lnTo>
                    <a:lnTo>
                      <a:pt x="91" y="868"/>
                    </a:lnTo>
                    <a:lnTo>
                      <a:pt x="89" y="868"/>
                    </a:lnTo>
                    <a:lnTo>
                      <a:pt x="87" y="866"/>
                    </a:lnTo>
                    <a:lnTo>
                      <a:pt x="83" y="864"/>
                    </a:lnTo>
                    <a:lnTo>
                      <a:pt x="81" y="864"/>
                    </a:lnTo>
                    <a:lnTo>
                      <a:pt x="81" y="866"/>
                    </a:lnTo>
                    <a:lnTo>
                      <a:pt x="80" y="866"/>
                    </a:lnTo>
                    <a:lnTo>
                      <a:pt x="78" y="864"/>
                    </a:lnTo>
                    <a:lnTo>
                      <a:pt x="78" y="862"/>
                    </a:lnTo>
                    <a:lnTo>
                      <a:pt x="76" y="861"/>
                    </a:lnTo>
                    <a:lnTo>
                      <a:pt x="74" y="861"/>
                    </a:lnTo>
                    <a:lnTo>
                      <a:pt x="72" y="861"/>
                    </a:lnTo>
                    <a:lnTo>
                      <a:pt x="72" y="862"/>
                    </a:lnTo>
                    <a:lnTo>
                      <a:pt x="70" y="862"/>
                    </a:lnTo>
                    <a:lnTo>
                      <a:pt x="69" y="862"/>
                    </a:lnTo>
                    <a:lnTo>
                      <a:pt x="69" y="864"/>
                    </a:lnTo>
                    <a:lnTo>
                      <a:pt x="67" y="864"/>
                    </a:lnTo>
                    <a:lnTo>
                      <a:pt x="67" y="866"/>
                    </a:lnTo>
                    <a:lnTo>
                      <a:pt x="67" y="868"/>
                    </a:lnTo>
                    <a:lnTo>
                      <a:pt x="65" y="868"/>
                    </a:lnTo>
                    <a:lnTo>
                      <a:pt x="65" y="870"/>
                    </a:lnTo>
                    <a:lnTo>
                      <a:pt x="63" y="872"/>
                    </a:lnTo>
                    <a:lnTo>
                      <a:pt x="61" y="872"/>
                    </a:lnTo>
                    <a:lnTo>
                      <a:pt x="61" y="873"/>
                    </a:lnTo>
                    <a:lnTo>
                      <a:pt x="59" y="873"/>
                    </a:lnTo>
                    <a:lnTo>
                      <a:pt x="61" y="873"/>
                    </a:lnTo>
                    <a:lnTo>
                      <a:pt x="59" y="875"/>
                    </a:lnTo>
                    <a:lnTo>
                      <a:pt x="57" y="877"/>
                    </a:lnTo>
                    <a:lnTo>
                      <a:pt x="56" y="877"/>
                    </a:lnTo>
                    <a:lnTo>
                      <a:pt x="52" y="875"/>
                    </a:lnTo>
                    <a:lnTo>
                      <a:pt x="50" y="875"/>
                    </a:lnTo>
                    <a:lnTo>
                      <a:pt x="48" y="873"/>
                    </a:lnTo>
                    <a:lnTo>
                      <a:pt x="46" y="873"/>
                    </a:lnTo>
                    <a:lnTo>
                      <a:pt x="46" y="872"/>
                    </a:lnTo>
                    <a:lnTo>
                      <a:pt x="45" y="872"/>
                    </a:lnTo>
                    <a:lnTo>
                      <a:pt x="43" y="872"/>
                    </a:lnTo>
                    <a:lnTo>
                      <a:pt x="43" y="873"/>
                    </a:lnTo>
                    <a:lnTo>
                      <a:pt x="41" y="873"/>
                    </a:lnTo>
                    <a:lnTo>
                      <a:pt x="41" y="872"/>
                    </a:lnTo>
                    <a:lnTo>
                      <a:pt x="43" y="872"/>
                    </a:lnTo>
                    <a:lnTo>
                      <a:pt x="41" y="872"/>
                    </a:lnTo>
                    <a:lnTo>
                      <a:pt x="41" y="870"/>
                    </a:lnTo>
                    <a:lnTo>
                      <a:pt x="41" y="868"/>
                    </a:lnTo>
                    <a:lnTo>
                      <a:pt x="39" y="868"/>
                    </a:lnTo>
                    <a:lnTo>
                      <a:pt x="39" y="866"/>
                    </a:lnTo>
                    <a:lnTo>
                      <a:pt x="39" y="864"/>
                    </a:lnTo>
                    <a:lnTo>
                      <a:pt x="39" y="862"/>
                    </a:lnTo>
                    <a:lnTo>
                      <a:pt x="39" y="861"/>
                    </a:lnTo>
                    <a:lnTo>
                      <a:pt x="37" y="861"/>
                    </a:lnTo>
                    <a:lnTo>
                      <a:pt x="37" y="859"/>
                    </a:lnTo>
                    <a:lnTo>
                      <a:pt x="35" y="859"/>
                    </a:lnTo>
                    <a:lnTo>
                      <a:pt x="33" y="859"/>
                    </a:lnTo>
                    <a:lnTo>
                      <a:pt x="32" y="857"/>
                    </a:lnTo>
                    <a:lnTo>
                      <a:pt x="30" y="857"/>
                    </a:lnTo>
                    <a:lnTo>
                      <a:pt x="28" y="855"/>
                    </a:lnTo>
                    <a:lnTo>
                      <a:pt x="28" y="857"/>
                    </a:lnTo>
                    <a:lnTo>
                      <a:pt x="28" y="859"/>
                    </a:lnTo>
                    <a:lnTo>
                      <a:pt x="28" y="861"/>
                    </a:lnTo>
                    <a:lnTo>
                      <a:pt x="26" y="861"/>
                    </a:lnTo>
                    <a:lnTo>
                      <a:pt x="26" y="862"/>
                    </a:lnTo>
                    <a:lnTo>
                      <a:pt x="26" y="864"/>
                    </a:lnTo>
                    <a:lnTo>
                      <a:pt x="24" y="864"/>
                    </a:lnTo>
                    <a:lnTo>
                      <a:pt x="24" y="866"/>
                    </a:lnTo>
                    <a:lnTo>
                      <a:pt x="26" y="868"/>
                    </a:lnTo>
                    <a:lnTo>
                      <a:pt x="26" y="870"/>
                    </a:lnTo>
                    <a:lnTo>
                      <a:pt x="28" y="872"/>
                    </a:lnTo>
                    <a:lnTo>
                      <a:pt x="26" y="872"/>
                    </a:lnTo>
                    <a:lnTo>
                      <a:pt x="26" y="870"/>
                    </a:lnTo>
                    <a:lnTo>
                      <a:pt x="24" y="870"/>
                    </a:lnTo>
                    <a:lnTo>
                      <a:pt x="22" y="870"/>
                    </a:lnTo>
                    <a:lnTo>
                      <a:pt x="20" y="872"/>
                    </a:lnTo>
                    <a:lnTo>
                      <a:pt x="19" y="872"/>
                    </a:lnTo>
                    <a:lnTo>
                      <a:pt x="15" y="872"/>
                    </a:lnTo>
                    <a:lnTo>
                      <a:pt x="15" y="873"/>
                    </a:lnTo>
                    <a:lnTo>
                      <a:pt x="13" y="873"/>
                    </a:lnTo>
                    <a:lnTo>
                      <a:pt x="13" y="875"/>
                    </a:lnTo>
                    <a:lnTo>
                      <a:pt x="13" y="877"/>
                    </a:lnTo>
                    <a:lnTo>
                      <a:pt x="11" y="877"/>
                    </a:lnTo>
                    <a:lnTo>
                      <a:pt x="11" y="879"/>
                    </a:lnTo>
                    <a:lnTo>
                      <a:pt x="8" y="879"/>
                    </a:lnTo>
                    <a:lnTo>
                      <a:pt x="6" y="879"/>
                    </a:lnTo>
                    <a:lnTo>
                      <a:pt x="4" y="879"/>
                    </a:lnTo>
                    <a:lnTo>
                      <a:pt x="2" y="877"/>
                    </a:lnTo>
                    <a:lnTo>
                      <a:pt x="0" y="877"/>
                    </a:lnTo>
                    <a:lnTo>
                      <a:pt x="2" y="877"/>
                    </a:lnTo>
                    <a:lnTo>
                      <a:pt x="2" y="875"/>
                    </a:lnTo>
                    <a:lnTo>
                      <a:pt x="2" y="873"/>
                    </a:lnTo>
                    <a:lnTo>
                      <a:pt x="4" y="873"/>
                    </a:lnTo>
                    <a:lnTo>
                      <a:pt x="4" y="872"/>
                    </a:lnTo>
                    <a:lnTo>
                      <a:pt x="2" y="872"/>
                    </a:lnTo>
                    <a:lnTo>
                      <a:pt x="2" y="870"/>
                    </a:lnTo>
                    <a:lnTo>
                      <a:pt x="4" y="870"/>
                    </a:lnTo>
                    <a:lnTo>
                      <a:pt x="2" y="870"/>
                    </a:lnTo>
                    <a:lnTo>
                      <a:pt x="4" y="868"/>
                    </a:lnTo>
                    <a:lnTo>
                      <a:pt x="4" y="866"/>
                    </a:lnTo>
                    <a:lnTo>
                      <a:pt x="6" y="866"/>
                    </a:lnTo>
                    <a:lnTo>
                      <a:pt x="6" y="864"/>
                    </a:lnTo>
                    <a:lnTo>
                      <a:pt x="8" y="864"/>
                    </a:lnTo>
                    <a:lnTo>
                      <a:pt x="8" y="862"/>
                    </a:lnTo>
                    <a:lnTo>
                      <a:pt x="8" y="861"/>
                    </a:lnTo>
                    <a:lnTo>
                      <a:pt x="8" y="859"/>
                    </a:lnTo>
                    <a:lnTo>
                      <a:pt x="8" y="857"/>
                    </a:lnTo>
                    <a:lnTo>
                      <a:pt x="8" y="855"/>
                    </a:lnTo>
                    <a:lnTo>
                      <a:pt x="6" y="855"/>
                    </a:lnTo>
                    <a:lnTo>
                      <a:pt x="8" y="855"/>
                    </a:lnTo>
                    <a:lnTo>
                      <a:pt x="8" y="853"/>
                    </a:lnTo>
                    <a:lnTo>
                      <a:pt x="8" y="851"/>
                    </a:lnTo>
                    <a:lnTo>
                      <a:pt x="8" y="849"/>
                    </a:lnTo>
                    <a:lnTo>
                      <a:pt x="9" y="848"/>
                    </a:lnTo>
                    <a:lnTo>
                      <a:pt x="8" y="848"/>
                    </a:lnTo>
                    <a:lnTo>
                      <a:pt x="9" y="848"/>
                    </a:lnTo>
                    <a:lnTo>
                      <a:pt x="8" y="848"/>
                    </a:lnTo>
                    <a:lnTo>
                      <a:pt x="9" y="846"/>
                    </a:lnTo>
                    <a:lnTo>
                      <a:pt x="8" y="846"/>
                    </a:lnTo>
                    <a:lnTo>
                      <a:pt x="9" y="846"/>
                    </a:lnTo>
                    <a:lnTo>
                      <a:pt x="9" y="844"/>
                    </a:lnTo>
                    <a:lnTo>
                      <a:pt x="9" y="842"/>
                    </a:lnTo>
                    <a:lnTo>
                      <a:pt x="11" y="842"/>
                    </a:lnTo>
                    <a:lnTo>
                      <a:pt x="9" y="842"/>
                    </a:lnTo>
                    <a:lnTo>
                      <a:pt x="9" y="840"/>
                    </a:lnTo>
                    <a:lnTo>
                      <a:pt x="8" y="833"/>
                    </a:lnTo>
                    <a:lnTo>
                      <a:pt x="8" y="829"/>
                    </a:lnTo>
                    <a:lnTo>
                      <a:pt x="6" y="827"/>
                    </a:lnTo>
                    <a:lnTo>
                      <a:pt x="8" y="827"/>
                    </a:lnTo>
                    <a:lnTo>
                      <a:pt x="11" y="825"/>
                    </a:lnTo>
                    <a:lnTo>
                      <a:pt x="11" y="824"/>
                    </a:lnTo>
                    <a:lnTo>
                      <a:pt x="11" y="822"/>
                    </a:lnTo>
                    <a:lnTo>
                      <a:pt x="13" y="820"/>
                    </a:lnTo>
                    <a:lnTo>
                      <a:pt x="13" y="816"/>
                    </a:lnTo>
                    <a:lnTo>
                      <a:pt x="13" y="812"/>
                    </a:lnTo>
                    <a:lnTo>
                      <a:pt x="15" y="809"/>
                    </a:lnTo>
                    <a:lnTo>
                      <a:pt x="15" y="807"/>
                    </a:lnTo>
                    <a:lnTo>
                      <a:pt x="13" y="807"/>
                    </a:lnTo>
                    <a:lnTo>
                      <a:pt x="13" y="801"/>
                    </a:lnTo>
                    <a:lnTo>
                      <a:pt x="13" y="799"/>
                    </a:lnTo>
                    <a:lnTo>
                      <a:pt x="13" y="798"/>
                    </a:lnTo>
                    <a:lnTo>
                      <a:pt x="11" y="796"/>
                    </a:lnTo>
                    <a:lnTo>
                      <a:pt x="11" y="794"/>
                    </a:lnTo>
                    <a:lnTo>
                      <a:pt x="13" y="794"/>
                    </a:lnTo>
                    <a:lnTo>
                      <a:pt x="13" y="792"/>
                    </a:lnTo>
                    <a:lnTo>
                      <a:pt x="13" y="790"/>
                    </a:lnTo>
                    <a:lnTo>
                      <a:pt x="13" y="788"/>
                    </a:lnTo>
                    <a:lnTo>
                      <a:pt x="13" y="787"/>
                    </a:lnTo>
                    <a:lnTo>
                      <a:pt x="13" y="785"/>
                    </a:lnTo>
                    <a:lnTo>
                      <a:pt x="13" y="783"/>
                    </a:lnTo>
                    <a:lnTo>
                      <a:pt x="15" y="783"/>
                    </a:lnTo>
                    <a:lnTo>
                      <a:pt x="13" y="781"/>
                    </a:lnTo>
                    <a:lnTo>
                      <a:pt x="13" y="779"/>
                    </a:lnTo>
                    <a:lnTo>
                      <a:pt x="13" y="777"/>
                    </a:lnTo>
                    <a:lnTo>
                      <a:pt x="13" y="775"/>
                    </a:lnTo>
                    <a:lnTo>
                      <a:pt x="11" y="775"/>
                    </a:lnTo>
                    <a:lnTo>
                      <a:pt x="11" y="774"/>
                    </a:lnTo>
                    <a:lnTo>
                      <a:pt x="11" y="772"/>
                    </a:lnTo>
                    <a:lnTo>
                      <a:pt x="13" y="770"/>
                    </a:lnTo>
                    <a:lnTo>
                      <a:pt x="11" y="770"/>
                    </a:lnTo>
                    <a:lnTo>
                      <a:pt x="11" y="768"/>
                    </a:lnTo>
                    <a:lnTo>
                      <a:pt x="9" y="768"/>
                    </a:lnTo>
                    <a:lnTo>
                      <a:pt x="9" y="766"/>
                    </a:lnTo>
                    <a:lnTo>
                      <a:pt x="9" y="764"/>
                    </a:lnTo>
                    <a:lnTo>
                      <a:pt x="8" y="764"/>
                    </a:lnTo>
                    <a:lnTo>
                      <a:pt x="6" y="764"/>
                    </a:lnTo>
                    <a:lnTo>
                      <a:pt x="6" y="762"/>
                    </a:lnTo>
                    <a:lnTo>
                      <a:pt x="6" y="761"/>
                    </a:lnTo>
                    <a:lnTo>
                      <a:pt x="6" y="759"/>
                    </a:lnTo>
                    <a:lnTo>
                      <a:pt x="6" y="757"/>
                    </a:lnTo>
                    <a:lnTo>
                      <a:pt x="6" y="755"/>
                    </a:lnTo>
                    <a:lnTo>
                      <a:pt x="6" y="753"/>
                    </a:lnTo>
                    <a:lnTo>
                      <a:pt x="8" y="753"/>
                    </a:lnTo>
                    <a:lnTo>
                      <a:pt x="8" y="751"/>
                    </a:lnTo>
                    <a:lnTo>
                      <a:pt x="8" y="750"/>
                    </a:lnTo>
                    <a:lnTo>
                      <a:pt x="8" y="748"/>
                    </a:lnTo>
                    <a:lnTo>
                      <a:pt x="8" y="746"/>
                    </a:lnTo>
                    <a:lnTo>
                      <a:pt x="9" y="742"/>
                    </a:lnTo>
                    <a:lnTo>
                      <a:pt x="11" y="740"/>
                    </a:lnTo>
                    <a:lnTo>
                      <a:pt x="11" y="737"/>
                    </a:lnTo>
                    <a:lnTo>
                      <a:pt x="13" y="737"/>
                    </a:lnTo>
                    <a:lnTo>
                      <a:pt x="15" y="737"/>
                    </a:lnTo>
                    <a:lnTo>
                      <a:pt x="15" y="735"/>
                    </a:lnTo>
                    <a:lnTo>
                      <a:pt x="15" y="733"/>
                    </a:lnTo>
                    <a:lnTo>
                      <a:pt x="13" y="733"/>
                    </a:lnTo>
                    <a:lnTo>
                      <a:pt x="11" y="731"/>
                    </a:lnTo>
                    <a:lnTo>
                      <a:pt x="9" y="731"/>
                    </a:lnTo>
                    <a:lnTo>
                      <a:pt x="9" y="729"/>
                    </a:lnTo>
                    <a:lnTo>
                      <a:pt x="8" y="729"/>
                    </a:lnTo>
                    <a:lnTo>
                      <a:pt x="8" y="727"/>
                    </a:lnTo>
                    <a:lnTo>
                      <a:pt x="8" y="725"/>
                    </a:lnTo>
                    <a:lnTo>
                      <a:pt x="11" y="727"/>
                    </a:lnTo>
                    <a:lnTo>
                      <a:pt x="13" y="727"/>
                    </a:lnTo>
                    <a:lnTo>
                      <a:pt x="15" y="725"/>
                    </a:lnTo>
                    <a:lnTo>
                      <a:pt x="17" y="725"/>
                    </a:lnTo>
                    <a:lnTo>
                      <a:pt x="17" y="724"/>
                    </a:lnTo>
                    <a:lnTo>
                      <a:pt x="19" y="724"/>
                    </a:lnTo>
                    <a:lnTo>
                      <a:pt x="20" y="724"/>
                    </a:lnTo>
                    <a:lnTo>
                      <a:pt x="22" y="724"/>
                    </a:lnTo>
                    <a:lnTo>
                      <a:pt x="24" y="724"/>
                    </a:lnTo>
                    <a:lnTo>
                      <a:pt x="26" y="724"/>
                    </a:lnTo>
                    <a:lnTo>
                      <a:pt x="26" y="725"/>
                    </a:lnTo>
                    <a:lnTo>
                      <a:pt x="24" y="725"/>
                    </a:lnTo>
                    <a:lnTo>
                      <a:pt x="26" y="725"/>
                    </a:lnTo>
                    <a:lnTo>
                      <a:pt x="28" y="725"/>
                    </a:lnTo>
                    <a:lnTo>
                      <a:pt x="30" y="727"/>
                    </a:lnTo>
                    <a:lnTo>
                      <a:pt x="30" y="729"/>
                    </a:lnTo>
                    <a:lnTo>
                      <a:pt x="32" y="729"/>
                    </a:lnTo>
                    <a:lnTo>
                      <a:pt x="32" y="731"/>
                    </a:lnTo>
                    <a:lnTo>
                      <a:pt x="32" y="729"/>
                    </a:lnTo>
                    <a:lnTo>
                      <a:pt x="33" y="729"/>
                    </a:lnTo>
                    <a:lnTo>
                      <a:pt x="35" y="729"/>
                    </a:lnTo>
                    <a:lnTo>
                      <a:pt x="35" y="727"/>
                    </a:lnTo>
                    <a:lnTo>
                      <a:pt x="33" y="727"/>
                    </a:lnTo>
                    <a:lnTo>
                      <a:pt x="33" y="725"/>
                    </a:lnTo>
                    <a:lnTo>
                      <a:pt x="35" y="725"/>
                    </a:lnTo>
                    <a:lnTo>
                      <a:pt x="37" y="724"/>
                    </a:lnTo>
                    <a:lnTo>
                      <a:pt x="37" y="722"/>
                    </a:lnTo>
                    <a:lnTo>
                      <a:pt x="39" y="722"/>
                    </a:lnTo>
                    <a:lnTo>
                      <a:pt x="39" y="720"/>
                    </a:lnTo>
                    <a:lnTo>
                      <a:pt x="41" y="720"/>
                    </a:lnTo>
                    <a:lnTo>
                      <a:pt x="41" y="718"/>
                    </a:lnTo>
                    <a:lnTo>
                      <a:pt x="41" y="716"/>
                    </a:lnTo>
                    <a:lnTo>
                      <a:pt x="43" y="716"/>
                    </a:lnTo>
                    <a:lnTo>
                      <a:pt x="43" y="714"/>
                    </a:lnTo>
                    <a:lnTo>
                      <a:pt x="43" y="713"/>
                    </a:lnTo>
                    <a:lnTo>
                      <a:pt x="45" y="711"/>
                    </a:lnTo>
                    <a:lnTo>
                      <a:pt x="45" y="709"/>
                    </a:lnTo>
                    <a:lnTo>
                      <a:pt x="46" y="709"/>
                    </a:lnTo>
                    <a:lnTo>
                      <a:pt x="46" y="707"/>
                    </a:lnTo>
                    <a:lnTo>
                      <a:pt x="48" y="705"/>
                    </a:lnTo>
                    <a:lnTo>
                      <a:pt x="50" y="703"/>
                    </a:lnTo>
                    <a:lnTo>
                      <a:pt x="52" y="703"/>
                    </a:lnTo>
                    <a:lnTo>
                      <a:pt x="52" y="705"/>
                    </a:lnTo>
                    <a:lnTo>
                      <a:pt x="54" y="705"/>
                    </a:lnTo>
                    <a:lnTo>
                      <a:pt x="54" y="703"/>
                    </a:lnTo>
                    <a:lnTo>
                      <a:pt x="56" y="703"/>
                    </a:lnTo>
                    <a:lnTo>
                      <a:pt x="56" y="701"/>
                    </a:lnTo>
                    <a:lnTo>
                      <a:pt x="57" y="700"/>
                    </a:lnTo>
                    <a:lnTo>
                      <a:pt x="59" y="701"/>
                    </a:lnTo>
                    <a:lnTo>
                      <a:pt x="61" y="701"/>
                    </a:lnTo>
                    <a:lnTo>
                      <a:pt x="61" y="700"/>
                    </a:lnTo>
                    <a:lnTo>
                      <a:pt x="63" y="700"/>
                    </a:lnTo>
                    <a:lnTo>
                      <a:pt x="63" y="701"/>
                    </a:lnTo>
                    <a:lnTo>
                      <a:pt x="63" y="700"/>
                    </a:lnTo>
                    <a:lnTo>
                      <a:pt x="69" y="701"/>
                    </a:lnTo>
                    <a:lnTo>
                      <a:pt x="69" y="703"/>
                    </a:lnTo>
                    <a:lnTo>
                      <a:pt x="70" y="703"/>
                    </a:lnTo>
                    <a:lnTo>
                      <a:pt x="72" y="703"/>
                    </a:lnTo>
                    <a:lnTo>
                      <a:pt x="70" y="705"/>
                    </a:lnTo>
                    <a:lnTo>
                      <a:pt x="69" y="707"/>
                    </a:lnTo>
                    <a:lnTo>
                      <a:pt x="70" y="709"/>
                    </a:lnTo>
                    <a:lnTo>
                      <a:pt x="72" y="709"/>
                    </a:lnTo>
                    <a:lnTo>
                      <a:pt x="76" y="709"/>
                    </a:lnTo>
                    <a:lnTo>
                      <a:pt x="76" y="711"/>
                    </a:lnTo>
                    <a:lnTo>
                      <a:pt x="78" y="711"/>
                    </a:lnTo>
                    <a:lnTo>
                      <a:pt x="80" y="711"/>
                    </a:lnTo>
                    <a:lnTo>
                      <a:pt x="80" y="713"/>
                    </a:lnTo>
                    <a:lnTo>
                      <a:pt x="81" y="713"/>
                    </a:lnTo>
                    <a:lnTo>
                      <a:pt x="85" y="714"/>
                    </a:lnTo>
                    <a:lnTo>
                      <a:pt x="85" y="713"/>
                    </a:lnTo>
                    <a:lnTo>
                      <a:pt x="87" y="713"/>
                    </a:lnTo>
                    <a:lnTo>
                      <a:pt x="89" y="711"/>
                    </a:lnTo>
                    <a:lnTo>
                      <a:pt x="89" y="709"/>
                    </a:lnTo>
                    <a:lnTo>
                      <a:pt x="91" y="709"/>
                    </a:lnTo>
                    <a:lnTo>
                      <a:pt x="91" y="707"/>
                    </a:lnTo>
                    <a:lnTo>
                      <a:pt x="93" y="707"/>
                    </a:lnTo>
                    <a:lnTo>
                      <a:pt x="93" y="705"/>
                    </a:lnTo>
                    <a:lnTo>
                      <a:pt x="94" y="705"/>
                    </a:lnTo>
                    <a:lnTo>
                      <a:pt x="96" y="707"/>
                    </a:lnTo>
                    <a:lnTo>
                      <a:pt x="98" y="709"/>
                    </a:lnTo>
                    <a:lnTo>
                      <a:pt x="98" y="707"/>
                    </a:lnTo>
                    <a:lnTo>
                      <a:pt x="100" y="707"/>
                    </a:lnTo>
                    <a:lnTo>
                      <a:pt x="100" y="709"/>
                    </a:lnTo>
                    <a:lnTo>
                      <a:pt x="102" y="707"/>
                    </a:lnTo>
                    <a:lnTo>
                      <a:pt x="104" y="705"/>
                    </a:lnTo>
                    <a:lnTo>
                      <a:pt x="106" y="703"/>
                    </a:lnTo>
                    <a:lnTo>
                      <a:pt x="104" y="701"/>
                    </a:lnTo>
                    <a:lnTo>
                      <a:pt x="106" y="700"/>
                    </a:lnTo>
                    <a:lnTo>
                      <a:pt x="104" y="698"/>
                    </a:lnTo>
                    <a:lnTo>
                      <a:pt x="100" y="696"/>
                    </a:lnTo>
                    <a:lnTo>
                      <a:pt x="102" y="692"/>
                    </a:lnTo>
                    <a:lnTo>
                      <a:pt x="102" y="690"/>
                    </a:lnTo>
                    <a:lnTo>
                      <a:pt x="104" y="688"/>
                    </a:lnTo>
                    <a:lnTo>
                      <a:pt x="104" y="687"/>
                    </a:lnTo>
                    <a:lnTo>
                      <a:pt x="106" y="685"/>
                    </a:lnTo>
                    <a:lnTo>
                      <a:pt x="107" y="683"/>
                    </a:lnTo>
                    <a:lnTo>
                      <a:pt x="107" y="681"/>
                    </a:lnTo>
                    <a:lnTo>
                      <a:pt x="109" y="681"/>
                    </a:lnTo>
                    <a:lnTo>
                      <a:pt x="109" y="679"/>
                    </a:lnTo>
                    <a:lnTo>
                      <a:pt x="111" y="677"/>
                    </a:lnTo>
                    <a:lnTo>
                      <a:pt x="109" y="677"/>
                    </a:lnTo>
                    <a:lnTo>
                      <a:pt x="107" y="676"/>
                    </a:lnTo>
                    <a:lnTo>
                      <a:pt x="107" y="674"/>
                    </a:lnTo>
                    <a:lnTo>
                      <a:pt x="106" y="674"/>
                    </a:lnTo>
                    <a:lnTo>
                      <a:pt x="106" y="676"/>
                    </a:lnTo>
                    <a:lnTo>
                      <a:pt x="106" y="674"/>
                    </a:lnTo>
                    <a:lnTo>
                      <a:pt x="104" y="674"/>
                    </a:lnTo>
                    <a:lnTo>
                      <a:pt x="102" y="674"/>
                    </a:lnTo>
                    <a:lnTo>
                      <a:pt x="102" y="672"/>
                    </a:lnTo>
                    <a:lnTo>
                      <a:pt x="100" y="672"/>
                    </a:lnTo>
                    <a:lnTo>
                      <a:pt x="100" y="670"/>
                    </a:lnTo>
                    <a:lnTo>
                      <a:pt x="100" y="668"/>
                    </a:lnTo>
                    <a:lnTo>
                      <a:pt x="98" y="666"/>
                    </a:lnTo>
                    <a:lnTo>
                      <a:pt x="98" y="664"/>
                    </a:lnTo>
                    <a:lnTo>
                      <a:pt x="98" y="663"/>
                    </a:lnTo>
                    <a:lnTo>
                      <a:pt x="102" y="661"/>
                    </a:lnTo>
                    <a:lnTo>
                      <a:pt x="102" y="659"/>
                    </a:lnTo>
                    <a:lnTo>
                      <a:pt x="102" y="657"/>
                    </a:lnTo>
                    <a:lnTo>
                      <a:pt x="104" y="655"/>
                    </a:lnTo>
                    <a:lnTo>
                      <a:pt x="106" y="653"/>
                    </a:lnTo>
                    <a:lnTo>
                      <a:pt x="107" y="653"/>
                    </a:lnTo>
                    <a:lnTo>
                      <a:pt x="109" y="655"/>
                    </a:lnTo>
                    <a:lnTo>
                      <a:pt x="113" y="657"/>
                    </a:lnTo>
                    <a:lnTo>
                      <a:pt x="115" y="655"/>
                    </a:lnTo>
                    <a:lnTo>
                      <a:pt x="117" y="655"/>
                    </a:lnTo>
                    <a:lnTo>
                      <a:pt x="118" y="650"/>
                    </a:lnTo>
                    <a:lnTo>
                      <a:pt x="124" y="644"/>
                    </a:lnTo>
                    <a:lnTo>
                      <a:pt x="128" y="644"/>
                    </a:lnTo>
                    <a:lnTo>
                      <a:pt x="130" y="640"/>
                    </a:lnTo>
                    <a:lnTo>
                      <a:pt x="131" y="640"/>
                    </a:lnTo>
                    <a:lnTo>
                      <a:pt x="131" y="639"/>
                    </a:lnTo>
                    <a:lnTo>
                      <a:pt x="131" y="637"/>
                    </a:lnTo>
                    <a:lnTo>
                      <a:pt x="133" y="637"/>
                    </a:lnTo>
                    <a:lnTo>
                      <a:pt x="133" y="635"/>
                    </a:lnTo>
                    <a:lnTo>
                      <a:pt x="135" y="637"/>
                    </a:lnTo>
                    <a:lnTo>
                      <a:pt x="137" y="635"/>
                    </a:lnTo>
                    <a:lnTo>
                      <a:pt x="137" y="633"/>
                    </a:lnTo>
                    <a:lnTo>
                      <a:pt x="139" y="633"/>
                    </a:lnTo>
                    <a:lnTo>
                      <a:pt x="139" y="631"/>
                    </a:lnTo>
                    <a:lnTo>
                      <a:pt x="139" y="629"/>
                    </a:lnTo>
                    <a:lnTo>
                      <a:pt x="141" y="624"/>
                    </a:lnTo>
                    <a:lnTo>
                      <a:pt x="142" y="622"/>
                    </a:lnTo>
                    <a:lnTo>
                      <a:pt x="142" y="620"/>
                    </a:lnTo>
                    <a:lnTo>
                      <a:pt x="141" y="620"/>
                    </a:lnTo>
                    <a:lnTo>
                      <a:pt x="141" y="618"/>
                    </a:lnTo>
                    <a:lnTo>
                      <a:pt x="141" y="616"/>
                    </a:lnTo>
                    <a:lnTo>
                      <a:pt x="142" y="613"/>
                    </a:lnTo>
                    <a:lnTo>
                      <a:pt x="144" y="611"/>
                    </a:lnTo>
                    <a:lnTo>
                      <a:pt x="146" y="611"/>
                    </a:lnTo>
                    <a:lnTo>
                      <a:pt x="146" y="609"/>
                    </a:lnTo>
                    <a:lnTo>
                      <a:pt x="148" y="607"/>
                    </a:lnTo>
                    <a:lnTo>
                      <a:pt x="150" y="603"/>
                    </a:lnTo>
                    <a:lnTo>
                      <a:pt x="152" y="600"/>
                    </a:lnTo>
                    <a:lnTo>
                      <a:pt x="154" y="598"/>
                    </a:lnTo>
                    <a:lnTo>
                      <a:pt x="155" y="596"/>
                    </a:lnTo>
                    <a:lnTo>
                      <a:pt x="157" y="594"/>
                    </a:lnTo>
                    <a:lnTo>
                      <a:pt x="157" y="596"/>
                    </a:lnTo>
                    <a:lnTo>
                      <a:pt x="159" y="594"/>
                    </a:lnTo>
                    <a:lnTo>
                      <a:pt x="161" y="594"/>
                    </a:lnTo>
                    <a:lnTo>
                      <a:pt x="163" y="592"/>
                    </a:lnTo>
                    <a:lnTo>
                      <a:pt x="163" y="590"/>
                    </a:lnTo>
                    <a:lnTo>
                      <a:pt x="165" y="589"/>
                    </a:lnTo>
                    <a:lnTo>
                      <a:pt x="167" y="587"/>
                    </a:lnTo>
                    <a:lnTo>
                      <a:pt x="168" y="587"/>
                    </a:lnTo>
                    <a:lnTo>
                      <a:pt x="172" y="587"/>
                    </a:lnTo>
                    <a:lnTo>
                      <a:pt x="172" y="585"/>
                    </a:lnTo>
                    <a:lnTo>
                      <a:pt x="174" y="583"/>
                    </a:lnTo>
                    <a:lnTo>
                      <a:pt x="176" y="583"/>
                    </a:lnTo>
                    <a:lnTo>
                      <a:pt x="176" y="585"/>
                    </a:lnTo>
                    <a:lnTo>
                      <a:pt x="176" y="587"/>
                    </a:lnTo>
                    <a:lnTo>
                      <a:pt x="176" y="585"/>
                    </a:lnTo>
                    <a:lnTo>
                      <a:pt x="178" y="583"/>
                    </a:lnTo>
                    <a:lnTo>
                      <a:pt x="178" y="581"/>
                    </a:lnTo>
                    <a:lnTo>
                      <a:pt x="179" y="581"/>
                    </a:lnTo>
                    <a:lnTo>
                      <a:pt x="179" y="579"/>
                    </a:lnTo>
                    <a:lnTo>
                      <a:pt x="181" y="578"/>
                    </a:lnTo>
                    <a:lnTo>
                      <a:pt x="181" y="576"/>
                    </a:lnTo>
                    <a:lnTo>
                      <a:pt x="183" y="576"/>
                    </a:lnTo>
                    <a:lnTo>
                      <a:pt x="183" y="574"/>
                    </a:lnTo>
                    <a:lnTo>
                      <a:pt x="185" y="574"/>
                    </a:lnTo>
                    <a:lnTo>
                      <a:pt x="185" y="572"/>
                    </a:lnTo>
                    <a:lnTo>
                      <a:pt x="189" y="568"/>
                    </a:lnTo>
                    <a:lnTo>
                      <a:pt x="191" y="566"/>
                    </a:lnTo>
                    <a:lnTo>
                      <a:pt x="192" y="565"/>
                    </a:lnTo>
                    <a:lnTo>
                      <a:pt x="194" y="563"/>
                    </a:lnTo>
                    <a:lnTo>
                      <a:pt x="198" y="559"/>
                    </a:lnTo>
                    <a:lnTo>
                      <a:pt x="200" y="557"/>
                    </a:lnTo>
                    <a:lnTo>
                      <a:pt x="202" y="557"/>
                    </a:lnTo>
                    <a:lnTo>
                      <a:pt x="202" y="555"/>
                    </a:lnTo>
                    <a:lnTo>
                      <a:pt x="202" y="553"/>
                    </a:lnTo>
                    <a:lnTo>
                      <a:pt x="202" y="552"/>
                    </a:lnTo>
                    <a:lnTo>
                      <a:pt x="200" y="552"/>
                    </a:lnTo>
                    <a:lnTo>
                      <a:pt x="200" y="550"/>
                    </a:lnTo>
                    <a:lnTo>
                      <a:pt x="202" y="550"/>
                    </a:lnTo>
                    <a:lnTo>
                      <a:pt x="202" y="548"/>
                    </a:lnTo>
                    <a:lnTo>
                      <a:pt x="202" y="546"/>
                    </a:lnTo>
                    <a:lnTo>
                      <a:pt x="203" y="544"/>
                    </a:lnTo>
                    <a:lnTo>
                      <a:pt x="203" y="542"/>
                    </a:lnTo>
                    <a:lnTo>
                      <a:pt x="205" y="541"/>
                    </a:lnTo>
                    <a:lnTo>
                      <a:pt x="207" y="539"/>
                    </a:lnTo>
                    <a:lnTo>
                      <a:pt x="207" y="537"/>
                    </a:lnTo>
                    <a:lnTo>
                      <a:pt x="207" y="535"/>
                    </a:lnTo>
                    <a:lnTo>
                      <a:pt x="209" y="533"/>
                    </a:lnTo>
                    <a:lnTo>
                      <a:pt x="209" y="531"/>
                    </a:lnTo>
                    <a:lnTo>
                      <a:pt x="207" y="531"/>
                    </a:lnTo>
                    <a:lnTo>
                      <a:pt x="207" y="529"/>
                    </a:lnTo>
                    <a:lnTo>
                      <a:pt x="205" y="529"/>
                    </a:lnTo>
                    <a:lnTo>
                      <a:pt x="205" y="528"/>
                    </a:lnTo>
                    <a:lnTo>
                      <a:pt x="205" y="526"/>
                    </a:lnTo>
                    <a:lnTo>
                      <a:pt x="203" y="524"/>
                    </a:lnTo>
                    <a:lnTo>
                      <a:pt x="203" y="522"/>
                    </a:lnTo>
                    <a:lnTo>
                      <a:pt x="202" y="522"/>
                    </a:lnTo>
                    <a:lnTo>
                      <a:pt x="200" y="522"/>
                    </a:lnTo>
                    <a:lnTo>
                      <a:pt x="200" y="520"/>
                    </a:lnTo>
                    <a:lnTo>
                      <a:pt x="198" y="520"/>
                    </a:lnTo>
                    <a:lnTo>
                      <a:pt x="198" y="518"/>
                    </a:lnTo>
                    <a:lnTo>
                      <a:pt x="196" y="518"/>
                    </a:lnTo>
                    <a:lnTo>
                      <a:pt x="196" y="516"/>
                    </a:lnTo>
                    <a:lnTo>
                      <a:pt x="196" y="515"/>
                    </a:lnTo>
                    <a:lnTo>
                      <a:pt x="194" y="515"/>
                    </a:lnTo>
                    <a:lnTo>
                      <a:pt x="194" y="513"/>
                    </a:lnTo>
                    <a:lnTo>
                      <a:pt x="192" y="515"/>
                    </a:lnTo>
                    <a:lnTo>
                      <a:pt x="191" y="515"/>
                    </a:lnTo>
                    <a:lnTo>
                      <a:pt x="189" y="515"/>
                    </a:lnTo>
                    <a:lnTo>
                      <a:pt x="189" y="516"/>
                    </a:lnTo>
                    <a:lnTo>
                      <a:pt x="187" y="516"/>
                    </a:lnTo>
                    <a:lnTo>
                      <a:pt x="185" y="516"/>
                    </a:lnTo>
                    <a:lnTo>
                      <a:pt x="185" y="518"/>
                    </a:lnTo>
                    <a:lnTo>
                      <a:pt x="183" y="518"/>
                    </a:lnTo>
                    <a:lnTo>
                      <a:pt x="181" y="518"/>
                    </a:lnTo>
                    <a:lnTo>
                      <a:pt x="179" y="518"/>
                    </a:lnTo>
                    <a:lnTo>
                      <a:pt x="179" y="520"/>
                    </a:lnTo>
                    <a:lnTo>
                      <a:pt x="179" y="518"/>
                    </a:lnTo>
                    <a:lnTo>
                      <a:pt x="178" y="518"/>
                    </a:lnTo>
                    <a:lnTo>
                      <a:pt x="179" y="518"/>
                    </a:lnTo>
                    <a:lnTo>
                      <a:pt x="178" y="518"/>
                    </a:lnTo>
                    <a:lnTo>
                      <a:pt x="178" y="516"/>
                    </a:lnTo>
                    <a:lnTo>
                      <a:pt x="178" y="515"/>
                    </a:lnTo>
                    <a:lnTo>
                      <a:pt x="176" y="515"/>
                    </a:lnTo>
                    <a:lnTo>
                      <a:pt x="176" y="513"/>
                    </a:lnTo>
                    <a:lnTo>
                      <a:pt x="174" y="513"/>
                    </a:lnTo>
                    <a:lnTo>
                      <a:pt x="174" y="515"/>
                    </a:lnTo>
                    <a:lnTo>
                      <a:pt x="172" y="515"/>
                    </a:lnTo>
                    <a:lnTo>
                      <a:pt x="170" y="515"/>
                    </a:lnTo>
                    <a:lnTo>
                      <a:pt x="168" y="513"/>
                    </a:lnTo>
                    <a:lnTo>
                      <a:pt x="167" y="513"/>
                    </a:lnTo>
                    <a:lnTo>
                      <a:pt x="167" y="515"/>
                    </a:lnTo>
                    <a:lnTo>
                      <a:pt x="165" y="515"/>
                    </a:lnTo>
                    <a:lnTo>
                      <a:pt x="165" y="513"/>
                    </a:lnTo>
                    <a:lnTo>
                      <a:pt x="167" y="509"/>
                    </a:lnTo>
                    <a:lnTo>
                      <a:pt x="163" y="507"/>
                    </a:lnTo>
                    <a:lnTo>
                      <a:pt x="165" y="504"/>
                    </a:lnTo>
                    <a:lnTo>
                      <a:pt x="165" y="502"/>
                    </a:lnTo>
                    <a:lnTo>
                      <a:pt x="167" y="502"/>
                    </a:lnTo>
                    <a:lnTo>
                      <a:pt x="167" y="500"/>
                    </a:lnTo>
                    <a:lnTo>
                      <a:pt x="168" y="500"/>
                    </a:lnTo>
                    <a:lnTo>
                      <a:pt x="168" y="498"/>
                    </a:lnTo>
                    <a:lnTo>
                      <a:pt x="170" y="498"/>
                    </a:lnTo>
                    <a:lnTo>
                      <a:pt x="172" y="496"/>
                    </a:lnTo>
                    <a:lnTo>
                      <a:pt x="174" y="498"/>
                    </a:lnTo>
                    <a:lnTo>
                      <a:pt x="176" y="496"/>
                    </a:lnTo>
                    <a:lnTo>
                      <a:pt x="176" y="498"/>
                    </a:lnTo>
                    <a:lnTo>
                      <a:pt x="178" y="498"/>
                    </a:lnTo>
                    <a:lnTo>
                      <a:pt x="176" y="500"/>
                    </a:lnTo>
                    <a:lnTo>
                      <a:pt x="179" y="502"/>
                    </a:lnTo>
                    <a:lnTo>
                      <a:pt x="183" y="498"/>
                    </a:lnTo>
                    <a:lnTo>
                      <a:pt x="185" y="494"/>
                    </a:lnTo>
                    <a:lnTo>
                      <a:pt x="187" y="494"/>
                    </a:lnTo>
                    <a:lnTo>
                      <a:pt x="189" y="492"/>
                    </a:lnTo>
                    <a:lnTo>
                      <a:pt x="189" y="491"/>
                    </a:lnTo>
                    <a:lnTo>
                      <a:pt x="191" y="489"/>
                    </a:lnTo>
                    <a:lnTo>
                      <a:pt x="191" y="487"/>
                    </a:lnTo>
                    <a:lnTo>
                      <a:pt x="192" y="487"/>
                    </a:lnTo>
                    <a:lnTo>
                      <a:pt x="192" y="485"/>
                    </a:lnTo>
                    <a:lnTo>
                      <a:pt x="194" y="485"/>
                    </a:lnTo>
                    <a:lnTo>
                      <a:pt x="194" y="483"/>
                    </a:lnTo>
                    <a:lnTo>
                      <a:pt x="196" y="481"/>
                    </a:lnTo>
                    <a:lnTo>
                      <a:pt x="198" y="479"/>
                    </a:lnTo>
                    <a:lnTo>
                      <a:pt x="200" y="479"/>
                    </a:lnTo>
                    <a:lnTo>
                      <a:pt x="202" y="478"/>
                    </a:lnTo>
                    <a:lnTo>
                      <a:pt x="200" y="478"/>
                    </a:lnTo>
                    <a:lnTo>
                      <a:pt x="200" y="476"/>
                    </a:lnTo>
                    <a:lnTo>
                      <a:pt x="198" y="478"/>
                    </a:lnTo>
                    <a:lnTo>
                      <a:pt x="196" y="476"/>
                    </a:lnTo>
                    <a:lnTo>
                      <a:pt x="198" y="472"/>
                    </a:lnTo>
                    <a:lnTo>
                      <a:pt x="196" y="470"/>
                    </a:lnTo>
                    <a:lnTo>
                      <a:pt x="196" y="468"/>
                    </a:lnTo>
                    <a:lnTo>
                      <a:pt x="198" y="468"/>
                    </a:lnTo>
                    <a:lnTo>
                      <a:pt x="198" y="467"/>
                    </a:lnTo>
                    <a:lnTo>
                      <a:pt x="198" y="468"/>
                    </a:lnTo>
                    <a:lnTo>
                      <a:pt x="200" y="468"/>
                    </a:lnTo>
                    <a:lnTo>
                      <a:pt x="202" y="467"/>
                    </a:lnTo>
                    <a:lnTo>
                      <a:pt x="203" y="465"/>
                    </a:lnTo>
                    <a:lnTo>
                      <a:pt x="203" y="463"/>
                    </a:lnTo>
                    <a:lnTo>
                      <a:pt x="205" y="461"/>
                    </a:lnTo>
                    <a:lnTo>
                      <a:pt x="205" y="459"/>
                    </a:lnTo>
                    <a:lnTo>
                      <a:pt x="205" y="457"/>
                    </a:lnTo>
                    <a:lnTo>
                      <a:pt x="205" y="459"/>
                    </a:lnTo>
                    <a:lnTo>
                      <a:pt x="207" y="459"/>
                    </a:lnTo>
                    <a:lnTo>
                      <a:pt x="207" y="457"/>
                    </a:lnTo>
                    <a:lnTo>
                      <a:pt x="209" y="457"/>
                    </a:lnTo>
                    <a:lnTo>
                      <a:pt x="209" y="455"/>
                    </a:lnTo>
                    <a:lnTo>
                      <a:pt x="211" y="454"/>
                    </a:lnTo>
                    <a:lnTo>
                      <a:pt x="213" y="452"/>
                    </a:lnTo>
                    <a:lnTo>
                      <a:pt x="213" y="454"/>
                    </a:lnTo>
                    <a:lnTo>
                      <a:pt x="215" y="454"/>
                    </a:lnTo>
                    <a:lnTo>
                      <a:pt x="215" y="452"/>
                    </a:lnTo>
                    <a:lnTo>
                      <a:pt x="216" y="452"/>
                    </a:lnTo>
                    <a:lnTo>
                      <a:pt x="216" y="454"/>
                    </a:lnTo>
                    <a:lnTo>
                      <a:pt x="218" y="454"/>
                    </a:lnTo>
                    <a:lnTo>
                      <a:pt x="218" y="455"/>
                    </a:lnTo>
                    <a:lnTo>
                      <a:pt x="220" y="455"/>
                    </a:lnTo>
                    <a:lnTo>
                      <a:pt x="222" y="455"/>
                    </a:lnTo>
                    <a:lnTo>
                      <a:pt x="222" y="454"/>
                    </a:lnTo>
                    <a:lnTo>
                      <a:pt x="224" y="452"/>
                    </a:lnTo>
                    <a:lnTo>
                      <a:pt x="224" y="450"/>
                    </a:lnTo>
                    <a:lnTo>
                      <a:pt x="226" y="450"/>
                    </a:lnTo>
                    <a:lnTo>
                      <a:pt x="228" y="448"/>
                    </a:lnTo>
                    <a:lnTo>
                      <a:pt x="229" y="448"/>
                    </a:lnTo>
                    <a:lnTo>
                      <a:pt x="229" y="446"/>
                    </a:lnTo>
                    <a:lnTo>
                      <a:pt x="231" y="446"/>
                    </a:lnTo>
                    <a:lnTo>
                      <a:pt x="231" y="444"/>
                    </a:lnTo>
                    <a:lnTo>
                      <a:pt x="233" y="444"/>
                    </a:lnTo>
                    <a:lnTo>
                      <a:pt x="231" y="444"/>
                    </a:lnTo>
                    <a:lnTo>
                      <a:pt x="231" y="442"/>
                    </a:lnTo>
                    <a:lnTo>
                      <a:pt x="231" y="441"/>
                    </a:lnTo>
                    <a:lnTo>
                      <a:pt x="233" y="441"/>
                    </a:lnTo>
                    <a:lnTo>
                      <a:pt x="231" y="441"/>
                    </a:lnTo>
                    <a:lnTo>
                      <a:pt x="231" y="439"/>
                    </a:lnTo>
                    <a:lnTo>
                      <a:pt x="231" y="437"/>
                    </a:lnTo>
                    <a:lnTo>
                      <a:pt x="231" y="435"/>
                    </a:lnTo>
                    <a:lnTo>
                      <a:pt x="229" y="433"/>
                    </a:lnTo>
                    <a:lnTo>
                      <a:pt x="231" y="433"/>
                    </a:lnTo>
                    <a:lnTo>
                      <a:pt x="231" y="431"/>
                    </a:lnTo>
                    <a:lnTo>
                      <a:pt x="233" y="431"/>
                    </a:lnTo>
                    <a:lnTo>
                      <a:pt x="233" y="430"/>
                    </a:lnTo>
                    <a:lnTo>
                      <a:pt x="235" y="428"/>
                    </a:lnTo>
                    <a:lnTo>
                      <a:pt x="237" y="426"/>
                    </a:lnTo>
                    <a:lnTo>
                      <a:pt x="239" y="424"/>
                    </a:lnTo>
                    <a:lnTo>
                      <a:pt x="239" y="422"/>
                    </a:lnTo>
                    <a:lnTo>
                      <a:pt x="240" y="420"/>
                    </a:lnTo>
                    <a:lnTo>
                      <a:pt x="242" y="418"/>
                    </a:lnTo>
                    <a:lnTo>
                      <a:pt x="244" y="418"/>
                    </a:lnTo>
                    <a:lnTo>
                      <a:pt x="244" y="417"/>
                    </a:lnTo>
                    <a:lnTo>
                      <a:pt x="246" y="415"/>
                    </a:lnTo>
                    <a:lnTo>
                      <a:pt x="244" y="415"/>
                    </a:lnTo>
                    <a:lnTo>
                      <a:pt x="242" y="413"/>
                    </a:lnTo>
                    <a:lnTo>
                      <a:pt x="240" y="413"/>
                    </a:lnTo>
                    <a:lnTo>
                      <a:pt x="240" y="411"/>
                    </a:lnTo>
                    <a:lnTo>
                      <a:pt x="242" y="409"/>
                    </a:lnTo>
                    <a:lnTo>
                      <a:pt x="240" y="407"/>
                    </a:lnTo>
                    <a:lnTo>
                      <a:pt x="240" y="405"/>
                    </a:lnTo>
                    <a:lnTo>
                      <a:pt x="239" y="405"/>
                    </a:lnTo>
                    <a:lnTo>
                      <a:pt x="237" y="404"/>
                    </a:lnTo>
                    <a:lnTo>
                      <a:pt x="237" y="402"/>
                    </a:lnTo>
                    <a:lnTo>
                      <a:pt x="235" y="402"/>
                    </a:lnTo>
                    <a:lnTo>
                      <a:pt x="235" y="400"/>
                    </a:lnTo>
                    <a:lnTo>
                      <a:pt x="233" y="398"/>
                    </a:lnTo>
                    <a:lnTo>
                      <a:pt x="235" y="396"/>
                    </a:lnTo>
                    <a:lnTo>
                      <a:pt x="233" y="394"/>
                    </a:lnTo>
                    <a:lnTo>
                      <a:pt x="233" y="393"/>
                    </a:lnTo>
                    <a:lnTo>
                      <a:pt x="231" y="393"/>
                    </a:lnTo>
                    <a:lnTo>
                      <a:pt x="231" y="391"/>
                    </a:lnTo>
                    <a:lnTo>
                      <a:pt x="231" y="389"/>
                    </a:lnTo>
                    <a:lnTo>
                      <a:pt x="233" y="387"/>
                    </a:lnTo>
                    <a:lnTo>
                      <a:pt x="235" y="385"/>
                    </a:lnTo>
                    <a:lnTo>
                      <a:pt x="237" y="385"/>
                    </a:lnTo>
                    <a:lnTo>
                      <a:pt x="235" y="383"/>
                    </a:lnTo>
                    <a:lnTo>
                      <a:pt x="233" y="383"/>
                    </a:lnTo>
                    <a:lnTo>
                      <a:pt x="233" y="381"/>
                    </a:lnTo>
                    <a:lnTo>
                      <a:pt x="235" y="380"/>
                    </a:lnTo>
                    <a:lnTo>
                      <a:pt x="235" y="378"/>
                    </a:lnTo>
                    <a:lnTo>
                      <a:pt x="237" y="376"/>
                    </a:lnTo>
                    <a:lnTo>
                      <a:pt x="237" y="372"/>
                    </a:lnTo>
                    <a:lnTo>
                      <a:pt x="239" y="370"/>
                    </a:lnTo>
                    <a:lnTo>
                      <a:pt x="240" y="367"/>
                    </a:lnTo>
                    <a:lnTo>
                      <a:pt x="244" y="363"/>
                    </a:lnTo>
                    <a:lnTo>
                      <a:pt x="244" y="365"/>
                    </a:lnTo>
                    <a:lnTo>
                      <a:pt x="246" y="365"/>
                    </a:lnTo>
                    <a:lnTo>
                      <a:pt x="248" y="365"/>
                    </a:lnTo>
                    <a:lnTo>
                      <a:pt x="248" y="367"/>
                    </a:lnTo>
                    <a:lnTo>
                      <a:pt x="250" y="368"/>
                    </a:lnTo>
                    <a:lnTo>
                      <a:pt x="250" y="370"/>
                    </a:lnTo>
                    <a:lnTo>
                      <a:pt x="252" y="370"/>
                    </a:lnTo>
                    <a:lnTo>
                      <a:pt x="252" y="372"/>
                    </a:lnTo>
                    <a:lnTo>
                      <a:pt x="253" y="372"/>
                    </a:lnTo>
                    <a:lnTo>
                      <a:pt x="253" y="370"/>
                    </a:lnTo>
                    <a:lnTo>
                      <a:pt x="255" y="370"/>
                    </a:lnTo>
                    <a:lnTo>
                      <a:pt x="255" y="372"/>
                    </a:lnTo>
                    <a:lnTo>
                      <a:pt x="255" y="374"/>
                    </a:lnTo>
                    <a:lnTo>
                      <a:pt x="257" y="374"/>
                    </a:lnTo>
                    <a:lnTo>
                      <a:pt x="259" y="374"/>
                    </a:lnTo>
                    <a:lnTo>
                      <a:pt x="261" y="374"/>
                    </a:lnTo>
                    <a:lnTo>
                      <a:pt x="263" y="374"/>
                    </a:lnTo>
                    <a:lnTo>
                      <a:pt x="265" y="374"/>
                    </a:lnTo>
                    <a:lnTo>
                      <a:pt x="266" y="374"/>
                    </a:lnTo>
                    <a:lnTo>
                      <a:pt x="266" y="376"/>
                    </a:lnTo>
                    <a:lnTo>
                      <a:pt x="268" y="376"/>
                    </a:lnTo>
                    <a:lnTo>
                      <a:pt x="270" y="376"/>
                    </a:lnTo>
                    <a:lnTo>
                      <a:pt x="272" y="376"/>
                    </a:lnTo>
                    <a:lnTo>
                      <a:pt x="272" y="374"/>
                    </a:lnTo>
                    <a:lnTo>
                      <a:pt x="272" y="372"/>
                    </a:lnTo>
                    <a:lnTo>
                      <a:pt x="274" y="372"/>
                    </a:lnTo>
                    <a:lnTo>
                      <a:pt x="274" y="370"/>
                    </a:lnTo>
                    <a:lnTo>
                      <a:pt x="276" y="370"/>
                    </a:lnTo>
                    <a:lnTo>
                      <a:pt x="276" y="368"/>
                    </a:lnTo>
                    <a:lnTo>
                      <a:pt x="277" y="367"/>
                    </a:lnTo>
                    <a:lnTo>
                      <a:pt x="277" y="365"/>
                    </a:lnTo>
                    <a:lnTo>
                      <a:pt x="277" y="363"/>
                    </a:lnTo>
                    <a:lnTo>
                      <a:pt x="279" y="361"/>
                    </a:lnTo>
                    <a:lnTo>
                      <a:pt x="281" y="359"/>
                    </a:lnTo>
                    <a:lnTo>
                      <a:pt x="281" y="357"/>
                    </a:lnTo>
                    <a:lnTo>
                      <a:pt x="281" y="356"/>
                    </a:lnTo>
                    <a:lnTo>
                      <a:pt x="283" y="356"/>
                    </a:lnTo>
                    <a:lnTo>
                      <a:pt x="281" y="354"/>
                    </a:lnTo>
                    <a:lnTo>
                      <a:pt x="279" y="354"/>
                    </a:lnTo>
                    <a:lnTo>
                      <a:pt x="279" y="352"/>
                    </a:lnTo>
                    <a:lnTo>
                      <a:pt x="277" y="352"/>
                    </a:lnTo>
                    <a:lnTo>
                      <a:pt x="276" y="352"/>
                    </a:lnTo>
                    <a:lnTo>
                      <a:pt x="274" y="350"/>
                    </a:lnTo>
                    <a:lnTo>
                      <a:pt x="272" y="350"/>
                    </a:lnTo>
                    <a:lnTo>
                      <a:pt x="272" y="348"/>
                    </a:lnTo>
                    <a:lnTo>
                      <a:pt x="274" y="348"/>
                    </a:lnTo>
                    <a:lnTo>
                      <a:pt x="274" y="346"/>
                    </a:lnTo>
                    <a:lnTo>
                      <a:pt x="274" y="344"/>
                    </a:lnTo>
                    <a:lnTo>
                      <a:pt x="272" y="344"/>
                    </a:lnTo>
                    <a:lnTo>
                      <a:pt x="274" y="344"/>
                    </a:lnTo>
                    <a:lnTo>
                      <a:pt x="268" y="339"/>
                    </a:lnTo>
                    <a:lnTo>
                      <a:pt x="270" y="337"/>
                    </a:lnTo>
                    <a:lnTo>
                      <a:pt x="272" y="339"/>
                    </a:lnTo>
                    <a:lnTo>
                      <a:pt x="276" y="335"/>
                    </a:lnTo>
                    <a:lnTo>
                      <a:pt x="276" y="333"/>
                    </a:lnTo>
                    <a:lnTo>
                      <a:pt x="274" y="333"/>
                    </a:lnTo>
                    <a:lnTo>
                      <a:pt x="276" y="331"/>
                    </a:lnTo>
                    <a:lnTo>
                      <a:pt x="276" y="330"/>
                    </a:lnTo>
                    <a:lnTo>
                      <a:pt x="274" y="331"/>
                    </a:lnTo>
                    <a:lnTo>
                      <a:pt x="274" y="330"/>
                    </a:lnTo>
                    <a:lnTo>
                      <a:pt x="272" y="328"/>
                    </a:lnTo>
                    <a:lnTo>
                      <a:pt x="270" y="326"/>
                    </a:lnTo>
                    <a:lnTo>
                      <a:pt x="268" y="326"/>
                    </a:lnTo>
                    <a:lnTo>
                      <a:pt x="268" y="328"/>
                    </a:lnTo>
                    <a:lnTo>
                      <a:pt x="268" y="326"/>
                    </a:lnTo>
                    <a:lnTo>
                      <a:pt x="266" y="326"/>
                    </a:lnTo>
                    <a:lnTo>
                      <a:pt x="266" y="328"/>
                    </a:lnTo>
                    <a:lnTo>
                      <a:pt x="266" y="326"/>
                    </a:lnTo>
                    <a:lnTo>
                      <a:pt x="265" y="326"/>
                    </a:lnTo>
                    <a:lnTo>
                      <a:pt x="263" y="326"/>
                    </a:lnTo>
                    <a:lnTo>
                      <a:pt x="265" y="322"/>
                    </a:lnTo>
                    <a:lnTo>
                      <a:pt x="263" y="319"/>
                    </a:lnTo>
                    <a:lnTo>
                      <a:pt x="261" y="319"/>
                    </a:lnTo>
                    <a:lnTo>
                      <a:pt x="261" y="317"/>
                    </a:lnTo>
                    <a:lnTo>
                      <a:pt x="261" y="315"/>
                    </a:lnTo>
                    <a:lnTo>
                      <a:pt x="263" y="313"/>
                    </a:lnTo>
                    <a:lnTo>
                      <a:pt x="261" y="309"/>
                    </a:lnTo>
                    <a:lnTo>
                      <a:pt x="265" y="302"/>
                    </a:lnTo>
                    <a:lnTo>
                      <a:pt x="261" y="298"/>
                    </a:lnTo>
                    <a:lnTo>
                      <a:pt x="263" y="287"/>
                    </a:lnTo>
                    <a:lnTo>
                      <a:pt x="265" y="285"/>
                    </a:lnTo>
                    <a:lnTo>
                      <a:pt x="266" y="283"/>
                    </a:lnTo>
                    <a:lnTo>
                      <a:pt x="268" y="283"/>
                    </a:lnTo>
                    <a:lnTo>
                      <a:pt x="268" y="282"/>
                    </a:lnTo>
                    <a:lnTo>
                      <a:pt x="270" y="282"/>
                    </a:lnTo>
                    <a:lnTo>
                      <a:pt x="274" y="276"/>
                    </a:lnTo>
                    <a:lnTo>
                      <a:pt x="276" y="274"/>
                    </a:lnTo>
                    <a:lnTo>
                      <a:pt x="277" y="270"/>
                    </a:lnTo>
                    <a:lnTo>
                      <a:pt x="276" y="269"/>
                    </a:lnTo>
                    <a:lnTo>
                      <a:pt x="274" y="265"/>
                    </a:lnTo>
                    <a:lnTo>
                      <a:pt x="272" y="263"/>
                    </a:lnTo>
                    <a:lnTo>
                      <a:pt x="272" y="261"/>
                    </a:lnTo>
                    <a:lnTo>
                      <a:pt x="270" y="261"/>
                    </a:lnTo>
                    <a:lnTo>
                      <a:pt x="268" y="259"/>
                    </a:lnTo>
                    <a:lnTo>
                      <a:pt x="268" y="258"/>
                    </a:lnTo>
                    <a:lnTo>
                      <a:pt x="266" y="254"/>
                    </a:lnTo>
                    <a:lnTo>
                      <a:pt x="265" y="254"/>
                    </a:lnTo>
                    <a:lnTo>
                      <a:pt x="263" y="252"/>
                    </a:lnTo>
                    <a:lnTo>
                      <a:pt x="261" y="248"/>
                    </a:lnTo>
                    <a:lnTo>
                      <a:pt x="259" y="250"/>
                    </a:lnTo>
                    <a:lnTo>
                      <a:pt x="259" y="248"/>
                    </a:lnTo>
                    <a:lnTo>
                      <a:pt x="259" y="246"/>
                    </a:lnTo>
                    <a:lnTo>
                      <a:pt x="257" y="246"/>
                    </a:lnTo>
                    <a:lnTo>
                      <a:pt x="257" y="245"/>
                    </a:lnTo>
                    <a:lnTo>
                      <a:pt x="255" y="243"/>
                    </a:lnTo>
                    <a:lnTo>
                      <a:pt x="252" y="245"/>
                    </a:lnTo>
                    <a:lnTo>
                      <a:pt x="252" y="246"/>
                    </a:lnTo>
                    <a:lnTo>
                      <a:pt x="246" y="250"/>
                    </a:lnTo>
                    <a:lnTo>
                      <a:pt x="242" y="252"/>
                    </a:lnTo>
                    <a:lnTo>
                      <a:pt x="240" y="252"/>
                    </a:lnTo>
                    <a:lnTo>
                      <a:pt x="240" y="250"/>
                    </a:lnTo>
                    <a:lnTo>
                      <a:pt x="239" y="250"/>
                    </a:lnTo>
                    <a:lnTo>
                      <a:pt x="239" y="252"/>
                    </a:lnTo>
                    <a:lnTo>
                      <a:pt x="237" y="252"/>
                    </a:lnTo>
                    <a:lnTo>
                      <a:pt x="235" y="254"/>
                    </a:lnTo>
                    <a:lnTo>
                      <a:pt x="237" y="259"/>
                    </a:lnTo>
                    <a:lnTo>
                      <a:pt x="235" y="259"/>
                    </a:lnTo>
                    <a:lnTo>
                      <a:pt x="235" y="261"/>
                    </a:lnTo>
                    <a:lnTo>
                      <a:pt x="237" y="261"/>
                    </a:lnTo>
                    <a:lnTo>
                      <a:pt x="237" y="263"/>
                    </a:lnTo>
                    <a:lnTo>
                      <a:pt x="239" y="263"/>
                    </a:lnTo>
                    <a:lnTo>
                      <a:pt x="240" y="263"/>
                    </a:lnTo>
                    <a:lnTo>
                      <a:pt x="244" y="270"/>
                    </a:lnTo>
                    <a:lnTo>
                      <a:pt x="242" y="270"/>
                    </a:lnTo>
                    <a:lnTo>
                      <a:pt x="242" y="272"/>
                    </a:lnTo>
                    <a:lnTo>
                      <a:pt x="244" y="272"/>
                    </a:lnTo>
                    <a:lnTo>
                      <a:pt x="246" y="278"/>
                    </a:lnTo>
                    <a:lnTo>
                      <a:pt x="250" y="283"/>
                    </a:lnTo>
                    <a:lnTo>
                      <a:pt x="244" y="287"/>
                    </a:lnTo>
                    <a:lnTo>
                      <a:pt x="240" y="282"/>
                    </a:lnTo>
                    <a:lnTo>
                      <a:pt x="237" y="274"/>
                    </a:lnTo>
                    <a:lnTo>
                      <a:pt x="233" y="276"/>
                    </a:lnTo>
                    <a:lnTo>
                      <a:pt x="233" y="274"/>
                    </a:lnTo>
                    <a:lnTo>
                      <a:pt x="231" y="274"/>
                    </a:lnTo>
                    <a:lnTo>
                      <a:pt x="229" y="270"/>
                    </a:lnTo>
                    <a:lnTo>
                      <a:pt x="229" y="269"/>
                    </a:lnTo>
                    <a:lnTo>
                      <a:pt x="228" y="267"/>
                    </a:lnTo>
                    <a:lnTo>
                      <a:pt x="226" y="269"/>
                    </a:lnTo>
                    <a:lnTo>
                      <a:pt x="226" y="267"/>
                    </a:lnTo>
                    <a:lnTo>
                      <a:pt x="224" y="269"/>
                    </a:lnTo>
                    <a:lnTo>
                      <a:pt x="224" y="267"/>
                    </a:lnTo>
                    <a:lnTo>
                      <a:pt x="226" y="265"/>
                    </a:lnTo>
                    <a:lnTo>
                      <a:pt x="226" y="263"/>
                    </a:lnTo>
                    <a:lnTo>
                      <a:pt x="224" y="263"/>
                    </a:lnTo>
                    <a:lnTo>
                      <a:pt x="226" y="263"/>
                    </a:lnTo>
                    <a:lnTo>
                      <a:pt x="226" y="261"/>
                    </a:lnTo>
                    <a:lnTo>
                      <a:pt x="224" y="261"/>
                    </a:lnTo>
                    <a:lnTo>
                      <a:pt x="222" y="261"/>
                    </a:lnTo>
                    <a:lnTo>
                      <a:pt x="222" y="259"/>
                    </a:lnTo>
                    <a:lnTo>
                      <a:pt x="220" y="259"/>
                    </a:lnTo>
                    <a:lnTo>
                      <a:pt x="220" y="258"/>
                    </a:lnTo>
                    <a:lnTo>
                      <a:pt x="218" y="256"/>
                    </a:lnTo>
                    <a:lnTo>
                      <a:pt x="220" y="256"/>
                    </a:lnTo>
                    <a:lnTo>
                      <a:pt x="218" y="256"/>
                    </a:lnTo>
                    <a:lnTo>
                      <a:pt x="218" y="254"/>
                    </a:lnTo>
                    <a:lnTo>
                      <a:pt x="218" y="252"/>
                    </a:lnTo>
                    <a:lnTo>
                      <a:pt x="216" y="252"/>
                    </a:lnTo>
                    <a:lnTo>
                      <a:pt x="215" y="250"/>
                    </a:lnTo>
                    <a:lnTo>
                      <a:pt x="213" y="250"/>
                    </a:lnTo>
                    <a:lnTo>
                      <a:pt x="211" y="248"/>
                    </a:lnTo>
                    <a:lnTo>
                      <a:pt x="213" y="246"/>
                    </a:lnTo>
                    <a:lnTo>
                      <a:pt x="211" y="246"/>
                    </a:lnTo>
                    <a:lnTo>
                      <a:pt x="211" y="245"/>
                    </a:lnTo>
                    <a:lnTo>
                      <a:pt x="209" y="245"/>
                    </a:lnTo>
                    <a:lnTo>
                      <a:pt x="207" y="243"/>
                    </a:lnTo>
                    <a:lnTo>
                      <a:pt x="209" y="241"/>
                    </a:lnTo>
                    <a:lnTo>
                      <a:pt x="207" y="237"/>
                    </a:lnTo>
                    <a:lnTo>
                      <a:pt x="203" y="239"/>
                    </a:lnTo>
                    <a:lnTo>
                      <a:pt x="202" y="235"/>
                    </a:lnTo>
                    <a:lnTo>
                      <a:pt x="200" y="233"/>
                    </a:lnTo>
                    <a:lnTo>
                      <a:pt x="200" y="232"/>
                    </a:lnTo>
                    <a:lnTo>
                      <a:pt x="198" y="232"/>
                    </a:lnTo>
                    <a:lnTo>
                      <a:pt x="196" y="232"/>
                    </a:lnTo>
                    <a:lnTo>
                      <a:pt x="194" y="232"/>
                    </a:lnTo>
                    <a:lnTo>
                      <a:pt x="194" y="230"/>
                    </a:lnTo>
                    <a:lnTo>
                      <a:pt x="192" y="230"/>
                    </a:lnTo>
                    <a:lnTo>
                      <a:pt x="192" y="232"/>
                    </a:lnTo>
                    <a:lnTo>
                      <a:pt x="191" y="232"/>
                    </a:lnTo>
                    <a:lnTo>
                      <a:pt x="189" y="232"/>
                    </a:lnTo>
                    <a:lnTo>
                      <a:pt x="189" y="230"/>
                    </a:lnTo>
                    <a:lnTo>
                      <a:pt x="189" y="232"/>
                    </a:lnTo>
                    <a:lnTo>
                      <a:pt x="189" y="230"/>
                    </a:lnTo>
                    <a:lnTo>
                      <a:pt x="187" y="230"/>
                    </a:lnTo>
                    <a:lnTo>
                      <a:pt x="187" y="228"/>
                    </a:lnTo>
                    <a:lnTo>
                      <a:pt x="187" y="226"/>
                    </a:lnTo>
                    <a:lnTo>
                      <a:pt x="189" y="224"/>
                    </a:lnTo>
                    <a:lnTo>
                      <a:pt x="191" y="224"/>
                    </a:lnTo>
                    <a:lnTo>
                      <a:pt x="191" y="222"/>
                    </a:lnTo>
                    <a:lnTo>
                      <a:pt x="192" y="222"/>
                    </a:lnTo>
                    <a:lnTo>
                      <a:pt x="192" y="221"/>
                    </a:lnTo>
                    <a:lnTo>
                      <a:pt x="192" y="222"/>
                    </a:lnTo>
                    <a:lnTo>
                      <a:pt x="192" y="221"/>
                    </a:lnTo>
                    <a:lnTo>
                      <a:pt x="194" y="221"/>
                    </a:lnTo>
                    <a:lnTo>
                      <a:pt x="194" y="219"/>
                    </a:lnTo>
                    <a:lnTo>
                      <a:pt x="196" y="219"/>
                    </a:lnTo>
                    <a:lnTo>
                      <a:pt x="194" y="219"/>
                    </a:lnTo>
                    <a:lnTo>
                      <a:pt x="196" y="219"/>
                    </a:lnTo>
                    <a:lnTo>
                      <a:pt x="196" y="217"/>
                    </a:lnTo>
                    <a:lnTo>
                      <a:pt x="194" y="217"/>
                    </a:lnTo>
                    <a:lnTo>
                      <a:pt x="194" y="215"/>
                    </a:lnTo>
                    <a:lnTo>
                      <a:pt x="192" y="215"/>
                    </a:lnTo>
                    <a:lnTo>
                      <a:pt x="191" y="215"/>
                    </a:lnTo>
                    <a:lnTo>
                      <a:pt x="191" y="213"/>
                    </a:lnTo>
                    <a:lnTo>
                      <a:pt x="187" y="209"/>
                    </a:lnTo>
                    <a:lnTo>
                      <a:pt x="183" y="206"/>
                    </a:lnTo>
                    <a:lnTo>
                      <a:pt x="148" y="165"/>
                    </a:lnTo>
                    <a:lnTo>
                      <a:pt x="163" y="145"/>
                    </a:lnTo>
                    <a:lnTo>
                      <a:pt x="194" y="108"/>
                    </a:lnTo>
                    <a:lnTo>
                      <a:pt x="240" y="161"/>
                    </a:lnTo>
                    <a:lnTo>
                      <a:pt x="244" y="167"/>
                    </a:lnTo>
                    <a:lnTo>
                      <a:pt x="246" y="167"/>
                    </a:lnTo>
                    <a:lnTo>
                      <a:pt x="246" y="169"/>
                    </a:lnTo>
                    <a:lnTo>
                      <a:pt x="248" y="169"/>
                    </a:lnTo>
                    <a:lnTo>
                      <a:pt x="250" y="169"/>
                    </a:lnTo>
                    <a:lnTo>
                      <a:pt x="250" y="171"/>
                    </a:lnTo>
                    <a:lnTo>
                      <a:pt x="252" y="171"/>
                    </a:lnTo>
                    <a:lnTo>
                      <a:pt x="252" y="172"/>
                    </a:lnTo>
                    <a:lnTo>
                      <a:pt x="253" y="174"/>
                    </a:lnTo>
                    <a:lnTo>
                      <a:pt x="255" y="172"/>
                    </a:lnTo>
                    <a:lnTo>
                      <a:pt x="257" y="174"/>
                    </a:lnTo>
                    <a:lnTo>
                      <a:pt x="257" y="172"/>
                    </a:lnTo>
                    <a:lnTo>
                      <a:pt x="259" y="172"/>
                    </a:lnTo>
                    <a:lnTo>
                      <a:pt x="259" y="171"/>
                    </a:lnTo>
                    <a:lnTo>
                      <a:pt x="261" y="171"/>
                    </a:lnTo>
                    <a:lnTo>
                      <a:pt x="263" y="169"/>
                    </a:lnTo>
                    <a:lnTo>
                      <a:pt x="263" y="171"/>
                    </a:lnTo>
                    <a:lnTo>
                      <a:pt x="265" y="171"/>
                    </a:lnTo>
                    <a:lnTo>
                      <a:pt x="266" y="172"/>
                    </a:lnTo>
                    <a:lnTo>
                      <a:pt x="268" y="172"/>
                    </a:lnTo>
                    <a:lnTo>
                      <a:pt x="270" y="174"/>
                    </a:lnTo>
                    <a:lnTo>
                      <a:pt x="272" y="174"/>
                    </a:lnTo>
                    <a:lnTo>
                      <a:pt x="274" y="176"/>
                    </a:lnTo>
                    <a:lnTo>
                      <a:pt x="276" y="178"/>
                    </a:lnTo>
                    <a:lnTo>
                      <a:pt x="276" y="180"/>
                    </a:lnTo>
                    <a:lnTo>
                      <a:pt x="272" y="184"/>
                    </a:lnTo>
                    <a:lnTo>
                      <a:pt x="268" y="189"/>
                    </a:lnTo>
                    <a:lnTo>
                      <a:pt x="272" y="193"/>
                    </a:lnTo>
                    <a:lnTo>
                      <a:pt x="266" y="198"/>
                    </a:lnTo>
                    <a:lnTo>
                      <a:pt x="270" y="200"/>
                    </a:lnTo>
                    <a:lnTo>
                      <a:pt x="270" y="202"/>
                    </a:lnTo>
                    <a:lnTo>
                      <a:pt x="272" y="202"/>
                    </a:lnTo>
                    <a:lnTo>
                      <a:pt x="272" y="204"/>
                    </a:lnTo>
                    <a:lnTo>
                      <a:pt x="274" y="204"/>
                    </a:lnTo>
                    <a:lnTo>
                      <a:pt x="274" y="206"/>
                    </a:lnTo>
                    <a:lnTo>
                      <a:pt x="276" y="208"/>
                    </a:lnTo>
                    <a:lnTo>
                      <a:pt x="276" y="209"/>
                    </a:lnTo>
                    <a:lnTo>
                      <a:pt x="277" y="209"/>
                    </a:lnTo>
                    <a:lnTo>
                      <a:pt x="277" y="211"/>
                    </a:lnTo>
                    <a:lnTo>
                      <a:pt x="279" y="211"/>
                    </a:lnTo>
                    <a:lnTo>
                      <a:pt x="279" y="213"/>
                    </a:lnTo>
                    <a:lnTo>
                      <a:pt x="281" y="213"/>
                    </a:lnTo>
                    <a:lnTo>
                      <a:pt x="281" y="215"/>
                    </a:lnTo>
                    <a:lnTo>
                      <a:pt x="283" y="215"/>
                    </a:lnTo>
                    <a:lnTo>
                      <a:pt x="283" y="217"/>
                    </a:lnTo>
                    <a:lnTo>
                      <a:pt x="287" y="219"/>
                    </a:lnTo>
                    <a:lnTo>
                      <a:pt x="287" y="221"/>
                    </a:lnTo>
                    <a:lnTo>
                      <a:pt x="289" y="221"/>
                    </a:lnTo>
                    <a:lnTo>
                      <a:pt x="289" y="222"/>
                    </a:lnTo>
                    <a:lnTo>
                      <a:pt x="289" y="221"/>
                    </a:lnTo>
                    <a:lnTo>
                      <a:pt x="289" y="222"/>
                    </a:lnTo>
                    <a:lnTo>
                      <a:pt x="292" y="226"/>
                    </a:lnTo>
                    <a:lnTo>
                      <a:pt x="294" y="228"/>
                    </a:lnTo>
                    <a:lnTo>
                      <a:pt x="296" y="230"/>
                    </a:lnTo>
                    <a:lnTo>
                      <a:pt x="298" y="230"/>
                    </a:lnTo>
                    <a:lnTo>
                      <a:pt x="300" y="233"/>
                    </a:lnTo>
                    <a:lnTo>
                      <a:pt x="301" y="235"/>
                    </a:lnTo>
                    <a:lnTo>
                      <a:pt x="303" y="237"/>
                    </a:lnTo>
                    <a:lnTo>
                      <a:pt x="305" y="237"/>
                    </a:lnTo>
                    <a:lnTo>
                      <a:pt x="305" y="239"/>
                    </a:lnTo>
                    <a:lnTo>
                      <a:pt x="305" y="241"/>
                    </a:lnTo>
                    <a:lnTo>
                      <a:pt x="303" y="243"/>
                    </a:lnTo>
                    <a:lnTo>
                      <a:pt x="303" y="245"/>
                    </a:lnTo>
                    <a:lnTo>
                      <a:pt x="301" y="245"/>
                    </a:lnTo>
                    <a:lnTo>
                      <a:pt x="301" y="246"/>
                    </a:lnTo>
                    <a:lnTo>
                      <a:pt x="300" y="246"/>
                    </a:lnTo>
                    <a:lnTo>
                      <a:pt x="298" y="248"/>
                    </a:lnTo>
                    <a:lnTo>
                      <a:pt x="292" y="254"/>
                    </a:lnTo>
                    <a:lnTo>
                      <a:pt x="285" y="259"/>
                    </a:lnTo>
                    <a:lnTo>
                      <a:pt x="285" y="261"/>
                    </a:lnTo>
                    <a:lnTo>
                      <a:pt x="287" y="263"/>
                    </a:lnTo>
                    <a:lnTo>
                      <a:pt x="289" y="265"/>
                    </a:lnTo>
                    <a:lnTo>
                      <a:pt x="289" y="267"/>
                    </a:lnTo>
                    <a:lnTo>
                      <a:pt x="290" y="269"/>
                    </a:lnTo>
                    <a:lnTo>
                      <a:pt x="292" y="269"/>
                    </a:lnTo>
                    <a:lnTo>
                      <a:pt x="292" y="270"/>
                    </a:lnTo>
                    <a:lnTo>
                      <a:pt x="294" y="270"/>
                    </a:lnTo>
                    <a:lnTo>
                      <a:pt x="296" y="270"/>
                    </a:lnTo>
                    <a:lnTo>
                      <a:pt x="298" y="270"/>
                    </a:lnTo>
                    <a:lnTo>
                      <a:pt x="300" y="270"/>
                    </a:lnTo>
                    <a:lnTo>
                      <a:pt x="301" y="272"/>
                    </a:lnTo>
                    <a:lnTo>
                      <a:pt x="303" y="272"/>
                    </a:lnTo>
                    <a:lnTo>
                      <a:pt x="305" y="272"/>
                    </a:lnTo>
                    <a:lnTo>
                      <a:pt x="305" y="270"/>
                    </a:lnTo>
                    <a:lnTo>
                      <a:pt x="305" y="269"/>
                    </a:lnTo>
                    <a:lnTo>
                      <a:pt x="307" y="267"/>
                    </a:lnTo>
                    <a:lnTo>
                      <a:pt x="309" y="267"/>
                    </a:lnTo>
                    <a:lnTo>
                      <a:pt x="309" y="269"/>
                    </a:lnTo>
                    <a:lnTo>
                      <a:pt x="309" y="267"/>
                    </a:lnTo>
                    <a:lnTo>
                      <a:pt x="309" y="265"/>
                    </a:lnTo>
                    <a:lnTo>
                      <a:pt x="311" y="265"/>
                    </a:lnTo>
                    <a:lnTo>
                      <a:pt x="313" y="263"/>
                    </a:lnTo>
                    <a:lnTo>
                      <a:pt x="314" y="265"/>
                    </a:lnTo>
                    <a:lnTo>
                      <a:pt x="314" y="263"/>
                    </a:lnTo>
                    <a:lnTo>
                      <a:pt x="314" y="261"/>
                    </a:lnTo>
                    <a:lnTo>
                      <a:pt x="314" y="259"/>
                    </a:lnTo>
                    <a:lnTo>
                      <a:pt x="314" y="258"/>
                    </a:lnTo>
                    <a:lnTo>
                      <a:pt x="314" y="256"/>
                    </a:lnTo>
                    <a:lnTo>
                      <a:pt x="318" y="258"/>
                    </a:lnTo>
                    <a:lnTo>
                      <a:pt x="318" y="259"/>
                    </a:lnTo>
                    <a:lnTo>
                      <a:pt x="320" y="263"/>
                    </a:lnTo>
                    <a:lnTo>
                      <a:pt x="322" y="265"/>
                    </a:lnTo>
                    <a:lnTo>
                      <a:pt x="327" y="263"/>
                    </a:lnTo>
                    <a:lnTo>
                      <a:pt x="327" y="265"/>
                    </a:lnTo>
                    <a:lnTo>
                      <a:pt x="329" y="265"/>
                    </a:lnTo>
                    <a:lnTo>
                      <a:pt x="331" y="265"/>
                    </a:lnTo>
                    <a:lnTo>
                      <a:pt x="331" y="267"/>
                    </a:lnTo>
                    <a:lnTo>
                      <a:pt x="333" y="267"/>
                    </a:lnTo>
                    <a:lnTo>
                      <a:pt x="335" y="267"/>
                    </a:lnTo>
                    <a:lnTo>
                      <a:pt x="335" y="269"/>
                    </a:lnTo>
                    <a:lnTo>
                      <a:pt x="335" y="267"/>
                    </a:lnTo>
                    <a:lnTo>
                      <a:pt x="337" y="267"/>
                    </a:lnTo>
                    <a:lnTo>
                      <a:pt x="338" y="267"/>
                    </a:lnTo>
                    <a:lnTo>
                      <a:pt x="340" y="270"/>
                    </a:lnTo>
                    <a:lnTo>
                      <a:pt x="342" y="270"/>
                    </a:lnTo>
                    <a:lnTo>
                      <a:pt x="342" y="272"/>
                    </a:lnTo>
                    <a:lnTo>
                      <a:pt x="342" y="274"/>
                    </a:lnTo>
                    <a:lnTo>
                      <a:pt x="340" y="274"/>
                    </a:lnTo>
                    <a:lnTo>
                      <a:pt x="340" y="276"/>
                    </a:lnTo>
                    <a:lnTo>
                      <a:pt x="338" y="276"/>
                    </a:lnTo>
                    <a:lnTo>
                      <a:pt x="338" y="278"/>
                    </a:lnTo>
                    <a:lnTo>
                      <a:pt x="338" y="280"/>
                    </a:lnTo>
                    <a:lnTo>
                      <a:pt x="337" y="280"/>
                    </a:lnTo>
                    <a:lnTo>
                      <a:pt x="337" y="282"/>
                    </a:lnTo>
                    <a:lnTo>
                      <a:pt x="337" y="283"/>
                    </a:lnTo>
                    <a:lnTo>
                      <a:pt x="337" y="285"/>
                    </a:lnTo>
                    <a:lnTo>
                      <a:pt x="335" y="285"/>
                    </a:lnTo>
                    <a:lnTo>
                      <a:pt x="335" y="287"/>
                    </a:lnTo>
                    <a:lnTo>
                      <a:pt x="337" y="289"/>
                    </a:lnTo>
                    <a:lnTo>
                      <a:pt x="338" y="291"/>
                    </a:lnTo>
                    <a:lnTo>
                      <a:pt x="342" y="295"/>
                    </a:lnTo>
                    <a:lnTo>
                      <a:pt x="344" y="295"/>
                    </a:lnTo>
                    <a:lnTo>
                      <a:pt x="344" y="296"/>
                    </a:lnTo>
                    <a:lnTo>
                      <a:pt x="346" y="296"/>
                    </a:lnTo>
                    <a:lnTo>
                      <a:pt x="348" y="298"/>
                    </a:lnTo>
                    <a:lnTo>
                      <a:pt x="348" y="300"/>
                    </a:lnTo>
                    <a:lnTo>
                      <a:pt x="346" y="302"/>
                    </a:lnTo>
                    <a:lnTo>
                      <a:pt x="344" y="302"/>
                    </a:lnTo>
                    <a:lnTo>
                      <a:pt x="342" y="302"/>
                    </a:lnTo>
                    <a:lnTo>
                      <a:pt x="342" y="304"/>
                    </a:lnTo>
                    <a:lnTo>
                      <a:pt x="340" y="304"/>
                    </a:lnTo>
                    <a:lnTo>
                      <a:pt x="340" y="302"/>
                    </a:lnTo>
                    <a:lnTo>
                      <a:pt x="340" y="304"/>
                    </a:lnTo>
                    <a:lnTo>
                      <a:pt x="338" y="306"/>
                    </a:lnTo>
                    <a:lnTo>
                      <a:pt x="340" y="306"/>
                    </a:lnTo>
                    <a:lnTo>
                      <a:pt x="340" y="307"/>
                    </a:lnTo>
                    <a:lnTo>
                      <a:pt x="340" y="309"/>
                    </a:lnTo>
                    <a:lnTo>
                      <a:pt x="337" y="311"/>
                    </a:lnTo>
                    <a:lnTo>
                      <a:pt x="335" y="313"/>
                    </a:lnTo>
                    <a:lnTo>
                      <a:pt x="335" y="317"/>
                    </a:lnTo>
                    <a:lnTo>
                      <a:pt x="333" y="317"/>
                    </a:lnTo>
                    <a:lnTo>
                      <a:pt x="335" y="319"/>
                    </a:lnTo>
                    <a:lnTo>
                      <a:pt x="335" y="320"/>
                    </a:lnTo>
                    <a:lnTo>
                      <a:pt x="337" y="322"/>
                    </a:lnTo>
                    <a:lnTo>
                      <a:pt x="337" y="324"/>
                    </a:lnTo>
                    <a:lnTo>
                      <a:pt x="338" y="322"/>
                    </a:lnTo>
                    <a:lnTo>
                      <a:pt x="340" y="324"/>
                    </a:lnTo>
                    <a:lnTo>
                      <a:pt x="342" y="326"/>
                    </a:lnTo>
                    <a:lnTo>
                      <a:pt x="344" y="328"/>
                    </a:lnTo>
                    <a:lnTo>
                      <a:pt x="348" y="322"/>
                    </a:lnTo>
                    <a:lnTo>
                      <a:pt x="351" y="326"/>
                    </a:lnTo>
                    <a:lnTo>
                      <a:pt x="353" y="326"/>
                    </a:lnTo>
                    <a:lnTo>
                      <a:pt x="355" y="324"/>
                    </a:lnTo>
                    <a:lnTo>
                      <a:pt x="355" y="322"/>
                    </a:lnTo>
                    <a:lnTo>
                      <a:pt x="355" y="320"/>
                    </a:lnTo>
                    <a:lnTo>
                      <a:pt x="357" y="319"/>
                    </a:lnTo>
                    <a:lnTo>
                      <a:pt x="357" y="317"/>
                    </a:lnTo>
                    <a:lnTo>
                      <a:pt x="359" y="317"/>
                    </a:lnTo>
                    <a:lnTo>
                      <a:pt x="361" y="309"/>
                    </a:lnTo>
                    <a:lnTo>
                      <a:pt x="362" y="309"/>
                    </a:lnTo>
                    <a:lnTo>
                      <a:pt x="364" y="309"/>
                    </a:lnTo>
                    <a:lnTo>
                      <a:pt x="364" y="307"/>
                    </a:lnTo>
                    <a:lnTo>
                      <a:pt x="366" y="307"/>
                    </a:lnTo>
                    <a:lnTo>
                      <a:pt x="368" y="307"/>
                    </a:lnTo>
                    <a:lnTo>
                      <a:pt x="366" y="307"/>
                    </a:lnTo>
                    <a:lnTo>
                      <a:pt x="368" y="307"/>
                    </a:lnTo>
                    <a:lnTo>
                      <a:pt x="368" y="306"/>
                    </a:lnTo>
                    <a:lnTo>
                      <a:pt x="370" y="304"/>
                    </a:lnTo>
                    <a:lnTo>
                      <a:pt x="370" y="302"/>
                    </a:lnTo>
                    <a:lnTo>
                      <a:pt x="370" y="300"/>
                    </a:lnTo>
                    <a:lnTo>
                      <a:pt x="372" y="300"/>
                    </a:lnTo>
                    <a:lnTo>
                      <a:pt x="372" y="298"/>
                    </a:lnTo>
                    <a:lnTo>
                      <a:pt x="372" y="296"/>
                    </a:lnTo>
                    <a:lnTo>
                      <a:pt x="374" y="296"/>
                    </a:lnTo>
                    <a:lnTo>
                      <a:pt x="374" y="295"/>
                    </a:lnTo>
                    <a:lnTo>
                      <a:pt x="375" y="293"/>
                    </a:lnTo>
                    <a:lnTo>
                      <a:pt x="377" y="293"/>
                    </a:lnTo>
                    <a:lnTo>
                      <a:pt x="377" y="291"/>
                    </a:lnTo>
                    <a:lnTo>
                      <a:pt x="377" y="289"/>
                    </a:lnTo>
                    <a:lnTo>
                      <a:pt x="379" y="289"/>
                    </a:lnTo>
                    <a:lnTo>
                      <a:pt x="379" y="287"/>
                    </a:lnTo>
                    <a:lnTo>
                      <a:pt x="379" y="285"/>
                    </a:lnTo>
                    <a:lnTo>
                      <a:pt x="381" y="285"/>
                    </a:lnTo>
                    <a:lnTo>
                      <a:pt x="383" y="283"/>
                    </a:lnTo>
                    <a:lnTo>
                      <a:pt x="385" y="283"/>
                    </a:lnTo>
                    <a:lnTo>
                      <a:pt x="385" y="282"/>
                    </a:lnTo>
                    <a:lnTo>
                      <a:pt x="387" y="282"/>
                    </a:lnTo>
                    <a:lnTo>
                      <a:pt x="385" y="282"/>
                    </a:lnTo>
                    <a:lnTo>
                      <a:pt x="385" y="280"/>
                    </a:lnTo>
                    <a:lnTo>
                      <a:pt x="387" y="280"/>
                    </a:lnTo>
                    <a:lnTo>
                      <a:pt x="387" y="278"/>
                    </a:lnTo>
                    <a:lnTo>
                      <a:pt x="388" y="278"/>
                    </a:lnTo>
                    <a:lnTo>
                      <a:pt x="390" y="276"/>
                    </a:lnTo>
                    <a:lnTo>
                      <a:pt x="390" y="274"/>
                    </a:lnTo>
                    <a:lnTo>
                      <a:pt x="392" y="274"/>
                    </a:lnTo>
                    <a:lnTo>
                      <a:pt x="392" y="272"/>
                    </a:lnTo>
                    <a:lnTo>
                      <a:pt x="392" y="270"/>
                    </a:lnTo>
                    <a:lnTo>
                      <a:pt x="390" y="269"/>
                    </a:lnTo>
                    <a:lnTo>
                      <a:pt x="390" y="267"/>
                    </a:lnTo>
                    <a:lnTo>
                      <a:pt x="388" y="267"/>
                    </a:lnTo>
                    <a:lnTo>
                      <a:pt x="390" y="265"/>
                    </a:lnTo>
                    <a:lnTo>
                      <a:pt x="388" y="265"/>
                    </a:lnTo>
                    <a:lnTo>
                      <a:pt x="387" y="265"/>
                    </a:lnTo>
                    <a:lnTo>
                      <a:pt x="387" y="263"/>
                    </a:lnTo>
                    <a:lnTo>
                      <a:pt x="387" y="261"/>
                    </a:lnTo>
                    <a:lnTo>
                      <a:pt x="387" y="259"/>
                    </a:lnTo>
                    <a:lnTo>
                      <a:pt x="387" y="258"/>
                    </a:lnTo>
                    <a:lnTo>
                      <a:pt x="387" y="256"/>
                    </a:lnTo>
                    <a:lnTo>
                      <a:pt x="383" y="258"/>
                    </a:lnTo>
                    <a:lnTo>
                      <a:pt x="379" y="259"/>
                    </a:lnTo>
                    <a:lnTo>
                      <a:pt x="379" y="252"/>
                    </a:lnTo>
                    <a:lnTo>
                      <a:pt x="379" y="250"/>
                    </a:lnTo>
                    <a:lnTo>
                      <a:pt x="383" y="248"/>
                    </a:lnTo>
                    <a:lnTo>
                      <a:pt x="383" y="246"/>
                    </a:lnTo>
                    <a:lnTo>
                      <a:pt x="383" y="245"/>
                    </a:lnTo>
                    <a:lnTo>
                      <a:pt x="388" y="243"/>
                    </a:lnTo>
                    <a:lnTo>
                      <a:pt x="388" y="245"/>
                    </a:lnTo>
                    <a:lnTo>
                      <a:pt x="394" y="241"/>
                    </a:lnTo>
                    <a:lnTo>
                      <a:pt x="392" y="239"/>
                    </a:lnTo>
                    <a:lnTo>
                      <a:pt x="396" y="235"/>
                    </a:lnTo>
                    <a:lnTo>
                      <a:pt x="398" y="235"/>
                    </a:lnTo>
                    <a:lnTo>
                      <a:pt x="399" y="235"/>
                    </a:lnTo>
                    <a:lnTo>
                      <a:pt x="399" y="233"/>
                    </a:lnTo>
                    <a:lnTo>
                      <a:pt x="401" y="233"/>
                    </a:lnTo>
                    <a:lnTo>
                      <a:pt x="401" y="232"/>
                    </a:lnTo>
                    <a:lnTo>
                      <a:pt x="403" y="232"/>
                    </a:lnTo>
                    <a:lnTo>
                      <a:pt x="403" y="230"/>
                    </a:lnTo>
                    <a:lnTo>
                      <a:pt x="405" y="230"/>
                    </a:lnTo>
                    <a:lnTo>
                      <a:pt x="403" y="230"/>
                    </a:lnTo>
                    <a:lnTo>
                      <a:pt x="403" y="228"/>
                    </a:lnTo>
                    <a:lnTo>
                      <a:pt x="401" y="230"/>
                    </a:lnTo>
                    <a:lnTo>
                      <a:pt x="399" y="230"/>
                    </a:lnTo>
                    <a:lnTo>
                      <a:pt x="398" y="230"/>
                    </a:lnTo>
                    <a:lnTo>
                      <a:pt x="396" y="228"/>
                    </a:lnTo>
                    <a:lnTo>
                      <a:pt x="398" y="228"/>
                    </a:lnTo>
                    <a:lnTo>
                      <a:pt x="398" y="226"/>
                    </a:lnTo>
                    <a:lnTo>
                      <a:pt x="399" y="226"/>
                    </a:lnTo>
                    <a:lnTo>
                      <a:pt x="401" y="226"/>
                    </a:lnTo>
                    <a:lnTo>
                      <a:pt x="403" y="226"/>
                    </a:lnTo>
                    <a:lnTo>
                      <a:pt x="407" y="226"/>
                    </a:lnTo>
                    <a:lnTo>
                      <a:pt x="409" y="226"/>
                    </a:lnTo>
                    <a:lnTo>
                      <a:pt x="409" y="230"/>
                    </a:lnTo>
                    <a:lnTo>
                      <a:pt x="409" y="232"/>
                    </a:lnTo>
                    <a:lnTo>
                      <a:pt x="411" y="232"/>
                    </a:lnTo>
                    <a:lnTo>
                      <a:pt x="412" y="233"/>
                    </a:lnTo>
                    <a:lnTo>
                      <a:pt x="414" y="233"/>
                    </a:lnTo>
                    <a:lnTo>
                      <a:pt x="416" y="233"/>
                    </a:lnTo>
                    <a:lnTo>
                      <a:pt x="416" y="235"/>
                    </a:lnTo>
                    <a:lnTo>
                      <a:pt x="418" y="233"/>
                    </a:lnTo>
                    <a:lnTo>
                      <a:pt x="418" y="235"/>
                    </a:lnTo>
                    <a:lnTo>
                      <a:pt x="420" y="235"/>
                    </a:lnTo>
                    <a:lnTo>
                      <a:pt x="420" y="233"/>
                    </a:lnTo>
                    <a:lnTo>
                      <a:pt x="422" y="233"/>
                    </a:lnTo>
                    <a:lnTo>
                      <a:pt x="422" y="232"/>
                    </a:lnTo>
                    <a:lnTo>
                      <a:pt x="423" y="230"/>
                    </a:lnTo>
                    <a:lnTo>
                      <a:pt x="425" y="228"/>
                    </a:lnTo>
                    <a:lnTo>
                      <a:pt x="425" y="226"/>
                    </a:lnTo>
                    <a:lnTo>
                      <a:pt x="427" y="226"/>
                    </a:lnTo>
                    <a:lnTo>
                      <a:pt x="427" y="224"/>
                    </a:lnTo>
                    <a:lnTo>
                      <a:pt x="429" y="224"/>
                    </a:lnTo>
                    <a:lnTo>
                      <a:pt x="431" y="224"/>
                    </a:lnTo>
                    <a:lnTo>
                      <a:pt x="429" y="222"/>
                    </a:lnTo>
                    <a:lnTo>
                      <a:pt x="431" y="222"/>
                    </a:lnTo>
                    <a:lnTo>
                      <a:pt x="433" y="222"/>
                    </a:lnTo>
                    <a:lnTo>
                      <a:pt x="433" y="221"/>
                    </a:lnTo>
                    <a:lnTo>
                      <a:pt x="435" y="221"/>
                    </a:lnTo>
                    <a:lnTo>
                      <a:pt x="436" y="219"/>
                    </a:lnTo>
                    <a:lnTo>
                      <a:pt x="438" y="219"/>
                    </a:lnTo>
                    <a:lnTo>
                      <a:pt x="438" y="217"/>
                    </a:lnTo>
                    <a:lnTo>
                      <a:pt x="436" y="215"/>
                    </a:lnTo>
                    <a:lnTo>
                      <a:pt x="433" y="217"/>
                    </a:lnTo>
                    <a:lnTo>
                      <a:pt x="431" y="217"/>
                    </a:lnTo>
                    <a:lnTo>
                      <a:pt x="429" y="219"/>
                    </a:lnTo>
                    <a:lnTo>
                      <a:pt x="427" y="217"/>
                    </a:lnTo>
                    <a:lnTo>
                      <a:pt x="425" y="213"/>
                    </a:lnTo>
                    <a:lnTo>
                      <a:pt x="423" y="213"/>
                    </a:lnTo>
                    <a:lnTo>
                      <a:pt x="422" y="211"/>
                    </a:lnTo>
                    <a:lnTo>
                      <a:pt x="420" y="211"/>
                    </a:lnTo>
                    <a:lnTo>
                      <a:pt x="420" y="209"/>
                    </a:lnTo>
                    <a:lnTo>
                      <a:pt x="423" y="206"/>
                    </a:lnTo>
                    <a:lnTo>
                      <a:pt x="422" y="202"/>
                    </a:lnTo>
                    <a:lnTo>
                      <a:pt x="420" y="202"/>
                    </a:lnTo>
                    <a:lnTo>
                      <a:pt x="420" y="204"/>
                    </a:lnTo>
                    <a:lnTo>
                      <a:pt x="418" y="202"/>
                    </a:lnTo>
                    <a:lnTo>
                      <a:pt x="416" y="200"/>
                    </a:lnTo>
                    <a:lnTo>
                      <a:pt x="414" y="196"/>
                    </a:lnTo>
                    <a:lnTo>
                      <a:pt x="412" y="193"/>
                    </a:lnTo>
                    <a:lnTo>
                      <a:pt x="411" y="191"/>
                    </a:lnTo>
                    <a:lnTo>
                      <a:pt x="394" y="167"/>
                    </a:lnTo>
                    <a:close/>
                    <a:moveTo>
                      <a:pt x="451" y="196"/>
                    </a:moveTo>
                    <a:lnTo>
                      <a:pt x="453" y="191"/>
                    </a:lnTo>
                    <a:lnTo>
                      <a:pt x="453" y="189"/>
                    </a:lnTo>
                    <a:lnTo>
                      <a:pt x="453" y="185"/>
                    </a:lnTo>
                    <a:lnTo>
                      <a:pt x="455" y="185"/>
                    </a:lnTo>
                    <a:lnTo>
                      <a:pt x="457" y="184"/>
                    </a:lnTo>
                    <a:lnTo>
                      <a:pt x="459" y="184"/>
                    </a:lnTo>
                    <a:lnTo>
                      <a:pt x="460" y="184"/>
                    </a:lnTo>
                    <a:lnTo>
                      <a:pt x="460" y="182"/>
                    </a:lnTo>
                    <a:lnTo>
                      <a:pt x="462" y="182"/>
                    </a:lnTo>
                    <a:lnTo>
                      <a:pt x="464" y="182"/>
                    </a:lnTo>
                    <a:lnTo>
                      <a:pt x="466" y="180"/>
                    </a:lnTo>
                    <a:lnTo>
                      <a:pt x="468" y="180"/>
                    </a:lnTo>
                    <a:lnTo>
                      <a:pt x="470" y="180"/>
                    </a:lnTo>
                    <a:lnTo>
                      <a:pt x="470" y="182"/>
                    </a:lnTo>
                    <a:lnTo>
                      <a:pt x="472" y="182"/>
                    </a:lnTo>
                    <a:lnTo>
                      <a:pt x="475" y="180"/>
                    </a:lnTo>
                    <a:lnTo>
                      <a:pt x="477" y="178"/>
                    </a:lnTo>
                    <a:lnTo>
                      <a:pt x="477" y="180"/>
                    </a:lnTo>
                    <a:lnTo>
                      <a:pt x="479" y="178"/>
                    </a:lnTo>
                    <a:lnTo>
                      <a:pt x="481" y="178"/>
                    </a:lnTo>
                    <a:lnTo>
                      <a:pt x="481" y="180"/>
                    </a:lnTo>
                    <a:lnTo>
                      <a:pt x="483" y="180"/>
                    </a:lnTo>
                    <a:lnTo>
                      <a:pt x="483" y="182"/>
                    </a:lnTo>
                    <a:lnTo>
                      <a:pt x="483" y="184"/>
                    </a:lnTo>
                    <a:lnTo>
                      <a:pt x="483" y="185"/>
                    </a:lnTo>
                    <a:lnTo>
                      <a:pt x="483" y="187"/>
                    </a:lnTo>
                    <a:lnTo>
                      <a:pt x="483" y="189"/>
                    </a:lnTo>
                    <a:lnTo>
                      <a:pt x="483" y="191"/>
                    </a:lnTo>
                    <a:lnTo>
                      <a:pt x="483" y="193"/>
                    </a:lnTo>
                    <a:lnTo>
                      <a:pt x="483" y="195"/>
                    </a:lnTo>
                    <a:lnTo>
                      <a:pt x="483" y="196"/>
                    </a:lnTo>
                    <a:lnTo>
                      <a:pt x="484" y="196"/>
                    </a:lnTo>
                    <a:lnTo>
                      <a:pt x="484" y="198"/>
                    </a:lnTo>
                    <a:lnTo>
                      <a:pt x="484" y="200"/>
                    </a:lnTo>
                    <a:lnTo>
                      <a:pt x="486" y="200"/>
                    </a:lnTo>
                    <a:lnTo>
                      <a:pt x="486" y="202"/>
                    </a:lnTo>
                    <a:lnTo>
                      <a:pt x="483" y="202"/>
                    </a:lnTo>
                    <a:lnTo>
                      <a:pt x="483" y="204"/>
                    </a:lnTo>
                    <a:lnTo>
                      <a:pt x="481" y="202"/>
                    </a:lnTo>
                    <a:lnTo>
                      <a:pt x="481" y="204"/>
                    </a:lnTo>
                    <a:lnTo>
                      <a:pt x="479" y="204"/>
                    </a:lnTo>
                    <a:lnTo>
                      <a:pt x="479" y="206"/>
                    </a:lnTo>
                    <a:lnTo>
                      <a:pt x="477" y="206"/>
                    </a:lnTo>
                    <a:lnTo>
                      <a:pt x="475" y="206"/>
                    </a:lnTo>
                    <a:lnTo>
                      <a:pt x="473" y="206"/>
                    </a:lnTo>
                    <a:lnTo>
                      <a:pt x="473" y="208"/>
                    </a:lnTo>
                    <a:lnTo>
                      <a:pt x="472" y="208"/>
                    </a:lnTo>
                    <a:lnTo>
                      <a:pt x="470" y="209"/>
                    </a:lnTo>
                    <a:lnTo>
                      <a:pt x="466" y="213"/>
                    </a:lnTo>
                    <a:lnTo>
                      <a:pt x="464" y="215"/>
                    </a:lnTo>
                    <a:lnTo>
                      <a:pt x="466" y="215"/>
                    </a:lnTo>
                    <a:lnTo>
                      <a:pt x="466" y="217"/>
                    </a:lnTo>
                    <a:lnTo>
                      <a:pt x="464" y="217"/>
                    </a:lnTo>
                    <a:lnTo>
                      <a:pt x="462" y="217"/>
                    </a:lnTo>
                    <a:lnTo>
                      <a:pt x="460" y="217"/>
                    </a:lnTo>
                    <a:lnTo>
                      <a:pt x="459" y="213"/>
                    </a:lnTo>
                    <a:lnTo>
                      <a:pt x="459" y="211"/>
                    </a:lnTo>
                    <a:lnTo>
                      <a:pt x="459" y="209"/>
                    </a:lnTo>
                    <a:lnTo>
                      <a:pt x="457" y="208"/>
                    </a:lnTo>
                    <a:lnTo>
                      <a:pt x="459" y="208"/>
                    </a:lnTo>
                    <a:lnTo>
                      <a:pt x="459" y="206"/>
                    </a:lnTo>
                    <a:lnTo>
                      <a:pt x="457" y="202"/>
                    </a:lnTo>
                    <a:lnTo>
                      <a:pt x="455" y="202"/>
                    </a:lnTo>
                    <a:lnTo>
                      <a:pt x="455" y="200"/>
                    </a:lnTo>
                    <a:lnTo>
                      <a:pt x="453" y="200"/>
                    </a:lnTo>
                    <a:lnTo>
                      <a:pt x="453" y="198"/>
                    </a:lnTo>
                    <a:lnTo>
                      <a:pt x="451" y="196"/>
                    </a:lnTo>
                    <a:close/>
                  </a:path>
                </a:pathLst>
              </a:custGeom>
              <a:solidFill>
                <a:srgbClr val="FFFF99">
                  <a:alpha val="5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75" name="Freeform 195"/>
              <p:cNvSpPr>
                <a:spLocks/>
              </p:cNvSpPr>
              <p:nvPr/>
            </p:nvSpPr>
            <p:spPr bwMode="auto">
              <a:xfrm>
                <a:off x="2814637" y="3138487"/>
                <a:ext cx="419100" cy="441325"/>
              </a:xfrm>
              <a:custGeom>
                <a:avLst/>
                <a:gdLst>
                  <a:gd name="T0" fmla="*/ 209 w 264"/>
                  <a:gd name="T1" fmla="*/ 47 h 278"/>
                  <a:gd name="T2" fmla="*/ 220 w 264"/>
                  <a:gd name="T3" fmla="*/ 54 h 278"/>
                  <a:gd name="T4" fmla="*/ 233 w 264"/>
                  <a:gd name="T5" fmla="*/ 63 h 278"/>
                  <a:gd name="T6" fmla="*/ 246 w 264"/>
                  <a:gd name="T7" fmla="*/ 82 h 278"/>
                  <a:gd name="T8" fmla="*/ 231 w 264"/>
                  <a:gd name="T9" fmla="*/ 84 h 278"/>
                  <a:gd name="T10" fmla="*/ 222 w 264"/>
                  <a:gd name="T11" fmla="*/ 89 h 278"/>
                  <a:gd name="T12" fmla="*/ 214 w 264"/>
                  <a:gd name="T13" fmla="*/ 91 h 278"/>
                  <a:gd name="T14" fmla="*/ 212 w 264"/>
                  <a:gd name="T15" fmla="*/ 95 h 278"/>
                  <a:gd name="T16" fmla="*/ 227 w 264"/>
                  <a:gd name="T17" fmla="*/ 95 h 278"/>
                  <a:gd name="T18" fmla="*/ 240 w 264"/>
                  <a:gd name="T19" fmla="*/ 91 h 278"/>
                  <a:gd name="T20" fmla="*/ 246 w 264"/>
                  <a:gd name="T21" fmla="*/ 97 h 278"/>
                  <a:gd name="T22" fmla="*/ 255 w 264"/>
                  <a:gd name="T23" fmla="*/ 102 h 278"/>
                  <a:gd name="T24" fmla="*/ 260 w 264"/>
                  <a:gd name="T25" fmla="*/ 111 h 278"/>
                  <a:gd name="T26" fmla="*/ 236 w 264"/>
                  <a:gd name="T27" fmla="*/ 145 h 278"/>
                  <a:gd name="T28" fmla="*/ 231 w 264"/>
                  <a:gd name="T29" fmla="*/ 158 h 278"/>
                  <a:gd name="T30" fmla="*/ 229 w 264"/>
                  <a:gd name="T31" fmla="*/ 167 h 278"/>
                  <a:gd name="T32" fmla="*/ 227 w 264"/>
                  <a:gd name="T33" fmla="*/ 172 h 278"/>
                  <a:gd name="T34" fmla="*/ 231 w 264"/>
                  <a:gd name="T35" fmla="*/ 182 h 278"/>
                  <a:gd name="T36" fmla="*/ 235 w 264"/>
                  <a:gd name="T37" fmla="*/ 189 h 278"/>
                  <a:gd name="T38" fmla="*/ 233 w 264"/>
                  <a:gd name="T39" fmla="*/ 195 h 278"/>
                  <a:gd name="T40" fmla="*/ 231 w 264"/>
                  <a:gd name="T41" fmla="*/ 206 h 278"/>
                  <a:gd name="T42" fmla="*/ 231 w 264"/>
                  <a:gd name="T43" fmla="*/ 213 h 278"/>
                  <a:gd name="T44" fmla="*/ 242 w 264"/>
                  <a:gd name="T45" fmla="*/ 209 h 278"/>
                  <a:gd name="T46" fmla="*/ 247 w 264"/>
                  <a:gd name="T47" fmla="*/ 202 h 278"/>
                  <a:gd name="T48" fmla="*/ 257 w 264"/>
                  <a:gd name="T49" fmla="*/ 206 h 278"/>
                  <a:gd name="T50" fmla="*/ 264 w 264"/>
                  <a:gd name="T51" fmla="*/ 211 h 278"/>
                  <a:gd name="T52" fmla="*/ 260 w 264"/>
                  <a:gd name="T53" fmla="*/ 219 h 278"/>
                  <a:gd name="T54" fmla="*/ 257 w 264"/>
                  <a:gd name="T55" fmla="*/ 226 h 278"/>
                  <a:gd name="T56" fmla="*/ 249 w 264"/>
                  <a:gd name="T57" fmla="*/ 232 h 278"/>
                  <a:gd name="T58" fmla="*/ 246 w 264"/>
                  <a:gd name="T59" fmla="*/ 243 h 278"/>
                  <a:gd name="T60" fmla="*/ 244 w 264"/>
                  <a:gd name="T61" fmla="*/ 250 h 278"/>
                  <a:gd name="T62" fmla="*/ 240 w 264"/>
                  <a:gd name="T63" fmla="*/ 259 h 278"/>
                  <a:gd name="T64" fmla="*/ 233 w 264"/>
                  <a:gd name="T65" fmla="*/ 263 h 278"/>
                  <a:gd name="T66" fmla="*/ 231 w 264"/>
                  <a:gd name="T67" fmla="*/ 258 h 278"/>
                  <a:gd name="T68" fmla="*/ 218 w 264"/>
                  <a:gd name="T69" fmla="*/ 261 h 278"/>
                  <a:gd name="T70" fmla="*/ 209 w 264"/>
                  <a:gd name="T71" fmla="*/ 271 h 278"/>
                  <a:gd name="T72" fmla="*/ 196 w 264"/>
                  <a:gd name="T73" fmla="*/ 271 h 278"/>
                  <a:gd name="T74" fmla="*/ 185 w 264"/>
                  <a:gd name="T75" fmla="*/ 271 h 278"/>
                  <a:gd name="T76" fmla="*/ 172 w 264"/>
                  <a:gd name="T77" fmla="*/ 263 h 278"/>
                  <a:gd name="T78" fmla="*/ 168 w 264"/>
                  <a:gd name="T79" fmla="*/ 258 h 278"/>
                  <a:gd name="T80" fmla="*/ 164 w 264"/>
                  <a:gd name="T81" fmla="*/ 250 h 278"/>
                  <a:gd name="T82" fmla="*/ 153 w 264"/>
                  <a:gd name="T83" fmla="*/ 254 h 278"/>
                  <a:gd name="T84" fmla="*/ 149 w 264"/>
                  <a:gd name="T85" fmla="*/ 258 h 278"/>
                  <a:gd name="T86" fmla="*/ 146 w 264"/>
                  <a:gd name="T87" fmla="*/ 261 h 278"/>
                  <a:gd name="T88" fmla="*/ 140 w 264"/>
                  <a:gd name="T89" fmla="*/ 267 h 278"/>
                  <a:gd name="T90" fmla="*/ 135 w 264"/>
                  <a:gd name="T91" fmla="*/ 261 h 278"/>
                  <a:gd name="T92" fmla="*/ 131 w 264"/>
                  <a:gd name="T93" fmla="*/ 271 h 278"/>
                  <a:gd name="T94" fmla="*/ 125 w 264"/>
                  <a:gd name="T95" fmla="*/ 274 h 278"/>
                  <a:gd name="T96" fmla="*/ 118 w 264"/>
                  <a:gd name="T97" fmla="*/ 272 h 278"/>
                  <a:gd name="T98" fmla="*/ 113 w 264"/>
                  <a:gd name="T99" fmla="*/ 274 h 278"/>
                  <a:gd name="T100" fmla="*/ 107 w 264"/>
                  <a:gd name="T101" fmla="*/ 269 h 278"/>
                  <a:gd name="T102" fmla="*/ 100 w 264"/>
                  <a:gd name="T103" fmla="*/ 267 h 278"/>
                  <a:gd name="T104" fmla="*/ 92 w 264"/>
                  <a:gd name="T105" fmla="*/ 256 h 278"/>
                  <a:gd name="T106" fmla="*/ 87 w 264"/>
                  <a:gd name="T107" fmla="*/ 254 h 278"/>
                  <a:gd name="T108" fmla="*/ 76 w 264"/>
                  <a:gd name="T109" fmla="*/ 256 h 278"/>
                  <a:gd name="T110" fmla="*/ 66 w 264"/>
                  <a:gd name="T111" fmla="*/ 248 h 278"/>
                  <a:gd name="T112" fmla="*/ 59 w 264"/>
                  <a:gd name="T113" fmla="*/ 241 h 278"/>
                  <a:gd name="T114" fmla="*/ 52 w 264"/>
                  <a:gd name="T115" fmla="*/ 241 h 278"/>
                  <a:gd name="T116" fmla="*/ 50 w 264"/>
                  <a:gd name="T117" fmla="*/ 235 h 278"/>
                  <a:gd name="T118" fmla="*/ 57 w 264"/>
                  <a:gd name="T119" fmla="*/ 228 h 278"/>
                  <a:gd name="T120" fmla="*/ 53 w 264"/>
                  <a:gd name="T121" fmla="*/ 221 h 278"/>
                  <a:gd name="T122" fmla="*/ 42 w 264"/>
                  <a:gd name="T123" fmla="*/ 213 h 278"/>
                  <a:gd name="T124" fmla="*/ 0 w 264"/>
                  <a:gd name="T125" fmla="*/ 165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64" h="278">
                    <a:moveTo>
                      <a:pt x="37" y="130"/>
                    </a:moveTo>
                    <a:lnTo>
                      <a:pt x="53" y="115"/>
                    </a:lnTo>
                    <a:lnTo>
                      <a:pt x="59" y="110"/>
                    </a:lnTo>
                    <a:lnTo>
                      <a:pt x="131" y="41"/>
                    </a:lnTo>
                    <a:lnTo>
                      <a:pt x="174" y="0"/>
                    </a:lnTo>
                    <a:lnTo>
                      <a:pt x="209" y="47"/>
                    </a:lnTo>
                    <a:lnTo>
                      <a:pt x="214" y="50"/>
                    </a:lnTo>
                    <a:lnTo>
                      <a:pt x="216" y="54"/>
                    </a:lnTo>
                    <a:lnTo>
                      <a:pt x="218" y="54"/>
                    </a:lnTo>
                    <a:lnTo>
                      <a:pt x="218" y="52"/>
                    </a:lnTo>
                    <a:lnTo>
                      <a:pt x="218" y="56"/>
                    </a:lnTo>
                    <a:lnTo>
                      <a:pt x="220" y="54"/>
                    </a:lnTo>
                    <a:lnTo>
                      <a:pt x="222" y="58"/>
                    </a:lnTo>
                    <a:lnTo>
                      <a:pt x="223" y="56"/>
                    </a:lnTo>
                    <a:lnTo>
                      <a:pt x="225" y="62"/>
                    </a:lnTo>
                    <a:lnTo>
                      <a:pt x="229" y="60"/>
                    </a:lnTo>
                    <a:lnTo>
                      <a:pt x="231" y="63"/>
                    </a:lnTo>
                    <a:lnTo>
                      <a:pt x="233" y="63"/>
                    </a:lnTo>
                    <a:lnTo>
                      <a:pt x="236" y="60"/>
                    </a:lnTo>
                    <a:lnTo>
                      <a:pt x="236" y="62"/>
                    </a:lnTo>
                    <a:lnTo>
                      <a:pt x="238" y="63"/>
                    </a:lnTo>
                    <a:lnTo>
                      <a:pt x="251" y="78"/>
                    </a:lnTo>
                    <a:lnTo>
                      <a:pt x="247" y="80"/>
                    </a:lnTo>
                    <a:lnTo>
                      <a:pt x="246" y="82"/>
                    </a:lnTo>
                    <a:lnTo>
                      <a:pt x="244" y="82"/>
                    </a:lnTo>
                    <a:lnTo>
                      <a:pt x="244" y="84"/>
                    </a:lnTo>
                    <a:lnTo>
                      <a:pt x="240" y="86"/>
                    </a:lnTo>
                    <a:lnTo>
                      <a:pt x="236" y="87"/>
                    </a:lnTo>
                    <a:lnTo>
                      <a:pt x="235" y="82"/>
                    </a:lnTo>
                    <a:lnTo>
                      <a:pt x="231" y="84"/>
                    </a:lnTo>
                    <a:lnTo>
                      <a:pt x="229" y="84"/>
                    </a:lnTo>
                    <a:lnTo>
                      <a:pt x="227" y="84"/>
                    </a:lnTo>
                    <a:lnTo>
                      <a:pt x="227" y="86"/>
                    </a:lnTo>
                    <a:lnTo>
                      <a:pt x="225" y="87"/>
                    </a:lnTo>
                    <a:lnTo>
                      <a:pt x="223" y="87"/>
                    </a:lnTo>
                    <a:lnTo>
                      <a:pt x="222" y="89"/>
                    </a:lnTo>
                    <a:lnTo>
                      <a:pt x="222" y="87"/>
                    </a:lnTo>
                    <a:lnTo>
                      <a:pt x="218" y="87"/>
                    </a:lnTo>
                    <a:lnTo>
                      <a:pt x="218" y="89"/>
                    </a:lnTo>
                    <a:lnTo>
                      <a:pt x="216" y="89"/>
                    </a:lnTo>
                    <a:lnTo>
                      <a:pt x="214" y="89"/>
                    </a:lnTo>
                    <a:lnTo>
                      <a:pt x="214" y="91"/>
                    </a:lnTo>
                    <a:lnTo>
                      <a:pt x="212" y="91"/>
                    </a:lnTo>
                    <a:lnTo>
                      <a:pt x="210" y="91"/>
                    </a:lnTo>
                    <a:lnTo>
                      <a:pt x="209" y="91"/>
                    </a:lnTo>
                    <a:lnTo>
                      <a:pt x="210" y="93"/>
                    </a:lnTo>
                    <a:lnTo>
                      <a:pt x="212" y="93"/>
                    </a:lnTo>
                    <a:lnTo>
                      <a:pt x="212" y="95"/>
                    </a:lnTo>
                    <a:lnTo>
                      <a:pt x="212" y="97"/>
                    </a:lnTo>
                    <a:lnTo>
                      <a:pt x="214" y="97"/>
                    </a:lnTo>
                    <a:lnTo>
                      <a:pt x="216" y="99"/>
                    </a:lnTo>
                    <a:lnTo>
                      <a:pt x="223" y="97"/>
                    </a:lnTo>
                    <a:lnTo>
                      <a:pt x="225" y="95"/>
                    </a:lnTo>
                    <a:lnTo>
                      <a:pt x="227" y="95"/>
                    </a:lnTo>
                    <a:lnTo>
                      <a:pt x="229" y="95"/>
                    </a:lnTo>
                    <a:lnTo>
                      <a:pt x="231" y="93"/>
                    </a:lnTo>
                    <a:lnTo>
                      <a:pt x="233" y="93"/>
                    </a:lnTo>
                    <a:lnTo>
                      <a:pt x="236" y="91"/>
                    </a:lnTo>
                    <a:lnTo>
                      <a:pt x="238" y="89"/>
                    </a:lnTo>
                    <a:lnTo>
                      <a:pt x="240" y="91"/>
                    </a:lnTo>
                    <a:lnTo>
                      <a:pt x="240" y="93"/>
                    </a:lnTo>
                    <a:lnTo>
                      <a:pt x="242" y="93"/>
                    </a:lnTo>
                    <a:lnTo>
                      <a:pt x="242" y="95"/>
                    </a:lnTo>
                    <a:lnTo>
                      <a:pt x="244" y="95"/>
                    </a:lnTo>
                    <a:lnTo>
                      <a:pt x="246" y="95"/>
                    </a:lnTo>
                    <a:lnTo>
                      <a:pt x="246" y="97"/>
                    </a:lnTo>
                    <a:lnTo>
                      <a:pt x="247" y="97"/>
                    </a:lnTo>
                    <a:lnTo>
                      <a:pt x="247" y="99"/>
                    </a:lnTo>
                    <a:lnTo>
                      <a:pt x="249" y="100"/>
                    </a:lnTo>
                    <a:lnTo>
                      <a:pt x="251" y="100"/>
                    </a:lnTo>
                    <a:lnTo>
                      <a:pt x="251" y="104"/>
                    </a:lnTo>
                    <a:lnTo>
                      <a:pt x="255" y="102"/>
                    </a:lnTo>
                    <a:lnTo>
                      <a:pt x="255" y="106"/>
                    </a:lnTo>
                    <a:lnTo>
                      <a:pt x="257" y="106"/>
                    </a:lnTo>
                    <a:lnTo>
                      <a:pt x="257" y="110"/>
                    </a:lnTo>
                    <a:lnTo>
                      <a:pt x="259" y="113"/>
                    </a:lnTo>
                    <a:lnTo>
                      <a:pt x="260" y="113"/>
                    </a:lnTo>
                    <a:lnTo>
                      <a:pt x="260" y="111"/>
                    </a:lnTo>
                    <a:lnTo>
                      <a:pt x="262" y="115"/>
                    </a:lnTo>
                    <a:lnTo>
                      <a:pt x="264" y="115"/>
                    </a:lnTo>
                    <a:lnTo>
                      <a:pt x="249" y="126"/>
                    </a:lnTo>
                    <a:lnTo>
                      <a:pt x="247" y="128"/>
                    </a:lnTo>
                    <a:lnTo>
                      <a:pt x="242" y="137"/>
                    </a:lnTo>
                    <a:lnTo>
                      <a:pt x="236" y="145"/>
                    </a:lnTo>
                    <a:lnTo>
                      <a:pt x="235" y="145"/>
                    </a:lnTo>
                    <a:lnTo>
                      <a:pt x="235" y="147"/>
                    </a:lnTo>
                    <a:lnTo>
                      <a:pt x="235" y="148"/>
                    </a:lnTo>
                    <a:lnTo>
                      <a:pt x="233" y="150"/>
                    </a:lnTo>
                    <a:lnTo>
                      <a:pt x="231" y="154"/>
                    </a:lnTo>
                    <a:lnTo>
                      <a:pt x="231" y="158"/>
                    </a:lnTo>
                    <a:lnTo>
                      <a:pt x="231" y="160"/>
                    </a:lnTo>
                    <a:lnTo>
                      <a:pt x="231" y="161"/>
                    </a:lnTo>
                    <a:lnTo>
                      <a:pt x="231" y="163"/>
                    </a:lnTo>
                    <a:lnTo>
                      <a:pt x="231" y="165"/>
                    </a:lnTo>
                    <a:lnTo>
                      <a:pt x="229" y="165"/>
                    </a:lnTo>
                    <a:lnTo>
                      <a:pt x="229" y="167"/>
                    </a:lnTo>
                    <a:lnTo>
                      <a:pt x="229" y="169"/>
                    </a:lnTo>
                    <a:lnTo>
                      <a:pt x="229" y="167"/>
                    </a:lnTo>
                    <a:lnTo>
                      <a:pt x="229" y="169"/>
                    </a:lnTo>
                    <a:lnTo>
                      <a:pt x="227" y="169"/>
                    </a:lnTo>
                    <a:lnTo>
                      <a:pt x="227" y="171"/>
                    </a:lnTo>
                    <a:lnTo>
                      <a:pt x="227" y="172"/>
                    </a:lnTo>
                    <a:lnTo>
                      <a:pt x="227" y="174"/>
                    </a:lnTo>
                    <a:lnTo>
                      <a:pt x="227" y="176"/>
                    </a:lnTo>
                    <a:lnTo>
                      <a:pt x="229" y="178"/>
                    </a:lnTo>
                    <a:lnTo>
                      <a:pt x="229" y="180"/>
                    </a:lnTo>
                    <a:lnTo>
                      <a:pt x="231" y="180"/>
                    </a:lnTo>
                    <a:lnTo>
                      <a:pt x="231" y="182"/>
                    </a:lnTo>
                    <a:lnTo>
                      <a:pt x="231" y="184"/>
                    </a:lnTo>
                    <a:lnTo>
                      <a:pt x="233" y="184"/>
                    </a:lnTo>
                    <a:lnTo>
                      <a:pt x="233" y="185"/>
                    </a:lnTo>
                    <a:lnTo>
                      <a:pt x="231" y="187"/>
                    </a:lnTo>
                    <a:lnTo>
                      <a:pt x="233" y="189"/>
                    </a:lnTo>
                    <a:lnTo>
                      <a:pt x="235" y="189"/>
                    </a:lnTo>
                    <a:lnTo>
                      <a:pt x="233" y="189"/>
                    </a:lnTo>
                    <a:lnTo>
                      <a:pt x="235" y="189"/>
                    </a:lnTo>
                    <a:lnTo>
                      <a:pt x="233" y="189"/>
                    </a:lnTo>
                    <a:lnTo>
                      <a:pt x="233" y="191"/>
                    </a:lnTo>
                    <a:lnTo>
                      <a:pt x="233" y="193"/>
                    </a:lnTo>
                    <a:lnTo>
                      <a:pt x="233" y="195"/>
                    </a:lnTo>
                    <a:lnTo>
                      <a:pt x="235" y="197"/>
                    </a:lnTo>
                    <a:lnTo>
                      <a:pt x="235" y="198"/>
                    </a:lnTo>
                    <a:lnTo>
                      <a:pt x="235" y="200"/>
                    </a:lnTo>
                    <a:lnTo>
                      <a:pt x="233" y="202"/>
                    </a:lnTo>
                    <a:lnTo>
                      <a:pt x="233" y="204"/>
                    </a:lnTo>
                    <a:lnTo>
                      <a:pt x="231" y="206"/>
                    </a:lnTo>
                    <a:lnTo>
                      <a:pt x="229" y="208"/>
                    </a:lnTo>
                    <a:lnTo>
                      <a:pt x="231" y="208"/>
                    </a:lnTo>
                    <a:lnTo>
                      <a:pt x="229" y="209"/>
                    </a:lnTo>
                    <a:lnTo>
                      <a:pt x="227" y="211"/>
                    </a:lnTo>
                    <a:lnTo>
                      <a:pt x="227" y="213"/>
                    </a:lnTo>
                    <a:lnTo>
                      <a:pt x="231" y="213"/>
                    </a:lnTo>
                    <a:lnTo>
                      <a:pt x="236" y="217"/>
                    </a:lnTo>
                    <a:lnTo>
                      <a:pt x="238" y="215"/>
                    </a:lnTo>
                    <a:lnTo>
                      <a:pt x="238" y="213"/>
                    </a:lnTo>
                    <a:lnTo>
                      <a:pt x="242" y="211"/>
                    </a:lnTo>
                    <a:lnTo>
                      <a:pt x="240" y="209"/>
                    </a:lnTo>
                    <a:lnTo>
                      <a:pt x="242" y="209"/>
                    </a:lnTo>
                    <a:lnTo>
                      <a:pt x="242" y="208"/>
                    </a:lnTo>
                    <a:lnTo>
                      <a:pt x="244" y="206"/>
                    </a:lnTo>
                    <a:lnTo>
                      <a:pt x="246" y="206"/>
                    </a:lnTo>
                    <a:lnTo>
                      <a:pt x="246" y="204"/>
                    </a:lnTo>
                    <a:lnTo>
                      <a:pt x="247" y="204"/>
                    </a:lnTo>
                    <a:lnTo>
                      <a:pt x="247" y="202"/>
                    </a:lnTo>
                    <a:lnTo>
                      <a:pt x="249" y="204"/>
                    </a:lnTo>
                    <a:lnTo>
                      <a:pt x="249" y="206"/>
                    </a:lnTo>
                    <a:lnTo>
                      <a:pt x="251" y="206"/>
                    </a:lnTo>
                    <a:lnTo>
                      <a:pt x="253" y="206"/>
                    </a:lnTo>
                    <a:lnTo>
                      <a:pt x="255" y="206"/>
                    </a:lnTo>
                    <a:lnTo>
                      <a:pt x="257" y="206"/>
                    </a:lnTo>
                    <a:lnTo>
                      <a:pt x="259" y="206"/>
                    </a:lnTo>
                    <a:lnTo>
                      <a:pt x="259" y="208"/>
                    </a:lnTo>
                    <a:lnTo>
                      <a:pt x="259" y="209"/>
                    </a:lnTo>
                    <a:lnTo>
                      <a:pt x="260" y="209"/>
                    </a:lnTo>
                    <a:lnTo>
                      <a:pt x="262" y="211"/>
                    </a:lnTo>
                    <a:lnTo>
                      <a:pt x="264" y="211"/>
                    </a:lnTo>
                    <a:lnTo>
                      <a:pt x="264" y="213"/>
                    </a:lnTo>
                    <a:lnTo>
                      <a:pt x="264" y="215"/>
                    </a:lnTo>
                    <a:lnTo>
                      <a:pt x="264" y="217"/>
                    </a:lnTo>
                    <a:lnTo>
                      <a:pt x="262" y="217"/>
                    </a:lnTo>
                    <a:lnTo>
                      <a:pt x="262" y="219"/>
                    </a:lnTo>
                    <a:lnTo>
                      <a:pt x="260" y="219"/>
                    </a:lnTo>
                    <a:lnTo>
                      <a:pt x="260" y="221"/>
                    </a:lnTo>
                    <a:lnTo>
                      <a:pt x="259" y="221"/>
                    </a:lnTo>
                    <a:lnTo>
                      <a:pt x="259" y="222"/>
                    </a:lnTo>
                    <a:lnTo>
                      <a:pt x="257" y="222"/>
                    </a:lnTo>
                    <a:lnTo>
                      <a:pt x="257" y="224"/>
                    </a:lnTo>
                    <a:lnTo>
                      <a:pt x="257" y="226"/>
                    </a:lnTo>
                    <a:lnTo>
                      <a:pt x="257" y="228"/>
                    </a:lnTo>
                    <a:lnTo>
                      <a:pt x="255" y="228"/>
                    </a:lnTo>
                    <a:lnTo>
                      <a:pt x="253" y="230"/>
                    </a:lnTo>
                    <a:lnTo>
                      <a:pt x="251" y="230"/>
                    </a:lnTo>
                    <a:lnTo>
                      <a:pt x="249" y="230"/>
                    </a:lnTo>
                    <a:lnTo>
                      <a:pt x="249" y="232"/>
                    </a:lnTo>
                    <a:lnTo>
                      <a:pt x="249" y="234"/>
                    </a:lnTo>
                    <a:lnTo>
                      <a:pt x="249" y="235"/>
                    </a:lnTo>
                    <a:lnTo>
                      <a:pt x="247" y="237"/>
                    </a:lnTo>
                    <a:lnTo>
                      <a:pt x="247" y="239"/>
                    </a:lnTo>
                    <a:lnTo>
                      <a:pt x="246" y="241"/>
                    </a:lnTo>
                    <a:lnTo>
                      <a:pt x="246" y="243"/>
                    </a:lnTo>
                    <a:lnTo>
                      <a:pt x="246" y="245"/>
                    </a:lnTo>
                    <a:lnTo>
                      <a:pt x="244" y="245"/>
                    </a:lnTo>
                    <a:lnTo>
                      <a:pt x="244" y="246"/>
                    </a:lnTo>
                    <a:lnTo>
                      <a:pt x="242" y="248"/>
                    </a:lnTo>
                    <a:lnTo>
                      <a:pt x="242" y="250"/>
                    </a:lnTo>
                    <a:lnTo>
                      <a:pt x="244" y="250"/>
                    </a:lnTo>
                    <a:lnTo>
                      <a:pt x="244" y="252"/>
                    </a:lnTo>
                    <a:lnTo>
                      <a:pt x="244" y="254"/>
                    </a:lnTo>
                    <a:lnTo>
                      <a:pt x="244" y="256"/>
                    </a:lnTo>
                    <a:lnTo>
                      <a:pt x="242" y="258"/>
                    </a:lnTo>
                    <a:lnTo>
                      <a:pt x="242" y="259"/>
                    </a:lnTo>
                    <a:lnTo>
                      <a:pt x="240" y="259"/>
                    </a:lnTo>
                    <a:lnTo>
                      <a:pt x="238" y="259"/>
                    </a:lnTo>
                    <a:lnTo>
                      <a:pt x="238" y="261"/>
                    </a:lnTo>
                    <a:lnTo>
                      <a:pt x="236" y="261"/>
                    </a:lnTo>
                    <a:lnTo>
                      <a:pt x="236" y="263"/>
                    </a:lnTo>
                    <a:lnTo>
                      <a:pt x="235" y="265"/>
                    </a:lnTo>
                    <a:lnTo>
                      <a:pt x="233" y="263"/>
                    </a:lnTo>
                    <a:lnTo>
                      <a:pt x="231" y="261"/>
                    </a:lnTo>
                    <a:lnTo>
                      <a:pt x="231" y="259"/>
                    </a:lnTo>
                    <a:lnTo>
                      <a:pt x="233" y="259"/>
                    </a:lnTo>
                    <a:lnTo>
                      <a:pt x="235" y="258"/>
                    </a:lnTo>
                    <a:lnTo>
                      <a:pt x="233" y="258"/>
                    </a:lnTo>
                    <a:lnTo>
                      <a:pt x="231" y="258"/>
                    </a:lnTo>
                    <a:lnTo>
                      <a:pt x="229" y="258"/>
                    </a:lnTo>
                    <a:lnTo>
                      <a:pt x="229" y="259"/>
                    </a:lnTo>
                    <a:lnTo>
                      <a:pt x="227" y="259"/>
                    </a:lnTo>
                    <a:lnTo>
                      <a:pt x="227" y="261"/>
                    </a:lnTo>
                    <a:lnTo>
                      <a:pt x="225" y="261"/>
                    </a:lnTo>
                    <a:lnTo>
                      <a:pt x="218" y="261"/>
                    </a:lnTo>
                    <a:lnTo>
                      <a:pt x="220" y="265"/>
                    </a:lnTo>
                    <a:lnTo>
                      <a:pt x="216" y="267"/>
                    </a:lnTo>
                    <a:lnTo>
                      <a:pt x="212" y="267"/>
                    </a:lnTo>
                    <a:lnTo>
                      <a:pt x="212" y="271"/>
                    </a:lnTo>
                    <a:lnTo>
                      <a:pt x="210" y="271"/>
                    </a:lnTo>
                    <a:lnTo>
                      <a:pt x="209" y="271"/>
                    </a:lnTo>
                    <a:lnTo>
                      <a:pt x="207" y="269"/>
                    </a:lnTo>
                    <a:lnTo>
                      <a:pt x="205" y="269"/>
                    </a:lnTo>
                    <a:lnTo>
                      <a:pt x="203" y="269"/>
                    </a:lnTo>
                    <a:lnTo>
                      <a:pt x="196" y="271"/>
                    </a:lnTo>
                    <a:lnTo>
                      <a:pt x="196" y="272"/>
                    </a:lnTo>
                    <a:lnTo>
                      <a:pt x="196" y="271"/>
                    </a:lnTo>
                    <a:lnTo>
                      <a:pt x="190" y="274"/>
                    </a:lnTo>
                    <a:lnTo>
                      <a:pt x="192" y="272"/>
                    </a:lnTo>
                    <a:lnTo>
                      <a:pt x="190" y="272"/>
                    </a:lnTo>
                    <a:lnTo>
                      <a:pt x="188" y="272"/>
                    </a:lnTo>
                    <a:lnTo>
                      <a:pt x="186" y="272"/>
                    </a:lnTo>
                    <a:lnTo>
                      <a:pt x="185" y="271"/>
                    </a:lnTo>
                    <a:lnTo>
                      <a:pt x="181" y="267"/>
                    </a:lnTo>
                    <a:lnTo>
                      <a:pt x="181" y="269"/>
                    </a:lnTo>
                    <a:lnTo>
                      <a:pt x="177" y="267"/>
                    </a:lnTo>
                    <a:lnTo>
                      <a:pt x="177" y="265"/>
                    </a:lnTo>
                    <a:lnTo>
                      <a:pt x="175" y="265"/>
                    </a:lnTo>
                    <a:lnTo>
                      <a:pt x="172" y="263"/>
                    </a:lnTo>
                    <a:lnTo>
                      <a:pt x="170" y="263"/>
                    </a:lnTo>
                    <a:lnTo>
                      <a:pt x="170" y="261"/>
                    </a:lnTo>
                    <a:lnTo>
                      <a:pt x="168" y="261"/>
                    </a:lnTo>
                    <a:lnTo>
                      <a:pt x="168" y="259"/>
                    </a:lnTo>
                    <a:lnTo>
                      <a:pt x="166" y="258"/>
                    </a:lnTo>
                    <a:lnTo>
                      <a:pt x="168" y="258"/>
                    </a:lnTo>
                    <a:lnTo>
                      <a:pt x="168" y="256"/>
                    </a:lnTo>
                    <a:lnTo>
                      <a:pt x="170" y="256"/>
                    </a:lnTo>
                    <a:lnTo>
                      <a:pt x="170" y="254"/>
                    </a:lnTo>
                    <a:lnTo>
                      <a:pt x="168" y="252"/>
                    </a:lnTo>
                    <a:lnTo>
                      <a:pt x="166" y="252"/>
                    </a:lnTo>
                    <a:lnTo>
                      <a:pt x="164" y="250"/>
                    </a:lnTo>
                    <a:lnTo>
                      <a:pt x="162" y="248"/>
                    </a:lnTo>
                    <a:lnTo>
                      <a:pt x="161" y="248"/>
                    </a:lnTo>
                    <a:lnTo>
                      <a:pt x="159" y="250"/>
                    </a:lnTo>
                    <a:lnTo>
                      <a:pt x="157" y="252"/>
                    </a:lnTo>
                    <a:lnTo>
                      <a:pt x="155" y="252"/>
                    </a:lnTo>
                    <a:lnTo>
                      <a:pt x="153" y="254"/>
                    </a:lnTo>
                    <a:lnTo>
                      <a:pt x="153" y="252"/>
                    </a:lnTo>
                    <a:lnTo>
                      <a:pt x="151" y="252"/>
                    </a:lnTo>
                    <a:lnTo>
                      <a:pt x="151" y="254"/>
                    </a:lnTo>
                    <a:lnTo>
                      <a:pt x="149" y="254"/>
                    </a:lnTo>
                    <a:lnTo>
                      <a:pt x="149" y="256"/>
                    </a:lnTo>
                    <a:lnTo>
                      <a:pt x="149" y="258"/>
                    </a:lnTo>
                    <a:lnTo>
                      <a:pt x="151" y="258"/>
                    </a:lnTo>
                    <a:lnTo>
                      <a:pt x="149" y="258"/>
                    </a:lnTo>
                    <a:lnTo>
                      <a:pt x="149" y="259"/>
                    </a:lnTo>
                    <a:lnTo>
                      <a:pt x="148" y="261"/>
                    </a:lnTo>
                    <a:lnTo>
                      <a:pt x="148" y="263"/>
                    </a:lnTo>
                    <a:lnTo>
                      <a:pt x="146" y="261"/>
                    </a:lnTo>
                    <a:lnTo>
                      <a:pt x="146" y="263"/>
                    </a:lnTo>
                    <a:lnTo>
                      <a:pt x="144" y="263"/>
                    </a:lnTo>
                    <a:lnTo>
                      <a:pt x="144" y="265"/>
                    </a:lnTo>
                    <a:lnTo>
                      <a:pt x="142" y="265"/>
                    </a:lnTo>
                    <a:lnTo>
                      <a:pt x="142" y="267"/>
                    </a:lnTo>
                    <a:lnTo>
                      <a:pt x="140" y="267"/>
                    </a:lnTo>
                    <a:lnTo>
                      <a:pt x="140" y="265"/>
                    </a:lnTo>
                    <a:lnTo>
                      <a:pt x="138" y="267"/>
                    </a:lnTo>
                    <a:lnTo>
                      <a:pt x="138" y="265"/>
                    </a:lnTo>
                    <a:lnTo>
                      <a:pt x="137" y="263"/>
                    </a:lnTo>
                    <a:lnTo>
                      <a:pt x="135" y="263"/>
                    </a:lnTo>
                    <a:lnTo>
                      <a:pt x="135" y="261"/>
                    </a:lnTo>
                    <a:lnTo>
                      <a:pt x="135" y="263"/>
                    </a:lnTo>
                    <a:lnTo>
                      <a:pt x="135" y="265"/>
                    </a:lnTo>
                    <a:lnTo>
                      <a:pt x="133" y="267"/>
                    </a:lnTo>
                    <a:lnTo>
                      <a:pt x="133" y="269"/>
                    </a:lnTo>
                    <a:lnTo>
                      <a:pt x="131" y="269"/>
                    </a:lnTo>
                    <a:lnTo>
                      <a:pt x="131" y="271"/>
                    </a:lnTo>
                    <a:lnTo>
                      <a:pt x="129" y="271"/>
                    </a:lnTo>
                    <a:lnTo>
                      <a:pt x="131" y="272"/>
                    </a:lnTo>
                    <a:lnTo>
                      <a:pt x="129" y="272"/>
                    </a:lnTo>
                    <a:lnTo>
                      <a:pt x="129" y="274"/>
                    </a:lnTo>
                    <a:lnTo>
                      <a:pt x="127" y="274"/>
                    </a:lnTo>
                    <a:lnTo>
                      <a:pt x="125" y="274"/>
                    </a:lnTo>
                    <a:lnTo>
                      <a:pt x="125" y="276"/>
                    </a:lnTo>
                    <a:lnTo>
                      <a:pt x="124" y="274"/>
                    </a:lnTo>
                    <a:lnTo>
                      <a:pt x="122" y="272"/>
                    </a:lnTo>
                    <a:lnTo>
                      <a:pt x="120" y="271"/>
                    </a:lnTo>
                    <a:lnTo>
                      <a:pt x="118" y="271"/>
                    </a:lnTo>
                    <a:lnTo>
                      <a:pt x="118" y="272"/>
                    </a:lnTo>
                    <a:lnTo>
                      <a:pt x="116" y="276"/>
                    </a:lnTo>
                    <a:lnTo>
                      <a:pt x="116" y="278"/>
                    </a:lnTo>
                    <a:lnTo>
                      <a:pt x="114" y="278"/>
                    </a:lnTo>
                    <a:lnTo>
                      <a:pt x="114" y="276"/>
                    </a:lnTo>
                    <a:lnTo>
                      <a:pt x="113" y="276"/>
                    </a:lnTo>
                    <a:lnTo>
                      <a:pt x="113" y="274"/>
                    </a:lnTo>
                    <a:lnTo>
                      <a:pt x="113" y="272"/>
                    </a:lnTo>
                    <a:lnTo>
                      <a:pt x="111" y="272"/>
                    </a:lnTo>
                    <a:lnTo>
                      <a:pt x="111" y="271"/>
                    </a:lnTo>
                    <a:lnTo>
                      <a:pt x="109" y="271"/>
                    </a:lnTo>
                    <a:lnTo>
                      <a:pt x="107" y="271"/>
                    </a:lnTo>
                    <a:lnTo>
                      <a:pt x="107" y="269"/>
                    </a:lnTo>
                    <a:lnTo>
                      <a:pt x="105" y="269"/>
                    </a:lnTo>
                    <a:lnTo>
                      <a:pt x="105" y="267"/>
                    </a:lnTo>
                    <a:lnTo>
                      <a:pt x="103" y="267"/>
                    </a:lnTo>
                    <a:lnTo>
                      <a:pt x="103" y="269"/>
                    </a:lnTo>
                    <a:lnTo>
                      <a:pt x="101" y="269"/>
                    </a:lnTo>
                    <a:lnTo>
                      <a:pt x="100" y="267"/>
                    </a:lnTo>
                    <a:lnTo>
                      <a:pt x="98" y="267"/>
                    </a:lnTo>
                    <a:lnTo>
                      <a:pt x="98" y="265"/>
                    </a:lnTo>
                    <a:lnTo>
                      <a:pt x="98" y="263"/>
                    </a:lnTo>
                    <a:lnTo>
                      <a:pt x="98" y="261"/>
                    </a:lnTo>
                    <a:lnTo>
                      <a:pt x="96" y="259"/>
                    </a:lnTo>
                    <a:lnTo>
                      <a:pt x="92" y="256"/>
                    </a:lnTo>
                    <a:lnTo>
                      <a:pt x="92" y="258"/>
                    </a:lnTo>
                    <a:lnTo>
                      <a:pt x="92" y="256"/>
                    </a:lnTo>
                    <a:lnTo>
                      <a:pt x="90" y="256"/>
                    </a:lnTo>
                    <a:lnTo>
                      <a:pt x="88" y="254"/>
                    </a:lnTo>
                    <a:lnTo>
                      <a:pt x="87" y="252"/>
                    </a:lnTo>
                    <a:lnTo>
                      <a:pt x="87" y="254"/>
                    </a:lnTo>
                    <a:lnTo>
                      <a:pt x="85" y="254"/>
                    </a:lnTo>
                    <a:lnTo>
                      <a:pt x="81" y="256"/>
                    </a:lnTo>
                    <a:lnTo>
                      <a:pt x="79" y="254"/>
                    </a:lnTo>
                    <a:lnTo>
                      <a:pt x="79" y="256"/>
                    </a:lnTo>
                    <a:lnTo>
                      <a:pt x="77" y="258"/>
                    </a:lnTo>
                    <a:lnTo>
                      <a:pt x="76" y="256"/>
                    </a:lnTo>
                    <a:lnTo>
                      <a:pt x="74" y="256"/>
                    </a:lnTo>
                    <a:lnTo>
                      <a:pt x="72" y="254"/>
                    </a:lnTo>
                    <a:lnTo>
                      <a:pt x="70" y="252"/>
                    </a:lnTo>
                    <a:lnTo>
                      <a:pt x="68" y="250"/>
                    </a:lnTo>
                    <a:lnTo>
                      <a:pt x="68" y="248"/>
                    </a:lnTo>
                    <a:lnTo>
                      <a:pt x="66" y="248"/>
                    </a:lnTo>
                    <a:lnTo>
                      <a:pt x="66" y="246"/>
                    </a:lnTo>
                    <a:lnTo>
                      <a:pt x="64" y="246"/>
                    </a:lnTo>
                    <a:lnTo>
                      <a:pt x="64" y="245"/>
                    </a:lnTo>
                    <a:lnTo>
                      <a:pt x="63" y="243"/>
                    </a:lnTo>
                    <a:lnTo>
                      <a:pt x="61" y="241"/>
                    </a:lnTo>
                    <a:lnTo>
                      <a:pt x="59" y="241"/>
                    </a:lnTo>
                    <a:lnTo>
                      <a:pt x="57" y="239"/>
                    </a:lnTo>
                    <a:lnTo>
                      <a:pt x="57" y="237"/>
                    </a:lnTo>
                    <a:lnTo>
                      <a:pt x="57" y="235"/>
                    </a:lnTo>
                    <a:lnTo>
                      <a:pt x="53" y="239"/>
                    </a:lnTo>
                    <a:lnTo>
                      <a:pt x="53" y="237"/>
                    </a:lnTo>
                    <a:lnTo>
                      <a:pt x="52" y="241"/>
                    </a:lnTo>
                    <a:lnTo>
                      <a:pt x="50" y="243"/>
                    </a:lnTo>
                    <a:lnTo>
                      <a:pt x="48" y="245"/>
                    </a:lnTo>
                    <a:lnTo>
                      <a:pt x="46" y="243"/>
                    </a:lnTo>
                    <a:lnTo>
                      <a:pt x="48" y="243"/>
                    </a:lnTo>
                    <a:lnTo>
                      <a:pt x="48" y="237"/>
                    </a:lnTo>
                    <a:lnTo>
                      <a:pt x="50" y="235"/>
                    </a:lnTo>
                    <a:lnTo>
                      <a:pt x="52" y="234"/>
                    </a:lnTo>
                    <a:lnTo>
                      <a:pt x="53" y="234"/>
                    </a:lnTo>
                    <a:lnTo>
                      <a:pt x="53" y="232"/>
                    </a:lnTo>
                    <a:lnTo>
                      <a:pt x="55" y="230"/>
                    </a:lnTo>
                    <a:lnTo>
                      <a:pt x="57" y="230"/>
                    </a:lnTo>
                    <a:lnTo>
                      <a:pt x="57" y="228"/>
                    </a:lnTo>
                    <a:lnTo>
                      <a:pt x="59" y="228"/>
                    </a:lnTo>
                    <a:lnTo>
                      <a:pt x="61" y="226"/>
                    </a:lnTo>
                    <a:lnTo>
                      <a:pt x="63" y="224"/>
                    </a:lnTo>
                    <a:lnTo>
                      <a:pt x="59" y="219"/>
                    </a:lnTo>
                    <a:lnTo>
                      <a:pt x="57" y="217"/>
                    </a:lnTo>
                    <a:lnTo>
                      <a:pt x="53" y="221"/>
                    </a:lnTo>
                    <a:lnTo>
                      <a:pt x="50" y="222"/>
                    </a:lnTo>
                    <a:lnTo>
                      <a:pt x="48" y="217"/>
                    </a:lnTo>
                    <a:lnTo>
                      <a:pt x="46" y="215"/>
                    </a:lnTo>
                    <a:lnTo>
                      <a:pt x="44" y="215"/>
                    </a:lnTo>
                    <a:lnTo>
                      <a:pt x="44" y="213"/>
                    </a:lnTo>
                    <a:lnTo>
                      <a:pt x="42" y="213"/>
                    </a:lnTo>
                    <a:lnTo>
                      <a:pt x="42" y="211"/>
                    </a:lnTo>
                    <a:lnTo>
                      <a:pt x="40" y="211"/>
                    </a:lnTo>
                    <a:lnTo>
                      <a:pt x="40" y="209"/>
                    </a:lnTo>
                    <a:lnTo>
                      <a:pt x="39" y="209"/>
                    </a:lnTo>
                    <a:lnTo>
                      <a:pt x="35" y="206"/>
                    </a:lnTo>
                    <a:lnTo>
                      <a:pt x="0" y="165"/>
                    </a:lnTo>
                    <a:lnTo>
                      <a:pt x="37" y="130"/>
                    </a:lnTo>
                    <a:close/>
                  </a:path>
                </a:pathLst>
              </a:custGeom>
              <a:solidFill>
                <a:srgbClr val="FFFF99">
                  <a:alpha val="5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76" name="Freeform 207"/>
              <p:cNvSpPr>
                <a:spLocks/>
              </p:cNvSpPr>
              <p:nvPr/>
            </p:nvSpPr>
            <p:spPr bwMode="auto">
              <a:xfrm>
                <a:off x="3865562" y="3044825"/>
                <a:ext cx="42863" cy="50800"/>
              </a:xfrm>
              <a:custGeom>
                <a:avLst/>
                <a:gdLst>
                  <a:gd name="T0" fmla="*/ 25 w 27"/>
                  <a:gd name="T1" fmla="*/ 22 h 32"/>
                  <a:gd name="T2" fmla="*/ 25 w 27"/>
                  <a:gd name="T3" fmla="*/ 21 h 32"/>
                  <a:gd name="T4" fmla="*/ 22 w 27"/>
                  <a:gd name="T5" fmla="*/ 21 h 32"/>
                  <a:gd name="T6" fmla="*/ 22 w 27"/>
                  <a:gd name="T7" fmla="*/ 21 h 32"/>
                  <a:gd name="T8" fmla="*/ 22 w 27"/>
                  <a:gd name="T9" fmla="*/ 22 h 32"/>
                  <a:gd name="T10" fmla="*/ 22 w 27"/>
                  <a:gd name="T11" fmla="*/ 22 h 32"/>
                  <a:gd name="T12" fmla="*/ 22 w 27"/>
                  <a:gd name="T13" fmla="*/ 22 h 32"/>
                  <a:gd name="T14" fmla="*/ 20 w 27"/>
                  <a:gd name="T15" fmla="*/ 22 h 32"/>
                  <a:gd name="T16" fmla="*/ 20 w 27"/>
                  <a:gd name="T17" fmla="*/ 22 h 32"/>
                  <a:gd name="T18" fmla="*/ 20 w 27"/>
                  <a:gd name="T19" fmla="*/ 22 h 32"/>
                  <a:gd name="T20" fmla="*/ 20 w 27"/>
                  <a:gd name="T21" fmla="*/ 22 h 32"/>
                  <a:gd name="T22" fmla="*/ 20 w 27"/>
                  <a:gd name="T23" fmla="*/ 22 h 32"/>
                  <a:gd name="T24" fmla="*/ 20 w 27"/>
                  <a:gd name="T25" fmla="*/ 22 h 32"/>
                  <a:gd name="T26" fmla="*/ 20 w 27"/>
                  <a:gd name="T27" fmla="*/ 24 h 32"/>
                  <a:gd name="T28" fmla="*/ 18 w 27"/>
                  <a:gd name="T29" fmla="*/ 24 h 32"/>
                  <a:gd name="T30" fmla="*/ 18 w 27"/>
                  <a:gd name="T31" fmla="*/ 24 h 32"/>
                  <a:gd name="T32" fmla="*/ 18 w 27"/>
                  <a:gd name="T33" fmla="*/ 24 h 32"/>
                  <a:gd name="T34" fmla="*/ 16 w 27"/>
                  <a:gd name="T35" fmla="*/ 26 h 32"/>
                  <a:gd name="T36" fmla="*/ 14 w 27"/>
                  <a:gd name="T37" fmla="*/ 26 h 32"/>
                  <a:gd name="T38" fmla="*/ 9 w 27"/>
                  <a:gd name="T39" fmla="*/ 28 h 32"/>
                  <a:gd name="T40" fmla="*/ 9 w 27"/>
                  <a:gd name="T41" fmla="*/ 30 h 32"/>
                  <a:gd name="T42" fmla="*/ 7 w 27"/>
                  <a:gd name="T43" fmla="*/ 30 h 32"/>
                  <a:gd name="T44" fmla="*/ 5 w 27"/>
                  <a:gd name="T45" fmla="*/ 32 h 32"/>
                  <a:gd name="T46" fmla="*/ 3 w 27"/>
                  <a:gd name="T47" fmla="*/ 32 h 32"/>
                  <a:gd name="T48" fmla="*/ 3 w 27"/>
                  <a:gd name="T49" fmla="*/ 28 h 32"/>
                  <a:gd name="T50" fmla="*/ 1 w 27"/>
                  <a:gd name="T51" fmla="*/ 28 h 32"/>
                  <a:gd name="T52" fmla="*/ 1 w 27"/>
                  <a:gd name="T53" fmla="*/ 28 h 32"/>
                  <a:gd name="T54" fmla="*/ 1 w 27"/>
                  <a:gd name="T55" fmla="*/ 24 h 32"/>
                  <a:gd name="T56" fmla="*/ 0 w 27"/>
                  <a:gd name="T57" fmla="*/ 19 h 32"/>
                  <a:gd name="T58" fmla="*/ 0 w 27"/>
                  <a:gd name="T59" fmla="*/ 19 h 32"/>
                  <a:gd name="T60" fmla="*/ 1 w 27"/>
                  <a:gd name="T61" fmla="*/ 17 h 32"/>
                  <a:gd name="T62" fmla="*/ 1 w 27"/>
                  <a:gd name="T63" fmla="*/ 17 h 32"/>
                  <a:gd name="T64" fmla="*/ 3 w 27"/>
                  <a:gd name="T65" fmla="*/ 19 h 32"/>
                  <a:gd name="T66" fmla="*/ 3 w 27"/>
                  <a:gd name="T67" fmla="*/ 19 h 32"/>
                  <a:gd name="T68" fmla="*/ 3 w 27"/>
                  <a:gd name="T69" fmla="*/ 17 h 32"/>
                  <a:gd name="T70" fmla="*/ 3 w 27"/>
                  <a:gd name="T71" fmla="*/ 17 h 32"/>
                  <a:gd name="T72" fmla="*/ 3 w 27"/>
                  <a:gd name="T73" fmla="*/ 15 h 32"/>
                  <a:gd name="T74" fmla="*/ 3 w 27"/>
                  <a:gd name="T75" fmla="*/ 15 h 32"/>
                  <a:gd name="T76" fmla="*/ 3 w 27"/>
                  <a:gd name="T77" fmla="*/ 13 h 32"/>
                  <a:gd name="T78" fmla="*/ 7 w 27"/>
                  <a:gd name="T79" fmla="*/ 11 h 32"/>
                  <a:gd name="T80" fmla="*/ 11 w 27"/>
                  <a:gd name="T81" fmla="*/ 10 h 32"/>
                  <a:gd name="T82" fmla="*/ 14 w 27"/>
                  <a:gd name="T83" fmla="*/ 8 h 32"/>
                  <a:gd name="T84" fmla="*/ 14 w 27"/>
                  <a:gd name="T85" fmla="*/ 10 h 32"/>
                  <a:gd name="T86" fmla="*/ 18 w 27"/>
                  <a:gd name="T87" fmla="*/ 6 h 32"/>
                  <a:gd name="T88" fmla="*/ 20 w 27"/>
                  <a:gd name="T89" fmla="*/ 6 h 32"/>
                  <a:gd name="T90" fmla="*/ 18 w 27"/>
                  <a:gd name="T91" fmla="*/ 6 h 32"/>
                  <a:gd name="T92" fmla="*/ 18 w 27"/>
                  <a:gd name="T93" fmla="*/ 4 h 32"/>
                  <a:gd name="T94" fmla="*/ 18 w 27"/>
                  <a:gd name="T95" fmla="*/ 2 h 32"/>
                  <a:gd name="T96" fmla="*/ 18 w 27"/>
                  <a:gd name="T97" fmla="*/ 2 h 32"/>
                  <a:gd name="T98" fmla="*/ 22 w 27"/>
                  <a:gd name="T99" fmla="*/ 2 h 32"/>
                  <a:gd name="T100" fmla="*/ 24 w 27"/>
                  <a:gd name="T101" fmla="*/ 2 h 32"/>
                  <a:gd name="T102" fmla="*/ 25 w 27"/>
                  <a:gd name="T103" fmla="*/ 4 h 32"/>
                  <a:gd name="T104" fmla="*/ 25 w 27"/>
                  <a:gd name="T105" fmla="*/ 4 h 32"/>
                  <a:gd name="T106" fmla="*/ 27 w 27"/>
                  <a:gd name="T107" fmla="*/ 4 h 32"/>
                  <a:gd name="T108" fmla="*/ 27 w 27"/>
                  <a:gd name="T109" fmla="*/ 4 h 32"/>
                  <a:gd name="T110" fmla="*/ 27 w 27"/>
                  <a:gd name="T111" fmla="*/ 6 h 32"/>
                  <a:gd name="T112" fmla="*/ 25 w 27"/>
                  <a:gd name="T113" fmla="*/ 6 h 32"/>
                  <a:gd name="T114" fmla="*/ 27 w 27"/>
                  <a:gd name="T115" fmla="*/ 8 h 32"/>
                  <a:gd name="T116" fmla="*/ 25 w 27"/>
                  <a:gd name="T117" fmla="*/ 10 h 32"/>
                  <a:gd name="T118" fmla="*/ 25 w 27"/>
                  <a:gd name="T119" fmla="*/ 13 h 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27" h="32">
                    <a:moveTo>
                      <a:pt x="25" y="15"/>
                    </a:moveTo>
                    <a:lnTo>
                      <a:pt x="25" y="22"/>
                    </a:lnTo>
                    <a:lnTo>
                      <a:pt x="25" y="22"/>
                    </a:lnTo>
                    <a:lnTo>
                      <a:pt x="25" y="21"/>
                    </a:lnTo>
                    <a:lnTo>
                      <a:pt x="25" y="21"/>
                    </a:lnTo>
                    <a:lnTo>
                      <a:pt x="22" y="21"/>
                    </a:lnTo>
                    <a:lnTo>
                      <a:pt x="22" y="21"/>
                    </a:lnTo>
                    <a:lnTo>
                      <a:pt x="22" y="21"/>
                    </a:lnTo>
                    <a:lnTo>
                      <a:pt x="22" y="21"/>
                    </a:lnTo>
                    <a:lnTo>
                      <a:pt x="22" y="22"/>
                    </a:lnTo>
                    <a:lnTo>
                      <a:pt x="22" y="22"/>
                    </a:lnTo>
                    <a:lnTo>
                      <a:pt x="22" y="22"/>
                    </a:lnTo>
                    <a:lnTo>
                      <a:pt x="22" y="22"/>
                    </a:lnTo>
                    <a:lnTo>
                      <a:pt x="22" y="22"/>
                    </a:lnTo>
                    <a:lnTo>
                      <a:pt x="22" y="22"/>
                    </a:lnTo>
                    <a:lnTo>
                      <a:pt x="20" y="22"/>
                    </a:lnTo>
                    <a:lnTo>
                      <a:pt x="20" y="22"/>
                    </a:lnTo>
                    <a:lnTo>
                      <a:pt x="20" y="22"/>
                    </a:lnTo>
                    <a:lnTo>
                      <a:pt x="20" y="22"/>
                    </a:lnTo>
                    <a:lnTo>
                      <a:pt x="20" y="22"/>
                    </a:lnTo>
                    <a:lnTo>
                      <a:pt x="20" y="22"/>
                    </a:lnTo>
                    <a:lnTo>
                      <a:pt x="20" y="22"/>
                    </a:lnTo>
                    <a:lnTo>
                      <a:pt x="20" y="22"/>
                    </a:lnTo>
                    <a:lnTo>
                      <a:pt x="20" y="22"/>
                    </a:lnTo>
                    <a:lnTo>
                      <a:pt x="20" y="22"/>
                    </a:lnTo>
                    <a:lnTo>
                      <a:pt x="20" y="22"/>
                    </a:lnTo>
                    <a:lnTo>
                      <a:pt x="20" y="22"/>
                    </a:lnTo>
                    <a:lnTo>
                      <a:pt x="20" y="24"/>
                    </a:lnTo>
                    <a:lnTo>
                      <a:pt x="20" y="24"/>
                    </a:lnTo>
                    <a:lnTo>
                      <a:pt x="18" y="24"/>
                    </a:lnTo>
                    <a:lnTo>
                      <a:pt x="18" y="24"/>
                    </a:lnTo>
                    <a:lnTo>
                      <a:pt x="18" y="24"/>
                    </a:lnTo>
                    <a:lnTo>
                      <a:pt x="18" y="24"/>
                    </a:lnTo>
                    <a:lnTo>
                      <a:pt x="18" y="24"/>
                    </a:lnTo>
                    <a:lnTo>
                      <a:pt x="16" y="26"/>
                    </a:lnTo>
                    <a:lnTo>
                      <a:pt x="16" y="26"/>
                    </a:lnTo>
                    <a:lnTo>
                      <a:pt x="14" y="26"/>
                    </a:lnTo>
                    <a:lnTo>
                      <a:pt x="14" y="26"/>
                    </a:lnTo>
                    <a:lnTo>
                      <a:pt x="14" y="26"/>
                    </a:lnTo>
                    <a:lnTo>
                      <a:pt x="9" y="28"/>
                    </a:lnTo>
                    <a:lnTo>
                      <a:pt x="9" y="28"/>
                    </a:lnTo>
                    <a:lnTo>
                      <a:pt x="9" y="30"/>
                    </a:lnTo>
                    <a:lnTo>
                      <a:pt x="7" y="30"/>
                    </a:lnTo>
                    <a:lnTo>
                      <a:pt x="7" y="30"/>
                    </a:lnTo>
                    <a:lnTo>
                      <a:pt x="7" y="30"/>
                    </a:lnTo>
                    <a:lnTo>
                      <a:pt x="5" y="32"/>
                    </a:lnTo>
                    <a:lnTo>
                      <a:pt x="5" y="32"/>
                    </a:lnTo>
                    <a:lnTo>
                      <a:pt x="3" y="32"/>
                    </a:lnTo>
                    <a:lnTo>
                      <a:pt x="3" y="30"/>
                    </a:lnTo>
                    <a:lnTo>
                      <a:pt x="3" y="28"/>
                    </a:lnTo>
                    <a:lnTo>
                      <a:pt x="3" y="28"/>
                    </a:lnTo>
                    <a:lnTo>
                      <a:pt x="1" y="28"/>
                    </a:lnTo>
                    <a:lnTo>
                      <a:pt x="1" y="28"/>
                    </a:lnTo>
                    <a:lnTo>
                      <a:pt x="1" y="28"/>
                    </a:lnTo>
                    <a:lnTo>
                      <a:pt x="1" y="26"/>
                    </a:lnTo>
                    <a:lnTo>
                      <a:pt x="1" y="24"/>
                    </a:lnTo>
                    <a:lnTo>
                      <a:pt x="0" y="19"/>
                    </a:lnTo>
                    <a:lnTo>
                      <a:pt x="0" y="19"/>
                    </a:lnTo>
                    <a:lnTo>
                      <a:pt x="0" y="19"/>
                    </a:lnTo>
                    <a:lnTo>
                      <a:pt x="0" y="19"/>
                    </a:lnTo>
                    <a:lnTo>
                      <a:pt x="0" y="19"/>
                    </a:lnTo>
                    <a:lnTo>
                      <a:pt x="1" y="17"/>
                    </a:lnTo>
                    <a:lnTo>
                      <a:pt x="1" y="17"/>
                    </a:lnTo>
                    <a:lnTo>
                      <a:pt x="1" y="17"/>
                    </a:lnTo>
                    <a:lnTo>
                      <a:pt x="1" y="17"/>
                    </a:lnTo>
                    <a:lnTo>
                      <a:pt x="3" y="19"/>
                    </a:lnTo>
                    <a:lnTo>
                      <a:pt x="3" y="19"/>
                    </a:lnTo>
                    <a:lnTo>
                      <a:pt x="3" y="19"/>
                    </a:lnTo>
                    <a:lnTo>
                      <a:pt x="3" y="17"/>
                    </a:lnTo>
                    <a:lnTo>
                      <a:pt x="3" y="17"/>
                    </a:lnTo>
                    <a:lnTo>
                      <a:pt x="5" y="17"/>
                    </a:lnTo>
                    <a:lnTo>
                      <a:pt x="3" y="17"/>
                    </a:lnTo>
                    <a:lnTo>
                      <a:pt x="3" y="15"/>
                    </a:lnTo>
                    <a:lnTo>
                      <a:pt x="3" y="15"/>
                    </a:lnTo>
                    <a:lnTo>
                      <a:pt x="3" y="15"/>
                    </a:lnTo>
                    <a:lnTo>
                      <a:pt x="3" y="15"/>
                    </a:lnTo>
                    <a:lnTo>
                      <a:pt x="3" y="13"/>
                    </a:lnTo>
                    <a:lnTo>
                      <a:pt x="3" y="13"/>
                    </a:lnTo>
                    <a:lnTo>
                      <a:pt x="3" y="13"/>
                    </a:lnTo>
                    <a:lnTo>
                      <a:pt x="7" y="11"/>
                    </a:lnTo>
                    <a:lnTo>
                      <a:pt x="7" y="11"/>
                    </a:lnTo>
                    <a:lnTo>
                      <a:pt x="11" y="10"/>
                    </a:lnTo>
                    <a:lnTo>
                      <a:pt x="11" y="10"/>
                    </a:lnTo>
                    <a:lnTo>
                      <a:pt x="14" y="8"/>
                    </a:lnTo>
                    <a:lnTo>
                      <a:pt x="14" y="8"/>
                    </a:lnTo>
                    <a:lnTo>
                      <a:pt x="14" y="10"/>
                    </a:lnTo>
                    <a:lnTo>
                      <a:pt x="18" y="6"/>
                    </a:lnTo>
                    <a:lnTo>
                      <a:pt x="18" y="6"/>
                    </a:lnTo>
                    <a:lnTo>
                      <a:pt x="20" y="6"/>
                    </a:lnTo>
                    <a:lnTo>
                      <a:pt x="20" y="6"/>
                    </a:lnTo>
                    <a:lnTo>
                      <a:pt x="20" y="6"/>
                    </a:lnTo>
                    <a:lnTo>
                      <a:pt x="18" y="6"/>
                    </a:lnTo>
                    <a:lnTo>
                      <a:pt x="18" y="4"/>
                    </a:lnTo>
                    <a:lnTo>
                      <a:pt x="18" y="4"/>
                    </a:lnTo>
                    <a:lnTo>
                      <a:pt x="18" y="4"/>
                    </a:lnTo>
                    <a:lnTo>
                      <a:pt x="18" y="2"/>
                    </a:lnTo>
                    <a:lnTo>
                      <a:pt x="18" y="2"/>
                    </a:lnTo>
                    <a:lnTo>
                      <a:pt x="18" y="2"/>
                    </a:lnTo>
                    <a:lnTo>
                      <a:pt x="20" y="0"/>
                    </a:lnTo>
                    <a:lnTo>
                      <a:pt x="22" y="2"/>
                    </a:lnTo>
                    <a:lnTo>
                      <a:pt x="22" y="2"/>
                    </a:lnTo>
                    <a:lnTo>
                      <a:pt x="24" y="2"/>
                    </a:lnTo>
                    <a:lnTo>
                      <a:pt x="25" y="2"/>
                    </a:lnTo>
                    <a:lnTo>
                      <a:pt x="25" y="4"/>
                    </a:lnTo>
                    <a:lnTo>
                      <a:pt x="25" y="4"/>
                    </a:lnTo>
                    <a:lnTo>
                      <a:pt x="25" y="4"/>
                    </a:lnTo>
                    <a:lnTo>
                      <a:pt x="27" y="4"/>
                    </a:lnTo>
                    <a:lnTo>
                      <a:pt x="27" y="4"/>
                    </a:lnTo>
                    <a:lnTo>
                      <a:pt x="27" y="4"/>
                    </a:lnTo>
                    <a:lnTo>
                      <a:pt x="27" y="4"/>
                    </a:lnTo>
                    <a:lnTo>
                      <a:pt x="27" y="6"/>
                    </a:lnTo>
                    <a:lnTo>
                      <a:pt x="27" y="6"/>
                    </a:lnTo>
                    <a:lnTo>
                      <a:pt x="25" y="6"/>
                    </a:lnTo>
                    <a:lnTo>
                      <a:pt x="25" y="6"/>
                    </a:lnTo>
                    <a:lnTo>
                      <a:pt x="27" y="6"/>
                    </a:lnTo>
                    <a:lnTo>
                      <a:pt x="27" y="8"/>
                    </a:lnTo>
                    <a:lnTo>
                      <a:pt x="27" y="8"/>
                    </a:lnTo>
                    <a:lnTo>
                      <a:pt x="25" y="10"/>
                    </a:lnTo>
                    <a:lnTo>
                      <a:pt x="25" y="10"/>
                    </a:lnTo>
                    <a:lnTo>
                      <a:pt x="25" y="13"/>
                    </a:lnTo>
                    <a:lnTo>
                      <a:pt x="25" y="15"/>
                    </a:lnTo>
                    <a:close/>
                  </a:path>
                </a:pathLst>
              </a:custGeom>
              <a:solidFill>
                <a:srgbClr val="FFFF99">
                  <a:alpha val="5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77" name="Freeform 216"/>
              <p:cNvSpPr>
                <a:spLocks/>
              </p:cNvSpPr>
              <p:nvPr/>
            </p:nvSpPr>
            <p:spPr bwMode="auto">
              <a:xfrm>
                <a:off x="2914650" y="3573462"/>
                <a:ext cx="207963" cy="165100"/>
              </a:xfrm>
              <a:custGeom>
                <a:avLst/>
                <a:gdLst>
                  <a:gd name="T0" fmla="*/ 37 w 131"/>
                  <a:gd name="T1" fmla="*/ 76 h 104"/>
                  <a:gd name="T2" fmla="*/ 38 w 131"/>
                  <a:gd name="T3" fmla="*/ 71 h 104"/>
                  <a:gd name="T4" fmla="*/ 40 w 131"/>
                  <a:gd name="T5" fmla="*/ 69 h 104"/>
                  <a:gd name="T6" fmla="*/ 44 w 131"/>
                  <a:gd name="T7" fmla="*/ 65 h 104"/>
                  <a:gd name="T8" fmla="*/ 46 w 131"/>
                  <a:gd name="T9" fmla="*/ 59 h 104"/>
                  <a:gd name="T10" fmla="*/ 50 w 131"/>
                  <a:gd name="T11" fmla="*/ 56 h 104"/>
                  <a:gd name="T12" fmla="*/ 53 w 131"/>
                  <a:gd name="T13" fmla="*/ 52 h 104"/>
                  <a:gd name="T14" fmla="*/ 53 w 131"/>
                  <a:gd name="T15" fmla="*/ 48 h 104"/>
                  <a:gd name="T16" fmla="*/ 57 w 131"/>
                  <a:gd name="T17" fmla="*/ 46 h 104"/>
                  <a:gd name="T18" fmla="*/ 57 w 131"/>
                  <a:gd name="T19" fmla="*/ 43 h 104"/>
                  <a:gd name="T20" fmla="*/ 59 w 131"/>
                  <a:gd name="T21" fmla="*/ 37 h 104"/>
                  <a:gd name="T22" fmla="*/ 62 w 131"/>
                  <a:gd name="T23" fmla="*/ 34 h 104"/>
                  <a:gd name="T24" fmla="*/ 68 w 131"/>
                  <a:gd name="T25" fmla="*/ 28 h 104"/>
                  <a:gd name="T26" fmla="*/ 74 w 131"/>
                  <a:gd name="T27" fmla="*/ 24 h 104"/>
                  <a:gd name="T28" fmla="*/ 79 w 131"/>
                  <a:gd name="T29" fmla="*/ 19 h 104"/>
                  <a:gd name="T30" fmla="*/ 85 w 131"/>
                  <a:gd name="T31" fmla="*/ 11 h 104"/>
                  <a:gd name="T32" fmla="*/ 83 w 131"/>
                  <a:gd name="T33" fmla="*/ 9 h 104"/>
                  <a:gd name="T34" fmla="*/ 83 w 131"/>
                  <a:gd name="T35" fmla="*/ 6 h 104"/>
                  <a:gd name="T36" fmla="*/ 86 w 131"/>
                  <a:gd name="T37" fmla="*/ 0 h 104"/>
                  <a:gd name="T38" fmla="*/ 88 w 131"/>
                  <a:gd name="T39" fmla="*/ 6 h 104"/>
                  <a:gd name="T40" fmla="*/ 96 w 131"/>
                  <a:gd name="T41" fmla="*/ 9 h 104"/>
                  <a:gd name="T42" fmla="*/ 98 w 131"/>
                  <a:gd name="T43" fmla="*/ 15 h 104"/>
                  <a:gd name="T44" fmla="*/ 101 w 131"/>
                  <a:gd name="T45" fmla="*/ 19 h 104"/>
                  <a:gd name="T46" fmla="*/ 99 w 131"/>
                  <a:gd name="T47" fmla="*/ 24 h 104"/>
                  <a:gd name="T48" fmla="*/ 99 w 131"/>
                  <a:gd name="T49" fmla="*/ 26 h 104"/>
                  <a:gd name="T50" fmla="*/ 103 w 131"/>
                  <a:gd name="T51" fmla="*/ 26 h 104"/>
                  <a:gd name="T52" fmla="*/ 109 w 131"/>
                  <a:gd name="T53" fmla="*/ 26 h 104"/>
                  <a:gd name="T54" fmla="*/ 112 w 131"/>
                  <a:gd name="T55" fmla="*/ 32 h 104"/>
                  <a:gd name="T56" fmla="*/ 118 w 131"/>
                  <a:gd name="T57" fmla="*/ 35 h 104"/>
                  <a:gd name="T58" fmla="*/ 122 w 131"/>
                  <a:gd name="T59" fmla="*/ 39 h 104"/>
                  <a:gd name="T60" fmla="*/ 122 w 131"/>
                  <a:gd name="T61" fmla="*/ 45 h 104"/>
                  <a:gd name="T62" fmla="*/ 120 w 131"/>
                  <a:gd name="T63" fmla="*/ 69 h 104"/>
                  <a:gd name="T64" fmla="*/ 109 w 131"/>
                  <a:gd name="T65" fmla="*/ 87 h 104"/>
                  <a:gd name="T66" fmla="*/ 109 w 131"/>
                  <a:gd name="T67" fmla="*/ 93 h 104"/>
                  <a:gd name="T68" fmla="*/ 111 w 131"/>
                  <a:gd name="T69" fmla="*/ 96 h 104"/>
                  <a:gd name="T70" fmla="*/ 107 w 131"/>
                  <a:gd name="T71" fmla="*/ 102 h 104"/>
                  <a:gd name="T72" fmla="*/ 98 w 131"/>
                  <a:gd name="T73" fmla="*/ 100 h 104"/>
                  <a:gd name="T74" fmla="*/ 83 w 131"/>
                  <a:gd name="T75" fmla="*/ 96 h 104"/>
                  <a:gd name="T76" fmla="*/ 75 w 131"/>
                  <a:gd name="T77" fmla="*/ 93 h 104"/>
                  <a:gd name="T78" fmla="*/ 66 w 131"/>
                  <a:gd name="T79" fmla="*/ 85 h 104"/>
                  <a:gd name="T80" fmla="*/ 62 w 131"/>
                  <a:gd name="T81" fmla="*/ 82 h 104"/>
                  <a:gd name="T82" fmla="*/ 51 w 131"/>
                  <a:gd name="T83" fmla="*/ 82 h 104"/>
                  <a:gd name="T84" fmla="*/ 40 w 131"/>
                  <a:gd name="T85" fmla="*/ 87 h 104"/>
                  <a:gd name="T86" fmla="*/ 37 w 131"/>
                  <a:gd name="T87" fmla="*/ 91 h 104"/>
                  <a:gd name="T88" fmla="*/ 31 w 131"/>
                  <a:gd name="T89" fmla="*/ 96 h 104"/>
                  <a:gd name="T90" fmla="*/ 24 w 131"/>
                  <a:gd name="T91" fmla="*/ 98 h 104"/>
                  <a:gd name="T92" fmla="*/ 18 w 131"/>
                  <a:gd name="T93" fmla="*/ 98 h 104"/>
                  <a:gd name="T94" fmla="*/ 14 w 131"/>
                  <a:gd name="T95" fmla="*/ 100 h 104"/>
                  <a:gd name="T96" fmla="*/ 11 w 131"/>
                  <a:gd name="T97" fmla="*/ 98 h 104"/>
                  <a:gd name="T98" fmla="*/ 5 w 131"/>
                  <a:gd name="T99" fmla="*/ 100 h 104"/>
                  <a:gd name="T100" fmla="*/ 1 w 131"/>
                  <a:gd name="T101" fmla="*/ 96 h 104"/>
                  <a:gd name="T102" fmla="*/ 1 w 131"/>
                  <a:gd name="T103" fmla="*/ 93 h 104"/>
                  <a:gd name="T104" fmla="*/ 5 w 131"/>
                  <a:gd name="T105" fmla="*/ 87 h 104"/>
                  <a:gd name="T106" fmla="*/ 7 w 131"/>
                  <a:gd name="T107" fmla="*/ 82 h 104"/>
                  <a:gd name="T108" fmla="*/ 9 w 131"/>
                  <a:gd name="T109" fmla="*/ 80 h 104"/>
                  <a:gd name="T110" fmla="*/ 13 w 131"/>
                  <a:gd name="T111" fmla="*/ 82 h 104"/>
                  <a:gd name="T112" fmla="*/ 16 w 131"/>
                  <a:gd name="T113" fmla="*/ 82 h 104"/>
                  <a:gd name="T114" fmla="*/ 20 w 131"/>
                  <a:gd name="T115" fmla="*/ 78 h 104"/>
                  <a:gd name="T116" fmla="*/ 24 w 131"/>
                  <a:gd name="T117" fmla="*/ 80 h 104"/>
                  <a:gd name="T118" fmla="*/ 29 w 131"/>
                  <a:gd name="T119" fmla="*/ 78 h 104"/>
                  <a:gd name="T120" fmla="*/ 35 w 131"/>
                  <a:gd name="T121" fmla="*/ 76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31" h="104">
                    <a:moveTo>
                      <a:pt x="35" y="76"/>
                    </a:moveTo>
                    <a:lnTo>
                      <a:pt x="37" y="76"/>
                    </a:lnTo>
                    <a:lnTo>
                      <a:pt x="38" y="76"/>
                    </a:lnTo>
                    <a:lnTo>
                      <a:pt x="37" y="76"/>
                    </a:lnTo>
                    <a:lnTo>
                      <a:pt x="38" y="76"/>
                    </a:lnTo>
                    <a:lnTo>
                      <a:pt x="38" y="74"/>
                    </a:lnTo>
                    <a:lnTo>
                      <a:pt x="38" y="72"/>
                    </a:lnTo>
                    <a:lnTo>
                      <a:pt x="38" y="71"/>
                    </a:lnTo>
                    <a:lnTo>
                      <a:pt x="37" y="71"/>
                    </a:lnTo>
                    <a:lnTo>
                      <a:pt x="38" y="71"/>
                    </a:lnTo>
                    <a:lnTo>
                      <a:pt x="38" y="69"/>
                    </a:lnTo>
                    <a:lnTo>
                      <a:pt x="40" y="69"/>
                    </a:lnTo>
                    <a:lnTo>
                      <a:pt x="40" y="67"/>
                    </a:lnTo>
                    <a:lnTo>
                      <a:pt x="42" y="67"/>
                    </a:lnTo>
                    <a:lnTo>
                      <a:pt x="42" y="65"/>
                    </a:lnTo>
                    <a:lnTo>
                      <a:pt x="44" y="65"/>
                    </a:lnTo>
                    <a:lnTo>
                      <a:pt x="44" y="63"/>
                    </a:lnTo>
                    <a:lnTo>
                      <a:pt x="46" y="63"/>
                    </a:lnTo>
                    <a:lnTo>
                      <a:pt x="46" y="61"/>
                    </a:lnTo>
                    <a:lnTo>
                      <a:pt x="46" y="59"/>
                    </a:lnTo>
                    <a:lnTo>
                      <a:pt x="46" y="58"/>
                    </a:lnTo>
                    <a:lnTo>
                      <a:pt x="48" y="58"/>
                    </a:lnTo>
                    <a:lnTo>
                      <a:pt x="50" y="58"/>
                    </a:lnTo>
                    <a:lnTo>
                      <a:pt x="50" y="56"/>
                    </a:lnTo>
                    <a:lnTo>
                      <a:pt x="50" y="54"/>
                    </a:lnTo>
                    <a:lnTo>
                      <a:pt x="51" y="54"/>
                    </a:lnTo>
                    <a:lnTo>
                      <a:pt x="51" y="52"/>
                    </a:lnTo>
                    <a:lnTo>
                      <a:pt x="53" y="52"/>
                    </a:lnTo>
                    <a:lnTo>
                      <a:pt x="53" y="50"/>
                    </a:lnTo>
                    <a:lnTo>
                      <a:pt x="55" y="50"/>
                    </a:lnTo>
                    <a:lnTo>
                      <a:pt x="53" y="50"/>
                    </a:lnTo>
                    <a:lnTo>
                      <a:pt x="53" y="48"/>
                    </a:lnTo>
                    <a:lnTo>
                      <a:pt x="53" y="46"/>
                    </a:lnTo>
                    <a:lnTo>
                      <a:pt x="55" y="46"/>
                    </a:lnTo>
                    <a:lnTo>
                      <a:pt x="57" y="48"/>
                    </a:lnTo>
                    <a:lnTo>
                      <a:pt x="57" y="46"/>
                    </a:lnTo>
                    <a:lnTo>
                      <a:pt x="57" y="45"/>
                    </a:lnTo>
                    <a:lnTo>
                      <a:pt x="59" y="45"/>
                    </a:lnTo>
                    <a:lnTo>
                      <a:pt x="59" y="43"/>
                    </a:lnTo>
                    <a:lnTo>
                      <a:pt x="57" y="43"/>
                    </a:lnTo>
                    <a:lnTo>
                      <a:pt x="55" y="43"/>
                    </a:lnTo>
                    <a:lnTo>
                      <a:pt x="57" y="41"/>
                    </a:lnTo>
                    <a:lnTo>
                      <a:pt x="57" y="39"/>
                    </a:lnTo>
                    <a:lnTo>
                      <a:pt x="59" y="37"/>
                    </a:lnTo>
                    <a:lnTo>
                      <a:pt x="61" y="37"/>
                    </a:lnTo>
                    <a:lnTo>
                      <a:pt x="61" y="35"/>
                    </a:lnTo>
                    <a:lnTo>
                      <a:pt x="62" y="35"/>
                    </a:lnTo>
                    <a:lnTo>
                      <a:pt x="62" y="34"/>
                    </a:lnTo>
                    <a:lnTo>
                      <a:pt x="64" y="34"/>
                    </a:lnTo>
                    <a:lnTo>
                      <a:pt x="66" y="32"/>
                    </a:lnTo>
                    <a:lnTo>
                      <a:pt x="66" y="30"/>
                    </a:lnTo>
                    <a:lnTo>
                      <a:pt x="68" y="28"/>
                    </a:lnTo>
                    <a:lnTo>
                      <a:pt x="70" y="28"/>
                    </a:lnTo>
                    <a:lnTo>
                      <a:pt x="72" y="26"/>
                    </a:lnTo>
                    <a:lnTo>
                      <a:pt x="74" y="26"/>
                    </a:lnTo>
                    <a:lnTo>
                      <a:pt x="74" y="24"/>
                    </a:lnTo>
                    <a:lnTo>
                      <a:pt x="75" y="24"/>
                    </a:lnTo>
                    <a:lnTo>
                      <a:pt x="77" y="21"/>
                    </a:lnTo>
                    <a:lnTo>
                      <a:pt x="79" y="21"/>
                    </a:lnTo>
                    <a:lnTo>
                      <a:pt x="79" y="19"/>
                    </a:lnTo>
                    <a:lnTo>
                      <a:pt x="81" y="17"/>
                    </a:lnTo>
                    <a:lnTo>
                      <a:pt x="81" y="15"/>
                    </a:lnTo>
                    <a:lnTo>
                      <a:pt x="83" y="11"/>
                    </a:lnTo>
                    <a:lnTo>
                      <a:pt x="85" y="11"/>
                    </a:lnTo>
                    <a:lnTo>
                      <a:pt x="85" y="9"/>
                    </a:lnTo>
                    <a:lnTo>
                      <a:pt x="85" y="8"/>
                    </a:lnTo>
                    <a:lnTo>
                      <a:pt x="83" y="8"/>
                    </a:lnTo>
                    <a:lnTo>
                      <a:pt x="83" y="9"/>
                    </a:lnTo>
                    <a:lnTo>
                      <a:pt x="81" y="9"/>
                    </a:lnTo>
                    <a:lnTo>
                      <a:pt x="81" y="8"/>
                    </a:lnTo>
                    <a:lnTo>
                      <a:pt x="83" y="8"/>
                    </a:lnTo>
                    <a:lnTo>
                      <a:pt x="83" y="6"/>
                    </a:lnTo>
                    <a:lnTo>
                      <a:pt x="83" y="4"/>
                    </a:lnTo>
                    <a:lnTo>
                      <a:pt x="85" y="2"/>
                    </a:lnTo>
                    <a:lnTo>
                      <a:pt x="85" y="0"/>
                    </a:lnTo>
                    <a:lnTo>
                      <a:pt x="86" y="0"/>
                    </a:lnTo>
                    <a:lnTo>
                      <a:pt x="90" y="2"/>
                    </a:lnTo>
                    <a:lnTo>
                      <a:pt x="88" y="2"/>
                    </a:lnTo>
                    <a:lnTo>
                      <a:pt x="88" y="4"/>
                    </a:lnTo>
                    <a:lnTo>
                      <a:pt x="88" y="6"/>
                    </a:lnTo>
                    <a:lnTo>
                      <a:pt x="90" y="6"/>
                    </a:lnTo>
                    <a:lnTo>
                      <a:pt x="92" y="6"/>
                    </a:lnTo>
                    <a:lnTo>
                      <a:pt x="92" y="8"/>
                    </a:lnTo>
                    <a:lnTo>
                      <a:pt x="96" y="9"/>
                    </a:lnTo>
                    <a:lnTo>
                      <a:pt x="96" y="11"/>
                    </a:lnTo>
                    <a:lnTo>
                      <a:pt x="96" y="13"/>
                    </a:lnTo>
                    <a:lnTo>
                      <a:pt x="96" y="15"/>
                    </a:lnTo>
                    <a:lnTo>
                      <a:pt x="98" y="15"/>
                    </a:lnTo>
                    <a:lnTo>
                      <a:pt x="98" y="17"/>
                    </a:lnTo>
                    <a:lnTo>
                      <a:pt x="99" y="17"/>
                    </a:lnTo>
                    <a:lnTo>
                      <a:pt x="99" y="19"/>
                    </a:lnTo>
                    <a:lnTo>
                      <a:pt x="101" y="19"/>
                    </a:lnTo>
                    <a:lnTo>
                      <a:pt x="99" y="19"/>
                    </a:lnTo>
                    <a:lnTo>
                      <a:pt x="99" y="21"/>
                    </a:lnTo>
                    <a:lnTo>
                      <a:pt x="99" y="22"/>
                    </a:lnTo>
                    <a:lnTo>
                      <a:pt x="99" y="24"/>
                    </a:lnTo>
                    <a:lnTo>
                      <a:pt x="98" y="24"/>
                    </a:lnTo>
                    <a:lnTo>
                      <a:pt x="98" y="26"/>
                    </a:lnTo>
                    <a:lnTo>
                      <a:pt x="99" y="28"/>
                    </a:lnTo>
                    <a:lnTo>
                      <a:pt x="99" y="26"/>
                    </a:lnTo>
                    <a:lnTo>
                      <a:pt x="101" y="26"/>
                    </a:lnTo>
                    <a:lnTo>
                      <a:pt x="101" y="24"/>
                    </a:lnTo>
                    <a:lnTo>
                      <a:pt x="101" y="26"/>
                    </a:lnTo>
                    <a:lnTo>
                      <a:pt x="103" y="26"/>
                    </a:lnTo>
                    <a:lnTo>
                      <a:pt x="103" y="24"/>
                    </a:lnTo>
                    <a:lnTo>
                      <a:pt x="105" y="24"/>
                    </a:lnTo>
                    <a:lnTo>
                      <a:pt x="107" y="26"/>
                    </a:lnTo>
                    <a:lnTo>
                      <a:pt x="109" y="26"/>
                    </a:lnTo>
                    <a:lnTo>
                      <a:pt x="109" y="28"/>
                    </a:lnTo>
                    <a:lnTo>
                      <a:pt x="111" y="30"/>
                    </a:lnTo>
                    <a:lnTo>
                      <a:pt x="111" y="32"/>
                    </a:lnTo>
                    <a:lnTo>
                      <a:pt x="112" y="32"/>
                    </a:lnTo>
                    <a:lnTo>
                      <a:pt x="112" y="34"/>
                    </a:lnTo>
                    <a:lnTo>
                      <a:pt x="114" y="34"/>
                    </a:lnTo>
                    <a:lnTo>
                      <a:pt x="116" y="35"/>
                    </a:lnTo>
                    <a:lnTo>
                      <a:pt x="118" y="35"/>
                    </a:lnTo>
                    <a:lnTo>
                      <a:pt x="118" y="37"/>
                    </a:lnTo>
                    <a:lnTo>
                      <a:pt x="120" y="37"/>
                    </a:lnTo>
                    <a:lnTo>
                      <a:pt x="122" y="37"/>
                    </a:lnTo>
                    <a:lnTo>
                      <a:pt x="122" y="39"/>
                    </a:lnTo>
                    <a:lnTo>
                      <a:pt x="123" y="39"/>
                    </a:lnTo>
                    <a:lnTo>
                      <a:pt x="123" y="41"/>
                    </a:lnTo>
                    <a:lnTo>
                      <a:pt x="123" y="43"/>
                    </a:lnTo>
                    <a:lnTo>
                      <a:pt x="122" y="45"/>
                    </a:lnTo>
                    <a:lnTo>
                      <a:pt x="129" y="48"/>
                    </a:lnTo>
                    <a:lnTo>
                      <a:pt x="131" y="52"/>
                    </a:lnTo>
                    <a:lnTo>
                      <a:pt x="125" y="59"/>
                    </a:lnTo>
                    <a:lnTo>
                      <a:pt x="120" y="69"/>
                    </a:lnTo>
                    <a:lnTo>
                      <a:pt x="118" y="72"/>
                    </a:lnTo>
                    <a:lnTo>
                      <a:pt x="114" y="78"/>
                    </a:lnTo>
                    <a:lnTo>
                      <a:pt x="109" y="85"/>
                    </a:lnTo>
                    <a:lnTo>
                      <a:pt x="109" y="87"/>
                    </a:lnTo>
                    <a:lnTo>
                      <a:pt x="107" y="89"/>
                    </a:lnTo>
                    <a:lnTo>
                      <a:pt x="109" y="89"/>
                    </a:lnTo>
                    <a:lnTo>
                      <a:pt x="109" y="91"/>
                    </a:lnTo>
                    <a:lnTo>
                      <a:pt x="109" y="93"/>
                    </a:lnTo>
                    <a:lnTo>
                      <a:pt x="107" y="95"/>
                    </a:lnTo>
                    <a:lnTo>
                      <a:pt x="109" y="95"/>
                    </a:lnTo>
                    <a:lnTo>
                      <a:pt x="111" y="95"/>
                    </a:lnTo>
                    <a:lnTo>
                      <a:pt x="111" y="96"/>
                    </a:lnTo>
                    <a:lnTo>
                      <a:pt x="111" y="98"/>
                    </a:lnTo>
                    <a:lnTo>
                      <a:pt x="109" y="100"/>
                    </a:lnTo>
                    <a:lnTo>
                      <a:pt x="107" y="100"/>
                    </a:lnTo>
                    <a:lnTo>
                      <a:pt x="107" y="102"/>
                    </a:lnTo>
                    <a:lnTo>
                      <a:pt x="103" y="100"/>
                    </a:lnTo>
                    <a:lnTo>
                      <a:pt x="103" y="104"/>
                    </a:lnTo>
                    <a:lnTo>
                      <a:pt x="99" y="102"/>
                    </a:lnTo>
                    <a:lnTo>
                      <a:pt x="98" y="100"/>
                    </a:lnTo>
                    <a:lnTo>
                      <a:pt x="96" y="100"/>
                    </a:lnTo>
                    <a:lnTo>
                      <a:pt x="92" y="100"/>
                    </a:lnTo>
                    <a:lnTo>
                      <a:pt x="88" y="100"/>
                    </a:lnTo>
                    <a:lnTo>
                      <a:pt x="83" y="96"/>
                    </a:lnTo>
                    <a:lnTo>
                      <a:pt x="81" y="96"/>
                    </a:lnTo>
                    <a:lnTo>
                      <a:pt x="77" y="95"/>
                    </a:lnTo>
                    <a:lnTo>
                      <a:pt x="77" y="93"/>
                    </a:lnTo>
                    <a:lnTo>
                      <a:pt x="75" y="93"/>
                    </a:lnTo>
                    <a:lnTo>
                      <a:pt x="72" y="89"/>
                    </a:lnTo>
                    <a:lnTo>
                      <a:pt x="70" y="87"/>
                    </a:lnTo>
                    <a:lnTo>
                      <a:pt x="68" y="85"/>
                    </a:lnTo>
                    <a:lnTo>
                      <a:pt x="66" y="85"/>
                    </a:lnTo>
                    <a:lnTo>
                      <a:pt x="64" y="85"/>
                    </a:lnTo>
                    <a:lnTo>
                      <a:pt x="64" y="83"/>
                    </a:lnTo>
                    <a:lnTo>
                      <a:pt x="62" y="83"/>
                    </a:lnTo>
                    <a:lnTo>
                      <a:pt x="62" y="82"/>
                    </a:lnTo>
                    <a:lnTo>
                      <a:pt x="61" y="82"/>
                    </a:lnTo>
                    <a:lnTo>
                      <a:pt x="59" y="82"/>
                    </a:lnTo>
                    <a:lnTo>
                      <a:pt x="55" y="82"/>
                    </a:lnTo>
                    <a:lnTo>
                      <a:pt x="51" y="82"/>
                    </a:lnTo>
                    <a:lnTo>
                      <a:pt x="50" y="82"/>
                    </a:lnTo>
                    <a:lnTo>
                      <a:pt x="46" y="83"/>
                    </a:lnTo>
                    <a:lnTo>
                      <a:pt x="40" y="85"/>
                    </a:lnTo>
                    <a:lnTo>
                      <a:pt x="40" y="87"/>
                    </a:lnTo>
                    <a:lnTo>
                      <a:pt x="38" y="87"/>
                    </a:lnTo>
                    <a:lnTo>
                      <a:pt x="38" y="89"/>
                    </a:lnTo>
                    <a:lnTo>
                      <a:pt x="37" y="89"/>
                    </a:lnTo>
                    <a:lnTo>
                      <a:pt x="37" y="91"/>
                    </a:lnTo>
                    <a:lnTo>
                      <a:pt x="35" y="91"/>
                    </a:lnTo>
                    <a:lnTo>
                      <a:pt x="35" y="93"/>
                    </a:lnTo>
                    <a:lnTo>
                      <a:pt x="33" y="95"/>
                    </a:lnTo>
                    <a:lnTo>
                      <a:pt x="31" y="96"/>
                    </a:lnTo>
                    <a:lnTo>
                      <a:pt x="29" y="96"/>
                    </a:lnTo>
                    <a:lnTo>
                      <a:pt x="27" y="98"/>
                    </a:lnTo>
                    <a:lnTo>
                      <a:pt x="25" y="98"/>
                    </a:lnTo>
                    <a:lnTo>
                      <a:pt x="24" y="98"/>
                    </a:lnTo>
                    <a:lnTo>
                      <a:pt x="22" y="96"/>
                    </a:lnTo>
                    <a:lnTo>
                      <a:pt x="22" y="98"/>
                    </a:lnTo>
                    <a:lnTo>
                      <a:pt x="20" y="98"/>
                    </a:lnTo>
                    <a:lnTo>
                      <a:pt x="18" y="98"/>
                    </a:lnTo>
                    <a:lnTo>
                      <a:pt x="18" y="100"/>
                    </a:lnTo>
                    <a:lnTo>
                      <a:pt x="18" y="98"/>
                    </a:lnTo>
                    <a:lnTo>
                      <a:pt x="16" y="98"/>
                    </a:lnTo>
                    <a:lnTo>
                      <a:pt x="14" y="100"/>
                    </a:lnTo>
                    <a:lnTo>
                      <a:pt x="14" y="98"/>
                    </a:lnTo>
                    <a:lnTo>
                      <a:pt x="13" y="100"/>
                    </a:lnTo>
                    <a:lnTo>
                      <a:pt x="11" y="100"/>
                    </a:lnTo>
                    <a:lnTo>
                      <a:pt x="11" y="98"/>
                    </a:lnTo>
                    <a:lnTo>
                      <a:pt x="11" y="100"/>
                    </a:lnTo>
                    <a:lnTo>
                      <a:pt x="9" y="100"/>
                    </a:lnTo>
                    <a:lnTo>
                      <a:pt x="7" y="100"/>
                    </a:lnTo>
                    <a:lnTo>
                      <a:pt x="5" y="100"/>
                    </a:lnTo>
                    <a:lnTo>
                      <a:pt x="5" y="98"/>
                    </a:lnTo>
                    <a:lnTo>
                      <a:pt x="3" y="98"/>
                    </a:lnTo>
                    <a:lnTo>
                      <a:pt x="3" y="96"/>
                    </a:lnTo>
                    <a:lnTo>
                      <a:pt x="1" y="96"/>
                    </a:lnTo>
                    <a:lnTo>
                      <a:pt x="0" y="96"/>
                    </a:lnTo>
                    <a:lnTo>
                      <a:pt x="0" y="95"/>
                    </a:lnTo>
                    <a:lnTo>
                      <a:pt x="0" y="93"/>
                    </a:lnTo>
                    <a:lnTo>
                      <a:pt x="1" y="93"/>
                    </a:lnTo>
                    <a:lnTo>
                      <a:pt x="1" y="91"/>
                    </a:lnTo>
                    <a:lnTo>
                      <a:pt x="3" y="89"/>
                    </a:lnTo>
                    <a:lnTo>
                      <a:pt x="3" y="87"/>
                    </a:lnTo>
                    <a:lnTo>
                      <a:pt x="5" y="87"/>
                    </a:lnTo>
                    <a:lnTo>
                      <a:pt x="3" y="85"/>
                    </a:lnTo>
                    <a:lnTo>
                      <a:pt x="5" y="85"/>
                    </a:lnTo>
                    <a:lnTo>
                      <a:pt x="5" y="83"/>
                    </a:lnTo>
                    <a:lnTo>
                      <a:pt x="7" y="82"/>
                    </a:lnTo>
                    <a:lnTo>
                      <a:pt x="7" y="80"/>
                    </a:lnTo>
                    <a:lnTo>
                      <a:pt x="9" y="80"/>
                    </a:lnTo>
                    <a:lnTo>
                      <a:pt x="9" y="82"/>
                    </a:lnTo>
                    <a:lnTo>
                      <a:pt x="9" y="80"/>
                    </a:lnTo>
                    <a:lnTo>
                      <a:pt x="11" y="78"/>
                    </a:lnTo>
                    <a:lnTo>
                      <a:pt x="11" y="80"/>
                    </a:lnTo>
                    <a:lnTo>
                      <a:pt x="11" y="82"/>
                    </a:lnTo>
                    <a:lnTo>
                      <a:pt x="13" y="82"/>
                    </a:lnTo>
                    <a:lnTo>
                      <a:pt x="13" y="83"/>
                    </a:lnTo>
                    <a:lnTo>
                      <a:pt x="14" y="83"/>
                    </a:lnTo>
                    <a:lnTo>
                      <a:pt x="14" y="82"/>
                    </a:lnTo>
                    <a:lnTo>
                      <a:pt x="16" y="82"/>
                    </a:lnTo>
                    <a:lnTo>
                      <a:pt x="18" y="82"/>
                    </a:lnTo>
                    <a:lnTo>
                      <a:pt x="18" y="80"/>
                    </a:lnTo>
                    <a:lnTo>
                      <a:pt x="20" y="80"/>
                    </a:lnTo>
                    <a:lnTo>
                      <a:pt x="20" y="78"/>
                    </a:lnTo>
                    <a:lnTo>
                      <a:pt x="22" y="78"/>
                    </a:lnTo>
                    <a:lnTo>
                      <a:pt x="24" y="80"/>
                    </a:lnTo>
                    <a:lnTo>
                      <a:pt x="24" y="82"/>
                    </a:lnTo>
                    <a:lnTo>
                      <a:pt x="24" y="80"/>
                    </a:lnTo>
                    <a:lnTo>
                      <a:pt x="25" y="80"/>
                    </a:lnTo>
                    <a:lnTo>
                      <a:pt x="27" y="80"/>
                    </a:lnTo>
                    <a:lnTo>
                      <a:pt x="27" y="78"/>
                    </a:lnTo>
                    <a:lnTo>
                      <a:pt x="29" y="78"/>
                    </a:lnTo>
                    <a:lnTo>
                      <a:pt x="31" y="78"/>
                    </a:lnTo>
                    <a:lnTo>
                      <a:pt x="31" y="76"/>
                    </a:lnTo>
                    <a:lnTo>
                      <a:pt x="33" y="76"/>
                    </a:lnTo>
                    <a:lnTo>
                      <a:pt x="35" y="76"/>
                    </a:lnTo>
                    <a:close/>
                  </a:path>
                </a:pathLst>
              </a:custGeom>
              <a:solidFill>
                <a:srgbClr val="FFFF99">
                  <a:alpha val="5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78" name="Freeform 217"/>
              <p:cNvSpPr>
                <a:spLocks/>
              </p:cNvSpPr>
              <p:nvPr/>
            </p:nvSpPr>
            <p:spPr bwMode="auto">
              <a:xfrm>
                <a:off x="2825750" y="3649662"/>
                <a:ext cx="85725" cy="109538"/>
              </a:xfrm>
              <a:custGeom>
                <a:avLst/>
                <a:gdLst>
                  <a:gd name="T0" fmla="*/ 2 w 54"/>
                  <a:gd name="T1" fmla="*/ 37 h 69"/>
                  <a:gd name="T2" fmla="*/ 2 w 54"/>
                  <a:gd name="T3" fmla="*/ 37 h 69"/>
                  <a:gd name="T4" fmla="*/ 2 w 54"/>
                  <a:gd name="T5" fmla="*/ 37 h 69"/>
                  <a:gd name="T6" fmla="*/ 2 w 54"/>
                  <a:gd name="T7" fmla="*/ 35 h 69"/>
                  <a:gd name="T8" fmla="*/ 2 w 54"/>
                  <a:gd name="T9" fmla="*/ 35 h 69"/>
                  <a:gd name="T10" fmla="*/ 2 w 54"/>
                  <a:gd name="T11" fmla="*/ 35 h 69"/>
                  <a:gd name="T12" fmla="*/ 2 w 54"/>
                  <a:gd name="T13" fmla="*/ 35 h 69"/>
                  <a:gd name="T14" fmla="*/ 4 w 54"/>
                  <a:gd name="T15" fmla="*/ 34 h 69"/>
                  <a:gd name="T16" fmla="*/ 4 w 54"/>
                  <a:gd name="T17" fmla="*/ 34 h 69"/>
                  <a:gd name="T18" fmla="*/ 4 w 54"/>
                  <a:gd name="T19" fmla="*/ 34 h 69"/>
                  <a:gd name="T20" fmla="*/ 4 w 54"/>
                  <a:gd name="T21" fmla="*/ 34 h 69"/>
                  <a:gd name="T22" fmla="*/ 4 w 54"/>
                  <a:gd name="T23" fmla="*/ 34 h 69"/>
                  <a:gd name="T24" fmla="*/ 4 w 54"/>
                  <a:gd name="T25" fmla="*/ 34 h 69"/>
                  <a:gd name="T26" fmla="*/ 4 w 54"/>
                  <a:gd name="T27" fmla="*/ 34 h 69"/>
                  <a:gd name="T28" fmla="*/ 4 w 54"/>
                  <a:gd name="T29" fmla="*/ 32 h 69"/>
                  <a:gd name="T30" fmla="*/ 4 w 54"/>
                  <a:gd name="T31" fmla="*/ 32 h 69"/>
                  <a:gd name="T32" fmla="*/ 4 w 54"/>
                  <a:gd name="T33" fmla="*/ 32 h 69"/>
                  <a:gd name="T34" fmla="*/ 4 w 54"/>
                  <a:gd name="T35" fmla="*/ 32 h 69"/>
                  <a:gd name="T36" fmla="*/ 4 w 54"/>
                  <a:gd name="T37" fmla="*/ 32 h 69"/>
                  <a:gd name="T38" fmla="*/ 6 w 54"/>
                  <a:gd name="T39" fmla="*/ 30 h 69"/>
                  <a:gd name="T40" fmla="*/ 6 w 54"/>
                  <a:gd name="T41" fmla="*/ 30 h 69"/>
                  <a:gd name="T42" fmla="*/ 6 w 54"/>
                  <a:gd name="T43" fmla="*/ 30 h 69"/>
                  <a:gd name="T44" fmla="*/ 8 w 54"/>
                  <a:gd name="T45" fmla="*/ 30 h 69"/>
                  <a:gd name="T46" fmla="*/ 11 w 54"/>
                  <a:gd name="T47" fmla="*/ 28 h 69"/>
                  <a:gd name="T48" fmla="*/ 15 w 54"/>
                  <a:gd name="T49" fmla="*/ 28 h 69"/>
                  <a:gd name="T50" fmla="*/ 15 w 54"/>
                  <a:gd name="T51" fmla="*/ 28 h 69"/>
                  <a:gd name="T52" fmla="*/ 15 w 54"/>
                  <a:gd name="T53" fmla="*/ 26 h 69"/>
                  <a:gd name="T54" fmla="*/ 15 w 54"/>
                  <a:gd name="T55" fmla="*/ 24 h 69"/>
                  <a:gd name="T56" fmla="*/ 26 w 54"/>
                  <a:gd name="T57" fmla="*/ 15 h 69"/>
                  <a:gd name="T58" fmla="*/ 30 w 54"/>
                  <a:gd name="T59" fmla="*/ 11 h 69"/>
                  <a:gd name="T60" fmla="*/ 32 w 54"/>
                  <a:gd name="T61" fmla="*/ 6 h 69"/>
                  <a:gd name="T62" fmla="*/ 43 w 54"/>
                  <a:gd name="T63" fmla="*/ 0 h 69"/>
                  <a:gd name="T64" fmla="*/ 50 w 54"/>
                  <a:gd name="T65" fmla="*/ 6 h 69"/>
                  <a:gd name="T66" fmla="*/ 52 w 54"/>
                  <a:gd name="T67" fmla="*/ 8 h 69"/>
                  <a:gd name="T68" fmla="*/ 52 w 54"/>
                  <a:gd name="T69" fmla="*/ 8 h 69"/>
                  <a:gd name="T70" fmla="*/ 52 w 54"/>
                  <a:gd name="T71" fmla="*/ 8 h 69"/>
                  <a:gd name="T72" fmla="*/ 52 w 54"/>
                  <a:gd name="T73" fmla="*/ 10 h 69"/>
                  <a:gd name="T74" fmla="*/ 52 w 54"/>
                  <a:gd name="T75" fmla="*/ 10 h 69"/>
                  <a:gd name="T76" fmla="*/ 50 w 54"/>
                  <a:gd name="T77" fmla="*/ 11 h 69"/>
                  <a:gd name="T78" fmla="*/ 50 w 54"/>
                  <a:gd name="T79" fmla="*/ 11 h 69"/>
                  <a:gd name="T80" fmla="*/ 50 w 54"/>
                  <a:gd name="T81" fmla="*/ 19 h 69"/>
                  <a:gd name="T82" fmla="*/ 50 w 54"/>
                  <a:gd name="T83" fmla="*/ 30 h 69"/>
                  <a:gd name="T84" fmla="*/ 48 w 54"/>
                  <a:gd name="T85" fmla="*/ 34 h 69"/>
                  <a:gd name="T86" fmla="*/ 48 w 54"/>
                  <a:gd name="T87" fmla="*/ 35 h 69"/>
                  <a:gd name="T88" fmla="*/ 48 w 54"/>
                  <a:gd name="T89" fmla="*/ 37 h 69"/>
                  <a:gd name="T90" fmla="*/ 46 w 54"/>
                  <a:gd name="T91" fmla="*/ 39 h 69"/>
                  <a:gd name="T92" fmla="*/ 45 w 54"/>
                  <a:gd name="T93" fmla="*/ 41 h 69"/>
                  <a:gd name="T94" fmla="*/ 43 w 54"/>
                  <a:gd name="T95" fmla="*/ 43 h 69"/>
                  <a:gd name="T96" fmla="*/ 41 w 54"/>
                  <a:gd name="T97" fmla="*/ 43 h 69"/>
                  <a:gd name="T98" fmla="*/ 39 w 54"/>
                  <a:gd name="T99" fmla="*/ 45 h 69"/>
                  <a:gd name="T100" fmla="*/ 39 w 54"/>
                  <a:gd name="T101" fmla="*/ 47 h 69"/>
                  <a:gd name="T102" fmla="*/ 39 w 54"/>
                  <a:gd name="T103" fmla="*/ 48 h 69"/>
                  <a:gd name="T104" fmla="*/ 39 w 54"/>
                  <a:gd name="T105" fmla="*/ 50 h 69"/>
                  <a:gd name="T106" fmla="*/ 32 w 54"/>
                  <a:gd name="T107" fmla="*/ 63 h 69"/>
                  <a:gd name="T108" fmla="*/ 19 w 54"/>
                  <a:gd name="T109" fmla="*/ 67 h 69"/>
                  <a:gd name="T110" fmla="*/ 17 w 54"/>
                  <a:gd name="T111" fmla="*/ 63 h 69"/>
                  <a:gd name="T112" fmla="*/ 15 w 54"/>
                  <a:gd name="T113" fmla="*/ 60 h 69"/>
                  <a:gd name="T114" fmla="*/ 15 w 54"/>
                  <a:gd name="T115" fmla="*/ 52 h 69"/>
                  <a:gd name="T116" fmla="*/ 9 w 54"/>
                  <a:gd name="T117" fmla="*/ 48 h 69"/>
                  <a:gd name="T118" fmla="*/ 2 w 54"/>
                  <a:gd name="T119" fmla="*/ 4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4" h="69">
                    <a:moveTo>
                      <a:pt x="0" y="39"/>
                    </a:moveTo>
                    <a:lnTo>
                      <a:pt x="2" y="37"/>
                    </a:lnTo>
                    <a:lnTo>
                      <a:pt x="2" y="37"/>
                    </a:lnTo>
                    <a:lnTo>
                      <a:pt x="2" y="37"/>
                    </a:lnTo>
                    <a:lnTo>
                      <a:pt x="2" y="37"/>
                    </a:lnTo>
                    <a:lnTo>
                      <a:pt x="2" y="37"/>
                    </a:lnTo>
                    <a:lnTo>
                      <a:pt x="2" y="37"/>
                    </a:lnTo>
                    <a:lnTo>
                      <a:pt x="2" y="37"/>
                    </a:lnTo>
                    <a:lnTo>
                      <a:pt x="2" y="37"/>
                    </a:lnTo>
                    <a:lnTo>
                      <a:pt x="2" y="37"/>
                    </a:lnTo>
                    <a:lnTo>
                      <a:pt x="2" y="37"/>
                    </a:lnTo>
                    <a:lnTo>
                      <a:pt x="2" y="37"/>
                    </a:lnTo>
                    <a:lnTo>
                      <a:pt x="2" y="37"/>
                    </a:lnTo>
                    <a:lnTo>
                      <a:pt x="2" y="37"/>
                    </a:lnTo>
                    <a:lnTo>
                      <a:pt x="2" y="37"/>
                    </a:lnTo>
                    <a:lnTo>
                      <a:pt x="2" y="37"/>
                    </a:lnTo>
                    <a:lnTo>
                      <a:pt x="2" y="37"/>
                    </a:lnTo>
                    <a:lnTo>
                      <a:pt x="2" y="35"/>
                    </a:lnTo>
                    <a:lnTo>
                      <a:pt x="2" y="35"/>
                    </a:lnTo>
                    <a:lnTo>
                      <a:pt x="2" y="35"/>
                    </a:lnTo>
                    <a:lnTo>
                      <a:pt x="2" y="35"/>
                    </a:lnTo>
                    <a:lnTo>
                      <a:pt x="2" y="35"/>
                    </a:lnTo>
                    <a:lnTo>
                      <a:pt x="2" y="35"/>
                    </a:lnTo>
                    <a:lnTo>
                      <a:pt x="2" y="35"/>
                    </a:lnTo>
                    <a:lnTo>
                      <a:pt x="2" y="35"/>
                    </a:lnTo>
                    <a:lnTo>
                      <a:pt x="2" y="35"/>
                    </a:lnTo>
                    <a:lnTo>
                      <a:pt x="2" y="35"/>
                    </a:lnTo>
                    <a:lnTo>
                      <a:pt x="2" y="35"/>
                    </a:lnTo>
                    <a:lnTo>
                      <a:pt x="2" y="35"/>
                    </a:lnTo>
                    <a:lnTo>
                      <a:pt x="2" y="35"/>
                    </a:lnTo>
                    <a:lnTo>
                      <a:pt x="2" y="35"/>
                    </a:lnTo>
                    <a:lnTo>
                      <a:pt x="2" y="35"/>
                    </a:lnTo>
                    <a:lnTo>
                      <a:pt x="2" y="35"/>
                    </a:lnTo>
                    <a:lnTo>
                      <a:pt x="2" y="35"/>
                    </a:lnTo>
                    <a:lnTo>
                      <a:pt x="2" y="35"/>
                    </a:lnTo>
                    <a:lnTo>
                      <a:pt x="4" y="35"/>
                    </a:lnTo>
                    <a:lnTo>
                      <a:pt x="4" y="35"/>
                    </a:lnTo>
                    <a:lnTo>
                      <a:pt x="4" y="35"/>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4"/>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4" y="32"/>
                    </a:lnTo>
                    <a:lnTo>
                      <a:pt x="6" y="32"/>
                    </a:lnTo>
                    <a:lnTo>
                      <a:pt x="6" y="32"/>
                    </a:lnTo>
                    <a:lnTo>
                      <a:pt x="6" y="32"/>
                    </a:lnTo>
                    <a:lnTo>
                      <a:pt x="6" y="32"/>
                    </a:lnTo>
                    <a:lnTo>
                      <a:pt x="6" y="30"/>
                    </a:lnTo>
                    <a:lnTo>
                      <a:pt x="6" y="30"/>
                    </a:lnTo>
                    <a:lnTo>
                      <a:pt x="6" y="30"/>
                    </a:lnTo>
                    <a:lnTo>
                      <a:pt x="6" y="30"/>
                    </a:lnTo>
                    <a:lnTo>
                      <a:pt x="6" y="30"/>
                    </a:lnTo>
                    <a:lnTo>
                      <a:pt x="6" y="30"/>
                    </a:lnTo>
                    <a:lnTo>
                      <a:pt x="6" y="30"/>
                    </a:lnTo>
                    <a:lnTo>
                      <a:pt x="6" y="30"/>
                    </a:lnTo>
                    <a:lnTo>
                      <a:pt x="6" y="30"/>
                    </a:lnTo>
                    <a:lnTo>
                      <a:pt x="6" y="30"/>
                    </a:lnTo>
                    <a:lnTo>
                      <a:pt x="6" y="30"/>
                    </a:lnTo>
                    <a:lnTo>
                      <a:pt x="6" y="30"/>
                    </a:lnTo>
                    <a:lnTo>
                      <a:pt x="6" y="30"/>
                    </a:lnTo>
                    <a:lnTo>
                      <a:pt x="6" y="30"/>
                    </a:lnTo>
                    <a:lnTo>
                      <a:pt x="8" y="30"/>
                    </a:lnTo>
                    <a:lnTo>
                      <a:pt x="8" y="30"/>
                    </a:lnTo>
                    <a:lnTo>
                      <a:pt x="8" y="28"/>
                    </a:lnTo>
                    <a:lnTo>
                      <a:pt x="8" y="28"/>
                    </a:lnTo>
                    <a:lnTo>
                      <a:pt x="9" y="28"/>
                    </a:lnTo>
                    <a:lnTo>
                      <a:pt x="9" y="28"/>
                    </a:lnTo>
                    <a:lnTo>
                      <a:pt x="11" y="28"/>
                    </a:lnTo>
                    <a:lnTo>
                      <a:pt x="11" y="28"/>
                    </a:lnTo>
                    <a:lnTo>
                      <a:pt x="13" y="28"/>
                    </a:lnTo>
                    <a:lnTo>
                      <a:pt x="13" y="28"/>
                    </a:lnTo>
                    <a:lnTo>
                      <a:pt x="13" y="28"/>
                    </a:lnTo>
                    <a:lnTo>
                      <a:pt x="15" y="28"/>
                    </a:lnTo>
                    <a:lnTo>
                      <a:pt x="15" y="28"/>
                    </a:lnTo>
                    <a:lnTo>
                      <a:pt x="15" y="28"/>
                    </a:lnTo>
                    <a:lnTo>
                      <a:pt x="15" y="28"/>
                    </a:lnTo>
                    <a:lnTo>
                      <a:pt x="15" y="28"/>
                    </a:lnTo>
                    <a:lnTo>
                      <a:pt x="15" y="28"/>
                    </a:lnTo>
                    <a:lnTo>
                      <a:pt x="15" y="26"/>
                    </a:lnTo>
                    <a:lnTo>
                      <a:pt x="15" y="26"/>
                    </a:lnTo>
                    <a:lnTo>
                      <a:pt x="15" y="26"/>
                    </a:lnTo>
                    <a:lnTo>
                      <a:pt x="15" y="26"/>
                    </a:lnTo>
                    <a:lnTo>
                      <a:pt x="15" y="26"/>
                    </a:lnTo>
                    <a:lnTo>
                      <a:pt x="15" y="26"/>
                    </a:lnTo>
                    <a:lnTo>
                      <a:pt x="15" y="24"/>
                    </a:lnTo>
                    <a:lnTo>
                      <a:pt x="15" y="24"/>
                    </a:lnTo>
                    <a:lnTo>
                      <a:pt x="15" y="24"/>
                    </a:lnTo>
                    <a:lnTo>
                      <a:pt x="15" y="24"/>
                    </a:lnTo>
                    <a:lnTo>
                      <a:pt x="24" y="17"/>
                    </a:lnTo>
                    <a:lnTo>
                      <a:pt x="24" y="17"/>
                    </a:lnTo>
                    <a:lnTo>
                      <a:pt x="24" y="17"/>
                    </a:lnTo>
                    <a:lnTo>
                      <a:pt x="26" y="15"/>
                    </a:lnTo>
                    <a:lnTo>
                      <a:pt x="26" y="15"/>
                    </a:lnTo>
                    <a:lnTo>
                      <a:pt x="28" y="15"/>
                    </a:lnTo>
                    <a:lnTo>
                      <a:pt x="28" y="13"/>
                    </a:lnTo>
                    <a:lnTo>
                      <a:pt x="28" y="13"/>
                    </a:lnTo>
                    <a:lnTo>
                      <a:pt x="30" y="11"/>
                    </a:lnTo>
                    <a:lnTo>
                      <a:pt x="30" y="11"/>
                    </a:lnTo>
                    <a:lnTo>
                      <a:pt x="30" y="11"/>
                    </a:lnTo>
                    <a:lnTo>
                      <a:pt x="30" y="11"/>
                    </a:lnTo>
                    <a:lnTo>
                      <a:pt x="30" y="8"/>
                    </a:lnTo>
                    <a:lnTo>
                      <a:pt x="30" y="8"/>
                    </a:lnTo>
                    <a:lnTo>
                      <a:pt x="32" y="6"/>
                    </a:lnTo>
                    <a:lnTo>
                      <a:pt x="35" y="0"/>
                    </a:lnTo>
                    <a:lnTo>
                      <a:pt x="39" y="4"/>
                    </a:lnTo>
                    <a:lnTo>
                      <a:pt x="43" y="2"/>
                    </a:lnTo>
                    <a:lnTo>
                      <a:pt x="43" y="2"/>
                    </a:lnTo>
                    <a:lnTo>
                      <a:pt x="43" y="0"/>
                    </a:lnTo>
                    <a:lnTo>
                      <a:pt x="43" y="0"/>
                    </a:lnTo>
                    <a:lnTo>
                      <a:pt x="48" y="4"/>
                    </a:lnTo>
                    <a:lnTo>
                      <a:pt x="48" y="6"/>
                    </a:lnTo>
                    <a:lnTo>
                      <a:pt x="50" y="6"/>
                    </a:lnTo>
                    <a:lnTo>
                      <a:pt x="50" y="6"/>
                    </a:lnTo>
                    <a:lnTo>
                      <a:pt x="52" y="8"/>
                    </a:lnTo>
                    <a:lnTo>
                      <a:pt x="54" y="8"/>
                    </a:lnTo>
                    <a:lnTo>
                      <a:pt x="54" y="8"/>
                    </a:lnTo>
                    <a:lnTo>
                      <a:pt x="54" y="8"/>
                    </a:lnTo>
                    <a:lnTo>
                      <a:pt x="52" y="8"/>
                    </a:lnTo>
                    <a:lnTo>
                      <a:pt x="52" y="8"/>
                    </a:lnTo>
                    <a:lnTo>
                      <a:pt x="52" y="8"/>
                    </a:lnTo>
                    <a:lnTo>
                      <a:pt x="52" y="8"/>
                    </a:lnTo>
                    <a:lnTo>
                      <a:pt x="52" y="8"/>
                    </a:lnTo>
                    <a:lnTo>
                      <a:pt x="52" y="8"/>
                    </a:lnTo>
                    <a:lnTo>
                      <a:pt x="52" y="8"/>
                    </a:lnTo>
                    <a:lnTo>
                      <a:pt x="52" y="8"/>
                    </a:lnTo>
                    <a:lnTo>
                      <a:pt x="52" y="8"/>
                    </a:lnTo>
                    <a:lnTo>
                      <a:pt x="52" y="8"/>
                    </a:lnTo>
                    <a:lnTo>
                      <a:pt x="52" y="8"/>
                    </a:lnTo>
                    <a:lnTo>
                      <a:pt x="52" y="8"/>
                    </a:lnTo>
                    <a:lnTo>
                      <a:pt x="52" y="10"/>
                    </a:lnTo>
                    <a:lnTo>
                      <a:pt x="52" y="10"/>
                    </a:lnTo>
                    <a:lnTo>
                      <a:pt x="52" y="10"/>
                    </a:lnTo>
                    <a:lnTo>
                      <a:pt x="52" y="10"/>
                    </a:lnTo>
                    <a:lnTo>
                      <a:pt x="52" y="10"/>
                    </a:lnTo>
                    <a:lnTo>
                      <a:pt x="52" y="10"/>
                    </a:lnTo>
                    <a:lnTo>
                      <a:pt x="52" y="10"/>
                    </a:lnTo>
                    <a:lnTo>
                      <a:pt x="52" y="10"/>
                    </a:lnTo>
                    <a:lnTo>
                      <a:pt x="52" y="10"/>
                    </a:lnTo>
                    <a:lnTo>
                      <a:pt x="52" y="10"/>
                    </a:lnTo>
                    <a:lnTo>
                      <a:pt x="52" y="10"/>
                    </a:lnTo>
                    <a:lnTo>
                      <a:pt x="52" y="11"/>
                    </a:lnTo>
                    <a:lnTo>
                      <a:pt x="50" y="11"/>
                    </a:lnTo>
                    <a:lnTo>
                      <a:pt x="50" y="11"/>
                    </a:lnTo>
                    <a:lnTo>
                      <a:pt x="50" y="11"/>
                    </a:lnTo>
                    <a:lnTo>
                      <a:pt x="50" y="11"/>
                    </a:lnTo>
                    <a:lnTo>
                      <a:pt x="50" y="11"/>
                    </a:lnTo>
                    <a:lnTo>
                      <a:pt x="50" y="11"/>
                    </a:lnTo>
                    <a:lnTo>
                      <a:pt x="50" y="11"/>
                    </a:lnTo>
                    <a:lnTo>
                      <a:pt x="52" y="11"/>
                    </a:lnTo>
                    <a:lnTo>
                      <a:pt x="50" y="15"/>
                    </a:lnTo>
                    <a:lnTo>
                      <a:pt x="50" y="15"/>
                    </a:lnTo>
                    <a:lnTo>
                      <a:pt x="50" y="17"/>
                    </a:lnTo>
                    <a:lnTo>
                      <a:pt x="50" y="19"/>
                    </a:lnTo>
                    <a:lnTo>
                      <a:pt x="50" y="21"/>
                    </a:lnTo>
                    <a:lnTo>
                      <a:pt x="50" y="21"/>
                    </a:lnTo>
                    <a:lnTo>
                      <a:pt x="50" y="26"/>
                    </a:lnTo>
                    <a:lnTo>
                      <a:pt x="50" y="28"/>
                    </a:lnTo>
                    <a:lnTo>
                      <a:pt x="50" y="30"/>
                    </a:lnTo>
                    <a:lnTo>
                      <a:pt x="48" y="32"/>
                    </a:lnTo>
                    <a:lnTo>
                      <a:pt x="50" y="32"/>
                    </a:lnTo>
                    <a:lnTo>
                      <a:pt x="50" y="32"/>
                    </a:lnTo>
                    <a:lnTo>
                      <a:pt x="50" y="34"/>
                    </a:lnTo>
                    <a:lnTo>
                      <a:pt x="48" y="34"/>
                    </a:lnTo>
                    <a:lnTo>
                      <a:pt x="48" y="34"/>
                    </a:lnTo>
                    <a:lnTo>
                      <a:pt x="48" y="35"/>
                    </a:lnTo>
                    <a:lnTo>
                      <a:pt x="48" y="35"/>
                    </a:lnTo>
                    <a:lnTo>
                      <a:pt x="48" y="35"/>
                    </a:lnTo>
                    <a:lnTo>
                      <a:pt x="48" y="35"/>
                    </a:lnTo>
                    <a:lnTo>
                      <a:pt x="48" y="35"/>
                    </a:lnTo>
                    <a:lnTo>
                      <a:pt x="48" y="37"/>
                    </a:lnTo>
                    <a:lnTo>
                      <a:pt x="48" y="37"/>
                    </a:lnTo>
                    <a:lnTo>
                      <a:pt x="48" y="37"/>
                    </a:lnTo>
                    <a:lnTo>
                      <a:pt x="48" y="37"/>
                    </a:lnTo>
                    <a:lnTo>
                      <a:pt x="46" y="37"/>
                    </a:lnTo>
                    <a:lnTo>
                      <a:pt x="46" y="39"/>
                    </a:lnTo>
                    <a:lnTo>
                      <a:pt x="46" y="39"/>
                    </a:lnTo>
                    <a:lnTo>
                      <a:pt x="46" y="39"/>
                    </a:lnTo>
                    <a:lnTo>
                      <a:pt x="46" y="39"/>
                    </a:lnTo>
                    <a:lnTo>
                      <a:pt x="46" y="39"/>
                    </a:lnTo>
                    <a:lnTo>
                      <a:pt x="45" y="39"/>
                    </a:lnTo>
                    <a:lnTo>
                      <a:pt x="45" y="39"/>
                    </a:lnTo>
                    <a:lnTo>
                      <a:pt x="45" y="39"/>
                    </a:lnTo>
                    <a:lnTo>
                      <a:pt x="45" y="41"/>
                    </a:lnTo>
                    <a:lnTo>
                      <a:pt x="43" y="41"/>
                    </a:lnTo>
                    <a:lnTo>
                      <a:pt x="43" y="41"/>
                    </a:lnTo>
                    <a:lnTo>
                      <a:pt x="43" y="41"/>
                    </a:lnTo>
                    <a:lnTo>
                      <a:pt x="43" y="41"/>
                    </a:lnTo>
                    <a:lnTo>
                      <a:pt x="43" y="43"/>
                    </a:lnTo>
                    <a:lnTo>
                      <a:pt x="43" y="43"/>
                    </a:lnTo>
                    <a:lnTo>
                      <a:pt x="41" y="43"/>
                    </a:lnTo>
                    <a:lnTo>
                      <a:pt x="41" y="43"/>
                    </a:lnTo>
                    <a:lnTo>
                      <a:pt x="41" y="43"/>
                    </a:lnTo>
                    <a:lnTo>
                      <a:pt x="41" y="43"/>
                    </a:lnTo>
                    <a:lnTo>
                      <a:pt x="41" y="43"/>
                    </a:lnTo>
                    <a:lnTo>
                      <a:pt x="41" y="45"/>
                    </a:lnTo>
                    <a:lnTo>
                      <a:pt x="41" y="45"/>
                    </a:lnTo>
                    <a:lnTo>
                      <a:pt x="41" y="45"/>
                    </a:lnTo>
                    <a:lnTo>
                      <a:pt x="39" y="45"/>
                    </a:lnTo>
                    <a:lnTo>
                      <a:pt x="39" y="45"/>
                    </a:lnTo>
                    <a:lnTo>
                      <a:pt x="39" y="47"/>
                    </a:lnTo>
                    <a:lnTo>
                      <a:pt x="39" y="47"/>
                    </a:lnTo>
                    <a:lnTo>
                      <a:pt x="39" y="47"/>
                    </a:lnTo>
                    <a:lnTo>
                      <a:pt x="39" y="47"/>
                    </a:lnTo>
                    <a:lnTo>
                      <a:pt x="41" y="47"/>
                    </a:lnTo>
                    <a:lnTo>
                      <a:pt x="41" y="48"/>
                    </a:lnTo>
                    <a:lnTo>
                      <a:pt x="41" y="48"/>
                    </a:lnTo>
                    <a:lnTo>
                      <a:pt x="41" y="48"/>
                    </a:lnTo>
                    <a:lnTo>
                      <a:pt x="39" y="48"/>
                    </a:lnTo>
                    <a:lnTo>
                      <a:pt x="39" y="48"/>
                    </a:lnTo>
                    <a:lnTo>
                      <a:pt x="39" y="50"/>
                    </a:lnTo>
                    <a:lnTo>
                      <a:pt x="39" y="50"/>
                    </a:lnTo>
                    <a:lnTo>
                      <a:pt x="39" y="50"/>
                    </a:lnTo>
                    <a:lnTo>
                      <a:pt x="39" y="50"/>
                    </a:lnTo>
                    <a:lnTo>
                      <a:pt x="41" y="52"/>
                    </a:lnTo>
                    <a:lnTo>
                      <a:pt x="39" y="52"/>
                    </a:lnTo>
                    <a:lnTo>
                      <a:pt x="39" y="54"/>
                    </a:lnTo>
                    <a:lnTo>
                      <a:pt x="35" y="58"/>
                    </a:lnTo>
                    <a:lnTo>
                      <a:pt x="32" y="63"/>
                    </a:lnTo>
                    <a:lnTo>
                      <a:pt x="24" y="65"/>
                    </a:lnTo>
                    <a:lnTo>
                      <a:pt x="24" y="65"/>
                    </a:lnTo>
                    <a:lnTo>
                      <a:pt x="19" y="69"/>
                    </a:lnTo>
                    <a:lnTo>
                      <a:pt x="19" y="67"/>
                    </a:lnTo>
                    <a:lnTo>
                      <a:pt x="19" y="67"/>
                    </a:lnTo>
                    <a:lnTo>
                      <a:pt x="17" y="67"/>
                    </a:lnTo>
                    <a:lnTo>
                      <a:pt x="19" y="67"/>
                    </a:lnTo>
                    <a:lnTo>
                      <a:pt x="17" y="65"/>
                    </a:lnTo>
                    <a:lnTo>
                      <a:pt x="17" y="63"/>
                    </a:lnTo>
                    <a:lnTo>
                      <a:pt x="17" y="63"/>
                    </a:lnTo>
                    <a:lnTo>
                      <a:pt x="17" y="63"/>
                    </a:lnTo>
                    <a:lnTo>
                      <a:pt x="17" y="63"/>
                    </a:lnTo>
                    <a:lnTo>
                      <a:pt x="15" y="61"/>
                    </a:lnTo>
                    <a:lnTo>
                      <a:pt x="13" y="60"/>
                    </a:lnTo>
                    <a:lnTo>
                      <a:pt x="15" y="60"/>
                    </a:lnTo>
                    <a:lnTo>
                      <a:pt x="15" y="58"/>
                    </a:lnTo>
                    <a:lnTo>
                      <a:pt x="17" y="58"/>
                    </a:lnTo>
                    <a:lnTo>
                      <a:pt x="15" y="56"/>
                    </a:lnTo>
                    <a:lnTo>
                      <a:pt x="15" y="54"/>
                    </a:lnTo>
                    <a:lnTo>
                      <a:pt x="15" y="52"/>
                    </a:lnTo>
                    <a:lnTo>
                      <a:pt x="13" y="50"/>
                    </a:lnTo>
                    <a:lnTo>
                      <a:pt x="11" y="50"/>
                    </a:lnTo>
                    <a:lnTo>
                      <a:pt x="11" y="50"/>
                    </a:lnTo>
                    <a:lnTo>
                      <a:pt x="9" y="50"/>
                    </a:lnTo>
                    <a:lnTo>
                      <a:pt x="9" y="48"/>
                    </a:lnTo>
                    <a:lnTo>
                      <a:pt x="6" y="48"/>
                    </a:lnTo>
                    <a:lnTo>
                      <a:pt x="6" y="48"/>
                    </a:lnTo>
                    <a:lnTo>
                      <a:pt x="4" y="47"/>
                    </a:lnTo>
                    <a:lnTo>
                      <a:pt x="2" y="45"/>
                    </a:lnTo>
                    <a:lnTo>
                      <a:pt x="2" y="43"/>
                    </a:lnTo>
                    <a:lnTo>
                      <a:pt x="2" y="43"/>
                    </a:lnTo>
                    <a:lnTo>
                      <a:pt x="2" y="43"/>
                    </a:lnTo>
                    <a:lnTo>
                      <a:pt x="0" y="39"/>
                    </a:lnTo>
                    <a:close/>
                  </a:path>
                </a:pathLst>
              </a:custGeom>
              <a:solidFill>
                <a:srgbClr val="FFFF99">
                  <a:alpha val="5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sp>
          <p:nvSpPr>
            <p:cNvPr id="140" name="Textfeld 139"/>
            <p:cNvSpPr txBox="1"/>
            <p:nvPr/>
          </p:nvSpPr>
          <p:spPr>
            <a:xfrm>
              <a:off x="5757470" y="3352082"/>
              <a:ext cx="228696"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SZ</a:t>
              </a:r>
            </a:p>
          </p:txBody>
        </p:sp>
        <p:sp>
          <p:nvSpPr>
            <p:cNvPr id="141" name="Textfeld 140"/>
            <p:cNvSpPr txBox="1"/>
            <p:nvPr/>
          </p:nvSpPr>
          <p:spPr>
            <a:xfrm>
              <a:off x="3397048" y="4005064"/>
              <a:ext cx="239381"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FR</a:t>
              </a:r>
            </a:p>
          </p:txBody>
        </p:sp>
        <p:sp>
          <p:nvSpPr>
            <p:cNvPr id="143" name="Textfeld 142"/>
            <p:cNvSpPr txBox="1"/>
            <p:nvPr/>
          </p:nvSpPr>
          <p:spPr>
            <a:xfrm>
              <a:off x="4017787" y="5233565"/>
              <a:ext cx="239381"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VS</a:t>
              </a:r>
            </a:p>
          </p:txBody>
        </p:sp>
        <p:sp>
          <p:nvSpPr>
            <p:cNvPr id="146" name="Textfeld 145"/>
            <p:cNvSpPr txBox="1"/>
            <p:nvPr/>
          </p:nvSpPr>
          <p:spPr>
            <a:xfrm>
              <a:off x="2484294" y="4310283"/>
              <a:ext cx="250069"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VD</a:t>
              </a:r>
            </a:p>
          </p:txBody>
        </p:sp>
        <p:sp>
          <p:nvSpPr>
            <p:cNvPr id="147" name="Textfeld 146"/>
            <p:cNvSpPr txBox="1"/>
            <p:nvPr/>
          </p:nvSpPr>
          <p:spPr>
            <a:xfrm>
              <a:off x="1861042" y="5183180"/>
              <a:ext cx="258619"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GE</a:t>
              </a:r>
            </a:p>
          </p:txBody>
        </p:sp>
      </p:grpSp>
      <p:grpSp>
        <p:nvGrpSpPr>
          <p:cNvPr id="4" name="Gruppieren 3"/>
          <p:cNvGrpSpPr/>
          <p:nvPr/>
        </p:nvGrpSpPr>
        <p:grpSpPr>
          <a:xfrm>
            <a:off x="3952309" y="1552163"/>
            <a:ext cx="3999173" cy="2984329"/>
            <a:chOff x="3101226" y="2099902"/>
            <a:chExt cx="5332231" cy="3979105"/>
          </a:xfrm>
        </p:grpSpPr>
        <p:sp>
          <p:nvSpPr>
            <p:cNvPr id="24" name="Freeform 168"/>
            <p:cNvSpPr>
              <a:spLocks/>
            </p:cNvSpPr>
            <p:nvPr/>
          </p:nvSpPr>
          <p:spPr bwMode="auto">
            <a:xfrm>
              <a:off x="5349833" y="3055846"/>
              <a:ext cx="445135" cy="352355"/>
            </a:xfrm>
            <a:custGeom>
              <a:avLst/>
              <a:gdLst>
                <a:gd name="T0" fmla="*/ 157 w 427"/>
                <a:gd name="T1" fmla="*/ 67 h 338"/>
                <a:gd name="T2" fmla="*/ 178 w 427"/>
                <a:gd name="T3" fmla="*/ 55 h 338"/>
                <a:gd name="T4" fmla="*/ 191 w 427"/>
                <a:gd name="T5" fmla="*/ 61 h 338"/>
                <a:gd name="T6" fmla="*/ 198 w 427"/>
                <a:gd name="T7" fmla="*/ 50 h 338"/>
                <a:gd name="T8" fmla="*/ 217 w 427"/>
                <a:gd name="T9" fmla="*/ 52 h 338"/>
                <a:gd name="T10" fmla="*/ 235 w 427"/>
                <a:gd name="T11" fmla="*/ 55 h 338"/>
                <a:gd name="T12" fmla="*/ 254 w 427"/>
                <a:gd name="T13" fmla="*/ 59 h 338"/>
                <a:gd name="T14" fmla="*/ 261 w 427"/>
                <a:gd name="T15" fmla="*/ 72 h 338"/>
                <a:gd name="T16" fmla="*/ 276 w 427"/>
                <a:gd name="T17" fmla="*/ 70 h 338"/>
                <a:gd name="T18" fmla="*/ 281 w 427"/>
                <a:gd name="T19" fmla="*/ 83 h 338"/>
                <a:gd name="T20" fmla="*/ 292 w 427"/>
                <a:gd name="T21" fmla="*/ 85 h 338"/>
                <a:gd name="T22" fmla="*/ 307 w 427"/>
                <a:gd name="T23" fmla="*/ 94 h 338"/>
                <a:gd name="T24" fmla="*/ 316 w 427"/>
                <a:gd name="T25" fmla="*/ 115 h 338"/>
                <a:gd name="T26" fmla="*/ 326 w 427"/>
                <a:gd name="T27" fmla="*/ 137 h 338"/>
                <a:gd name="T28" fmla="*/ 328 w 427"/>
                <a:gd name="T29" fmla="*/ 152 h 338"/>
                <a:gd name="T30" fmla="*/ 346 w 427"/>
                <a:gd name="T31" fmla="*/ 157 h 338"/>
                <a:gd name="T32" fmla="*/ 366 w 427"/>
                <a:gd name="T33" fmla="*/ 155 h 338"/>
                <a:gd name="T34" fmla="*/ 372 w 427"/>
                <a:gd name="T35" fmla="*/ 170 h 338"/>
                <a:gd name="T36" fmla="*/ 392 w 427"/>
                <a:gd name="T37" fmla="*/ 176 h 338"/>
                <a:gd name="T38" fmla="*/ 409 w 427"/>
                <a:gd name="T39" fmla="*/ 168 h 338"/>
                <a:gd name="T40" fmla="*/ 424 w 427"/>
                <a:gd name="T41" fmla="*/ 178 h 338"/>
                <a:gd name="T42" fmla="*/ 426 w 427"/>
                <a:gd name="T43" fmla="*/ 194 h 338"/>
                <a:gd name="T44" fmla="*/ 411 w 427"/>
                <a:gd name="T45" fmla="*/ 202 h 338"/>
                <a:gd name="T46" fmla="*/ 407 w 427"/>
                <a:gd name="T47" fmla="*/ 220 h 338"/>
                <a:gd name="T48" fmla="*/ 405 w 427"/>
                <a:gd name="T49" fmla="*/ 231 h 338"/>
                <a:gd name="T50" fmla="*/ 403 w 427"/>
                <a:gd name="T51" fmla="*/ 239 h 338"/>
                <a:gd name="T52" fmla="*/ 396 w 427"/>
                <a:gd name="T53" fmla="*/ 248 h 338"/>
                <a:gd name="T54" fmla="*/ 389 w 427"/>
                <a:gd name="T55" fmla="*/ 259 h 338"/>
                <a:gd name="T56" fmla="*/ 389 w 427"/>
                <a:gd name="T57" fmla="*/ 264 h 338"/>
                <a:gd name="T58" fmla="*/ 372 w 427"/>
                <a:gd name="T59" fmla="*/ 276 h 338"/>
                <a:gd name="T60" fmla="*/ 331 w 427"/>
                <a:gd name="T61" fmla="*/ 311 h 338"/>
                <a:gd name="T62" fmla="*/ 279 w 427"/>
                <a:gd name="T63" fmla="*/ 318 h 338"/>
                <a:gd name="T64" fmla="*/ 261 w 427"/>
                <a:gd name="T65" fmla="*/ 331 h 338"/>
                <a:gd name="T66" fmla="*/ 243 w 427"/>
                <a:gd name="T67" fmla="*/ 338 h 338"/>
                <a:gd name="T68" fmla="*/ 239 w 427"/>
                <a:gd name="T69" fmla="*/ 322 h 338"/>
                <a:gd name="T70" fmla="*/ 222 w 427"/>
                <a:gd name="T71" fmla="*/ 311 h 338"/>
                <a:gd name="T72" fmla="*/ 206 w 427"/>
                <a:gd name="T73" fmla="*/ 316 h 338"/>
                <a:gd name="T74" fmla="*/ 185 w 427"/>
                <a:gd name="T75" fmla="*/ 320 h 338"/>
                <a:gd name="T76" fmla="*/ 98 w 427"/>
                <a:gd name="T77" fmla="*/ 268 h 338"/>
                <a:gd name="T78" fmla="*/ 82 w 427"/>
                <a:gd name="T79" fmla="*/ 259 h 338"/>
                <a:gd name="T80" fmla="*/ 76 w 427"/>
                <a:gd name="T81" fmla="*/ 240 h 338"/>
                <a:gd name="T82" fmla="*/ 58 w 427"/>
                <a:gd name="T83" fmla="*/ 250 h 338"/>
                <a:gd name="T84" fmla="*/ 43 w 427"/>
                <a:gd name="T85" fmla="*/ 253 h 338"/>
                <a:gd name="T86" fmla="*/ 30 w 427"/>
                <a:gd name="T87" fmla="*/ 248 h 338"/>
                <a:gd name="T88" fmla="*/ 28 w 427"/>
                <a:gd name="T89" fmla="*/ 222 h 338"/>
                <a:gd name="T90" fmla="*/ 26 w 427"/>
                <a:gd name="T91" fmla="*/ 194 h 338"/>
                <a:gd name="T92" fmla="*/ 30 w 427"/>
                <a:gd name="T93" fmla="*/ 168 h 338"/>
                <a:gd name="T94" fmla="*/ 11 w 427"/>
                <a:gd name="T95" fmla="*/ 141 h 338"/>
                <a:gd name="T96" fmla="*/ 15 w 427"/>
                <a:gd name="T97" fmla="*/ 113 h 338"/>
                <a:gd name="T98" fmla="*/ 10 w 427"/>
                <a:gd name="T99" fmla="*/ 83 h 338"/>
                <a:gd name="T100" fmla="*/ 4 w 427"/>
                <a:gd name="T101" fmla="*/ 59 h 338"/>
                <a:gd name="T102" fmla="*/ 13 w 427"/>
                <a:gd name="T103" fmla="*/ 26 h 338"/>
                <a:gd name="T104" fmla="*/ 23 w 427"/>
                <a:gd name="T105" fmla="*/ 2 h 338"/>
                <a:gd name="T106" fmla="*/ 30 w 427"/>
                <a:gd name="T107" fmla="*/ 15 h 338"/>
                <a:gd name="T108" fmla="*/ 32 w 427"/>
                <a:gd name="T109" fmla="*/ 31 h 338"/>
                <a:gd name="T110" fmla="*/ 37 w 427"/>
                <a:gd name="T111" fmla="*/ 50 h 338"/>
                <a:gd name="T112" fmla="*/ 65 w 427"/>
                <a:gd name="T113" fmla="*/ 46 h 338"/>
                <a:gd name="T114" fmla="*/ 78 w 427"/>
                <a:gd name="T115" fmla="*/ 55 h 338"/>
                <a:gd name="T116" fmla="*/ 91 w 427"/>
                <a:gd name="T117" fmla="*/ 63 h 338"/>
                <a:gd name="T118" fmla="*/ 106 w 427"/>
                <a:gd name="T119" fmla="*/ 70 h 338"/>
                <a:gd name="T120" fmla="*/ 115 w 427"/>
                <a:gd name="T121" fmla="*/ 78 h 338"/>
                <a:gd name="T122" fmla="*/ 139 w 427"/>
                <a:gd name="T123" fmla="*/ 72 h 3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27" h="338">
                  <a:moveTo>
                    <a:pt x="145" y="72"/>
                  </a:moveTo>
                  <a:lnTo>
                    <a:pt x="146" y="72"/>
                  </a:lnTo>
                  <a:lnTo>
                    <a:pt x="148" y="72"/>
                  </a:lnTo>
                  <a:lnTo>
                    <a:pt x="150" y="72"/>
                  </a:lnTo>
                  <a:lnTo>
                    <a:pt x="152" y="72"/>
                  </a:lnTo>
                  <a:lnTo>
                    <a:pt x="152" y="70"/>
                  </a:lnTo>
                  <a:lnTo>
                    <a:pt x="154" y="70"/>
                  </a:lnTo>
                  <a:lnTo>
                    <a:pt x="154" y="68"/>
                  </a:lnTo>
                  <a:lnTo>
                    <a:pt x="156" y="68"/>
                  </a:lnTo>
                  <a:lnTo>
                    <a:pt x="156" y="67"/>
                  </a:lnTo>
                  <a:lnTo>
                    <a:pt x="154" y="67"/>
                  </a:lnTo>
                  <a:lnTo>
                    <a:pt x="156" y="67"/>
                  </a:lnTo>
                  <a:lnTo>
                    <a:pt x="157" y="67"/>
                  </a:lnTo>
                  <a:lnTo>
                    <a:pt x="159" y="67"/>
                  </a:lnTo>
                  <a:lnTo>
                    <a:pt x="161" y="65"/>
                  </a:lnTo>
                  <a:lnTo>
                    <a:pt x="163" y="65"/>
                  </a:lnTo>
                  <a:lnTo>
                    <a:pt x="165" y="65"/>
                  </a:lnTo>
                  <a:lnTo>
                    <a:pt x="165" y="63"/>
                  </a:lnTo>
                  <a:lnTo>
                    <a:pt x="165" y="61"/>
                  </a:lnTo>
                  <a:lnTo>
                    <a:pt x="165" y="59"/>
                  </a:lnTo>
                  <a:lnTo>
                    <a:pt x="165" y="57"/>
                  </a:lnTo>
                  <a:lnTo>
                    <a:pt x="170" y="55"/>
                  </a:lnTo>
                  <a:lnTo>
                    <a:pt x="172" y="55"/>
                  </a:lnTo>
                  <a:lnTo>
                    <a:pt x="176" y="57"/>
                  </a:lnTo>
                  <a:lnTo>
                    <a:pt x="176" y="55"/>
                  </a:lnTo>
                  <a:lnTo>
                    <a:pt x="178" y="55"/>
                  </a:lnTo>
                  <a:lnTo>
                    <a:pt x="176" y="55"/>
                  </a:lnTo>
                  <a:lnTo>
                    <a:pt x="178" y="55"/>
                  </a:lnTo>
                  <a:lnTo>
                    <a:pt x="176" y="55"/>
                  </a:lnTo>
                  <a:lnTo>
                    <a:pt x="176" y="57"/>
                  </a:lnTo>
                  <a:lnTo>
                    <a:pt x="178" y="57"/>
                  </a:lnTo>
                  <a:lnTo>
                    <a:pt x="180" y="57"/>
                  </a:lnTo>
                  <a:lnTo>
                    <a:pt x="182" y="57"/>
                  </a:lnTo>
                  <a:lnTo>
                    <a:pt x="183" y="57"/>
                  </a:lnTo>
                  <a:lnTo>
                    <a:pt x="185" y="57"/>
                  </a:lnTo>
                  <a:lnTo>
                    <a:pt x="187" y="57"/>
                  </a:lnTo>
                  <a:lnTo>
                    <a:pt x="187" y="59"/>
                  </a:lnTo>
                  <a:lnTo>
                    <a:pt x="189" y="59"/>
                  </a:lnTo>
                  <a:lnTo>
                    <a:pt x="191" y="61"/>
                  </a:lnTo>
                  <a:lnTo>
                    <a:pt x="191" y="59"/>
                  </a:lnTo>
                  <a:lnTo>
                    <a:pt x="191" y="57"/>
                  </a:lnTo>
                  <a:lnTo>
                    <a:pt x="191" y="55"/>
                  </a:lnTo>
                  <a:lnTo>
                    <a:pt x="191" y="54"/>
                  </a:lnTo>
                  <a:lnTo>
                    <a:pt x="193" y="54"/>
                  </a:lnTo>
                  <a:lnTo>
                    <a:pt x="193" y="52"/>
                  </a:lnTo>
                  <a:lnTo>
                    <a:pt x="193" y="50"/>
                  </a:lnTo>
                  <a:lnTo>
                    <a:pt x="193" y="52"/>
                  </a:lnTo>
                  <a:lnTo>
                    <a:pt x="194" y="52"/>
                  </a:lnTo>
                  <a:lnTo>
                    <a:pt x="196" y="54"/>
                  </a:lnTo>
                  <a:lnTo>
                    <a:pt x="198" y="54"/>
                  </a:lnTo>
                  <a:lnTo>
                    <a:pt x="198" y="52"/>
                  </a:lnTo>
                  <a:lnTo>
                    <a:pt x="198" y="50"/>
                  </a:lnTo>
                  <a:lnTo>
                    <a:pt x="200" y="50"/>
                  </a:lnTo>
                  <a:lnTo>
                    <a:pt x="202" y="50"/>
                  </a:lnTo>
                  <a:lnTo>
                    <a:pt x="202" y="48"/>
                  </a:lnTo>
                  <a:lnTo>
                    <a:pt x="204" y="50"/>
                  </a:lnTo>
                  <a:lnTo>
                    <a:pt x="207" y="50"/>
                  </a:lnTo>
                  <a:lnTo>
                    <a:pt x="209" y="52"/>
                  </a:lnTo>
                  <a:lnTo>
                    <a:pt x="211" y="52"/>
                  </a:lnTo>
                  <a:lnTo>
                    <a:pt x="211" y="50"/>
                  </a:lnTo>
                  <a:lnTo>
                    <a:pt x="213" y="50"/>
                  </a:lnTo>
                  <a:lnTo>
                    <a:pt x="213" y="52"/>
                  </a:lnTo>
                  <a:lnTo>
                    <a:pt x="213" y="50"/>
                  </a:lnTo>
                  <a:lnTo>
                    <a:pt x="215" y="50"/>
                  </a:lnTo>
                  <a:lnTo>
                    <a:pt x="217" y="52"/>
                  </a:lnTo>
                  <a:lnTo>
                    <a:pt x="218" y="52"/>
                  </a:lnTo>
                  <a:lnTo>
                    <a:pt x="220" y="52"/>
                  </a:lnTo>
                  <a:lnTo>
                    <a:pt x="220" y="50"/>
                  </a:lnTo>
                  <a:lnTo>
                    <a:pt x="222" y="48"/>
                  </a:lnTo>
                  <a:lnTo>
                    <a:pt x="224" y="50"/>
                  </a:lnTo>
                  <a:lnTo>
                    <a:pt x="226" y="52"/>
                  </a:lnTo>
                  <a:lnTo>
                    <a:pt x="228" y="52"/>
                  </a:lnTo>
                  <a:lnTo>
                    <a:pt x="228" y="54"/>
                  </a:lnTo>
                  <a:lnTo>
                    <a:pt x="230" y="54"/>
                  </a:lnTo>
                  <a:lnTo>
                    <a:pt x="230" y="55"/>
                  </a:lnTo>
                  <a:lnTo>
                    <a:pt x="231" y="55"/>
                  </a:lnTo>
                  <a:lnTo>
                    <a:pt x="233" y="55"/>
                  </a:lnTo>
                  <a:lnTo>
                    <a:pt x="235" y="55"/>
                  </a:lnTo>
                  <a:lnTo>
                    <a:pt x="237" y="55"/>
                  </a:lnTo>
                  <a:lnTo>
                    <a:pt x="239" y="55"/>
                  </a:lnTo>
                  <a:lnTo>
                    <a:pt x="239" y="57"/>
                  </a:lnTo>
                  <a:lnTo>
                    <a:pt x="241" y="57"/>
                  </a:lnTo>
                  <a:lnTo>
                    <a:pt x="243" y="57"/>
                  </a:lnTo>
                  <a:lnTo>
                    <a:pt x="244" y="57"/>
                  </a:lnTo>
                  <a:lnTo>
                    <a:pt x="246" y="57"/>
                  </a:lnTo>
                  <a:lnTo>
                    <a:pt x="248" y="57"/>
                  </a:lnTo>
                  <a:lnTo>
                    <a:pt x="250" y="59"/>
                  </a:lnTo>
                  <a:lnTo>
                    <a:pt x="250" y="61"/>
                  </a:lnTo>
                  <a:lnTo>
                    <a:pt x="252" y="61"/>
                  </a:lnTo>
                  <a:lnTo>
                    <a:pt x="252" y="59"/>
                  </a:lnTo>
                  <a:lnTo>
                    <a:pt x="254" y="59"/>
                  </a:lnTo>
                  <a:lnTo>
                    <a:pt x="254" y="57"/>
                  </a:lnTo>
                  <a:lnTo>
                    <a:pt x="255" y="59"/>
                  </a:lnTo>
                  <a:lnTo>
                    <a:pt x="257" y="59"/>
                  </a:lnTo>
                  <a:lnTo>
                    <a:pt x="259" y="59"/>
                  </a:lnTo>
                  <a:lnTo>
                    <a:pt x="261" y="59"/>
                  </a:lnTo>
                  <a:lnTo>
                    <a:pt x="263" y="59"/>
                  </a:lnTo>
                  <a:lnTo>
                    <a:pt x="263" y="61"/>
                  </a:lnTo>
                  <a:lnTo>
                    <a:pt x="261" y="63"/>
                  </a:lnTo>
                  <a:lnTo>
                    <a:pt x="259" y="65"/>
                  </a:lnTo>
                  <a:lnTo>
                    <a:pt x="259" y="67"/>
                  </a:lnTo>
                  <a:lnTo>
                    <a:pt x="261" y="68"/>
                  </a:lnTo>
                  <a:lnTo>
                    <a:pt x="261" y="70"/>
                  </a:lnTo>
                  <a:lnTo>
                    <a:pt x="261" y="72"/>
                  </a:lnTo>
                  <a:lnTo>
                    <a:pt x="261" y="74"/>
                  </a:lnTo>
                  <a:lnTo>
                    <a:pt x="263" y="74"/>
                  </a:lnTo>
                  <a:lnTo>
                    <a:pt x="265" y="74"/>
                  </a:lnTo>
                  <a:lnTo>
                    <a:pt x="267" y="72"/>
                  </a:lnTo>
                  <a:lnTo>
                    <a:pt x="268" y="70"/>
                  </a:lnTo>
                  <a:lnTo>
                    <a:pt x="268" y="68"/>
                  </a:lnTo>
                  <a:lnTo>
                    <a:pt x="270" y="68"/>
                  </a:lnTo>
                  <a:lnTo>
                    <a:pt x="270" y="70"/>
                  </a:lnTo>
                  <a:lnTo>
                    <a:pt x="272" y="70"/>
                  </a:lnTo>
                  <a:lnTo>
                    <a:pt x="274" y="70"/>
                  </a:lnTo>
                  <a:lnTo>
                    <a:pt x="274" y="72"/>
                  </a:lnTo>
                  <a:lnTo>
                    <a:pt x="274" y="70"/>
                  </a:lnTo>
                  <a:lnTo>
                    <a:pt x="276" y="70"/>
                  </a:lnTo>
                  <a:lnTo>
                    <a:pt x="278" y="70"/>
                  </a:lnTo>
                  <a:lnTo>
                    <a:pt x="279" y="70"/>
                  </a:lnTo>
                  <a:lnTo>
                    <a:pt x="279" y="72"/>
                  </a:lnTo>
                  <a:lnTo>
                    <a:pt x="279" y="74"/>
                  </a:lnTo>
                  <a:lnTo>
                    <a:pt x="281" y="74"/>
                  </a:lnTo>
                  <a:lnTo>
                    <a:pt x="281" y="76"/>
                  </a:lnTo>
                  <a:lnTo>
                    <a:pt x="283" y="76"/>
                  </a:lnTo>
                  <a:lnTo>
                    <a:pt x="283" y="78"/>
                  </a:lnTo>
                  <a:lnTo>
                    <a:pt x="281" y="80"/>
                  </a:lnTo>
                  <a:lnTo>
                    <a:pt x="281" y="81"/>
                  </a:lnTo>
                  <a:lnTo>
                    <a:pt x="283" y="81"/>
                  </a:lnTo>
                  <a:lnTo>
                    <a:pt x="283" y="83"/>
                  </a:lnTo>
                  <a:lnTo>
                    <a:pt x="281" y="83"/>
                  </a:lnTo>
                  <a:lnTo>
                    <a:pt x="281" y="85"/>
                  </a:lnTo>
                  <a:lnTo>
                    <a:pt x="281" y="87"/>
                  </a:lnTo>
                  <a:lnTo>
                    <a:pt x="281" y="89"/>
                  </a:lnTo>
                  <a:lnTo>
                    <a:pt x="283" y="89"/>
                  </a:lnTo>
                  <a:lnTo>
                    <a:pt x="283" y="91"/>
                  </a:lnTo>
                  <a:lnTo>
                    <a:pt x="285" y="91"/>
                  </a:lnTo>
                  <a:lnTo>
                    <a:pt x="285" y="92"/>
                  </a:lnTo>
                  <a:lnTo>
                    <a:pt x="285" y="91"/>
                  </a:lnTo>
                  <a:lnTo>
                    <a:pt x="287" y="91"/>
                  </a:lnTo>
                  <a:lnTo>
                    <a:pt x="289" y="89"/>
                  </a:lnTo>
                  <a:lnTo>
                    <a:pt x="291" y="89"/>
                  </a:lnTo>
                  <a:lnTo>
                    <a:pt x="292" y="87"/>
                  </a:lnTo>
                  <a:lnTo>
                    <a:pt x="292" y="85"/>
                  </a:lnTo>
                  <a:lnTo>
                    <a:pt x="294" y="83"/>
                  </a:lnTo>
                  <a:lnTo>
                    <a:pt x="296" y="85"/>
                  </a:lnTo>
                  <a:lnTo>
                    <a:pt x="298" y="85"/>
                  </a:lnTo>
                  <a:lnTo>
                    <a:pt x="300" y="85"/>
                  </a:lnTo>
                  <a:lnTo>
                    <a:pt x="300" y="87"/>
                  </a:lnTo>
                  <a:lnTo>
                    <a:pt x="300" y="89"/>
                  </a:lnTo>
                  <a:lnTo>
                    <a:pt x="302" y="89"/>
                  </a:lnTo>
                  <a:lnTo>
                    <a:pt x="304" y="89"/>
                  </a:lnTo>
                  <a:lnTo>
                    <a:pt x="304" y="91"/>
                  </a:lnTo>
                  <a:lnTo>
                    <a:pt x="304" y="92"/>
                  </a:lnTo>
                  <a:lnTo>
                    <a:pt x="305" y="92"/>
                  </a:lnTo>
                  <a:lnTo>
                    <a:pt x="305" y="94"/>
                  </a:lnTo>
                  <a:lnTo>
                    <a:pt x="307" y="94"/>
                  </a:lnTo>
                  <a:lnTo>
                    <a:pt x="307" y="96"/>
                  </a:lnTo>
                  <a:lnTo>
                    <a:pt x="309" y="98"/>
                  </a:lnTo>
                  <a:lnTo>
                    <a:pt x="309" y="100"/>
                  </a:lnTo>
                  <a:lnTo>
                    <a:pt x="309" y="102"/>
                  </a:lnTo>
                  <a:lnTo>
                    <a:pt x="311" y="104"/>
                  </a:lnTo>
                  <a:lnTo>
                    <a:pt x="311" y="105"/>
                  </a:lnTo>
                  <a:lnTo>
                    <a:pt x="311" y="107"/>
                  </a:lnTo>
                  <a:lnTo>
                    <a:pt x="311" y="109"/>
                  </a:lnTo>
                  <a:lnTo>
                    <a:pt x="311" y="111"/>
                  </a:lnTo>
                  <a:lnTo>
                    <a:pt x="313" y="111"/>
                  </a:lnTo>
                  <a:lnTo>
                    <a:pt x="313" y="113"/>
                  </a:lnTo>
                  <a:lnTo>
                    <a:pt x="315" y="113"/>
                  </a:lnTo>
                  <a:lnTo>
                    <a:pt x="316" y="115"/>
                  </a:lnTo>
                  <a:lnTo>
                    <a:pt x="315" y="117"/>
                  </a:lnTo>
                  <a:lnTo>
                    <a:pt x="315" y="118"/>
                  </a:lnTo>
                  <a:lnTo>
                    <a:pt x="315" y="120"/>
                  </a:lnTo>
                  <a:lnTo>
                    <a:pt x="316" y="120"/>
                  </a:lnTo>
                  <a:lnTo>
                    <a:pt x="318" y="124"/>
                  </a:lnTo>
                  <a:lnTo>
                    <a:pt x="320" y="126"/>
                  </a:lnTo>
                  <a:lnTo>
                    <a:pt x="320" y="128"/>
                  </a:lnTo>
                  <a:lnTo>
                    <a:pt x="322" y="129"/>
                  </a:lnTo>
                  <a:lnTo>
                    <a:pt x="322" y="131"/>
                  </a:lnTo>
                  <a:lnTo>
                    <a:pt x="322" y="133"/>
                  </a:lnTo>
                  <a:lnTo>
                    <a:pt x="324" y="133"/>
                  </a:lnTo>
                  <a:lnTo>
                    <a:pt x="326" y="135"/>
                  </a:lnTo>
                  <a:lnTo>
                    <a:pt x="326" y="137"/>
                  </a:lnTo>
                  <a:lnTo>
                    <a:pt x="324" y="139"/>
                  </a:lnTo>
                  <a:lnTo>
                    <a:pt x="324" y="141"/>
                  </a:lnTo>
                  <a:lnTo>
                    <a:pt x="322" y="141"/>
                  </a:lnTo>
                  <a:lnTo>
                    <a:pt x="322" y="142"/>
                  </a:lnTo>
                  <a:lnTo>
                    <a:pt x="322" y="144"/>
                  </a:lnTo>
                  <a:lnTo>
                    <a:pt x="320" y="144"/>
                  </a:lnTo>
                  <a:lnTo>
                    <a:pt x="320" y="146"/>
                  </a:lnTo>
                  <a:lnTo>
                    <a:pt x="320" y="148"/>
                  </a:lnTo>
                  <a:lnTo>
                    <a:pt x="320" y="150"/>
                  </a:lnTo>
                  <a:lnTo>
                    <a:pt x="322" y="150"/>
                  </a:lnTo>
                  <a:lnTo>
                    <a:pt x="324" y="150"/>
                  </a:lnTo>
                  <a:lnTo>
                    <a:pt x="326" y="152"/>
                  </a:lnTo>
                  <a:lnTo>
                    <a:pt x="328" y="152"/>
                  </a:lnTo>
                  <a:lnTo>
                    <a:pt x="329" y="150"/>
                  </a:lnTo>
                  <a:lnTo>
                    <a:pt x="331" y="150"/>
                  </a:lnTo>
                  <a:lnTo>
                    <a:pt x="331" y="152"/>
                  </a:lnTo>
                  <a:lnTo>
                    <a:pt x="333" y="152"/>
                  </a:lnTo>
                  <a:lnTo>
                    <a:pt x="335" y="152"/>
                  </a:lnTo>
                  <a:lnTo>
                    <a:pt x="337" y="152"/>
                  </a:lnTo>
                  <a:lnTo>
                    <a:pt x="339" y="152"/>
                  </a:lnTo>
                  <a:lnTo>
                    <a:pt x="340" y="152"/>
                  </a:lnTo>
                  <a:lnTo>
                    <a:pt x="342" y="152"/>
                  </a:lnTo>
                  <a:lnTo>
                    <a:pt x="342" y="154"/>
                  </a:lnTo>
                  <a:lnTo>
                    <a:pt x="342" y="155"/>
                  </a:lnTo>
                  <a:lnTo>
                    <a:pt x="344" y="157"/>
                  </a:lnTo>
                  <a:lnTo>
                    <a:pt x="346" y="157"/>
                  </a:lnTo>
                  <a:lnTo>
                    <a:pt x="350" y="155"/>
                  </a:lnTo>
                  <a:lnTo>
                    <a:pt x="352" y="155"/>
                  </a:lnTo>
                  <a:lnTo>
                    <a:pt x="353" y="155"/>
                  </a:lnTo>
                  <a:lnTo>
                    <a:pt x="353" y="154"/>
                  </a:lnTo>
                  <a:lnTo>
                    <a:pt x="357" y="154"/>
                  </a:lnTo>
                  <a:lnTo>
                    <a:pt x="359" y="154"/>
                  </a:lnTo>
                  <a:lnTo>
                    <a:pt x="359" y="152"/>
                  </a:lnTo>
                  <a:lnTo>
                    <a:pt x="361" y="152"/>
                  </a:lnTo>
                  <a:lnTo>
                    <a:pt x="361" y="154"/>
                  </a:lnTo>
                  <a:lnTo>
                    <a:pt x="363" y="154"/>
                  </a:lnTo>
                  <a:lnTo>
                    <a:pt x="363" y="155"/>
                  </a:lnTo>
                  <a:lnTo>
                    <a:pt x="365" y="155"/>
                  </a:lnTo>
                  <a:lnTo>
                    <a:pt x="366" y="155"/>
                  </a:lnTo>
                  <a:lnTo>
                    <a:pt x="366" y="154"/>
                  </a:lnTo>
                  <a:lnTo>
                    <a:pt x="368" y="154"/>
                  </a:lnTo>
                  <a:lnTo>
                    <a:pt x="370" y="154"/>
                  </a:lnTo>
                  <a:lnTo>
                    <a:pt x="372" y="154"/>
                  </a:lnTo>
                  <a:lnTo>
                    <a:pt x="372" y="155"/>
                  </a:lnTo>
                  <a:lnTo>
                    <a:pt x="372" y="157"/>
                  </a:lnTo>
                  <a:lnTo>
                    <a:pt x="372" y="159"/>
                  </a:lnTo>
                  <a:lnTo>
                    <a:pt x="372" y="161"/>
                  </a:lnTo>
                  <a:lnTo>
                    <a:pt x="372" y="163"/>
                  </a:lnTo>
                  <a:lnTo>
                    <a:pt x="372" y="165"/>
                  </a:lnTo>
                  <a:lnTo>
                    <a:pt x="372" y="166"/>
                  </a:lnTo>
                  <a:lnTo>
                    <a:pt x="372" y="168"/>
                  </a:lnTo>
                  <a:lnTo>
                    <a:pt x="372" y="170"/>
                  </a:lnTo>
                  <a:lnTo>
                    <a:pt x="372" y="172"/>
                  </a:lnTo>
                  <a:lnTo>
                    <a:pt x="372" y="174"/>
                  </a:lnTo>
                  <a:lnTo>
                    <a:pt x="374" y="174"/>
                  </a:lnTo>
                  <a:lnTo>
                    <a:pt x="376" y="174"/>
                  </a:lnTo>
                  <a:lnTo>
                    <a:pt x="377" y="176"/>
                  </a:lnTo>
                  <a:lnTo>
                    <a:pt x="379" y="176"/>
                  </a:lnTo>
                  <a:lnTo>
                    <a:pt x="381" y="176"/>
                  </a:lnTo>
                  <a:lnTo>
                    <a:pt x="383" y="176"/>
                  </a:lnTo>
                  <a:lnTo>
                    <a:pt x="385" y="176"/>
                  </a:lnTo>
                  <a:lnTo>
                    <a:pt x="387" y="176"/>
                  </a:lnTo>
                  <a:lnTo>
                    <a:pt x="389" y="176"/>
                  </a:lnTo>
                  <a:lnTo>
                    <a:pt x="390" y="176"/>
                  </a:lnTo>
                  <a:lnTo>
                    <a:pt x="392" y="176"/>
                  </a:lnTo>
                  <a:lnTo>
                    <a:pt x="392" y="174"/>
                  </a:lnTo>
                  <a:lnTo>
                    <a:pt x="394" y="174"/>
                  </a:lnTo>
                  <a:lnTo>
                    <a:pt x="394" y="172"/>
                  </a:lnTo>
                  <a:lnTo>
                    <a:pt x="396" y="172"/>
                  </a:lnTo>
                  <a:lnTo>
                    <a:pt x="398" y="172"/>
                  </a:lnTo>
                  <a:lnTo>
                    <a:pt x="398" y="170"/>
                  </a:lnTo>
                  <a:lnTo>
                    <a:pt x="400" y="170"/>
                  </a:lnTo>
                  <a:lnTo>
                    <a:pt x="401" y="170"/>
                  </a:lnTo>
                  <a:lnTo>
                    <a:pt x="403" y="170"/>
                  </a:lnTo>
                  <a:lnTo>
                    <a:pt x="403" y="168"/>
                  </a:lnTo>
                  <a:lnTo>
                    <a:pt x="405" y="168"/>
                  </a:lnTo>
                  <a:lnTo>
                    <a:pt x="407" y="168"/>
                  </a:lnTo>
                  <a:lnTo>
                    <a:pt x="409" y="168"/>
                  </a:lnTo>
                  <a:lnTo>
                    <a:pt x="411" y="168"/>
                  </a:lnTo>
                  <a:lnTo>
                    <a:pt x="413" y="168"/>
                  </a:lnTo>
                  <a:lnTo>
                    <a:pt x="414" y="168"/>
                  </a:lnTo>
                  <a:lnTo>
                    <a:pt x="416" y="166"/>
                  </a:lnTo>
                  <a:lnTo>
                    <a:pt x="418" y="166"/>
                  </a:lnTo>
                  <a:lnTo>
                    <a:pt x="418" y="168"/>
                  </a:lnTo>
                  <a:lnTo>
                    <a:pt x="420" y="168"/>
                  </a:lnTo>
                  <a:lnTo>
                    <a:pt x="422" y="170"/>
                  </a:lnTo>
                  <a:lnTo>
                    <a:pt x="422" y="172"/>
                  </a:lnTo>
                  <a:lnTo>
                    <a:pt x="422" y="174"/>
                  </a:lnTo>
                  <a:lnTo>
                    <a:pt x="422" y="176"/>
                  </a:lnTo>
                  <a:lnTo>
                    <a:pt x="424" y="176"/>
                  </a:lnTo>
                  <a:lnTo>
                    <a:pt x="424" y="178"/>
                  </a:lnTo>
                  <a:lnTo>
                    <a:pt x="424" y="179"/>
                  </a:lnTo>
                  <a:lnTo>
                    <a:pt x="424" y="181"/>
                  </a:lnTo>
                  <a:lnTo>
                    <a:pt x="426" y="181"/>
                  </a:lnTo>
                  <a:lnTo>
                    <a:pt x="426" y="183"/>
                  </a:lnTo>
                  <a:lnTo>
                    <a:pt x="426" y="185"/>
                  </a:lnTo>
                  <a:lnTo>
                    <a:pt x="424" y="187"/>
                  </a:lnTo>
                  <a:lnTo>
                    <a:pt x="426" y="187"/>
                  </a:lnTo>
                  <a:lnTo>
                    <a:pt x="426" y="189"/>
                  </a:lnTo>
                  <a:lnTo>
                    <a:pt x="426" y="190"/>
                  </a:lnTo>
                  <a:lnTo>
                    <a:pt x="427" y="190"/>
                  </a:lnTo>
                  <a:lnTo>
                    <a:pt x="427" y="192"/>
                  </a:lnTo>
                  <a:lnTo>
                    <a:pt x="426" y="192"/>
                  </a:lnTo>
                  <a:lnTo>
                    <a:pt x="426" y="194"/>
                  </a:lnTo>
                  <a:lnTo>
                    <a:pt x="426" y="196"/>
                  </a:lnTo>
                  <a:lnTo>
                    <a:pt x="424" y="196"/>
                  </a:lnTo>
                  <a:lnTo>
                    <a:pt x="424" y="194"/>
                  </a:lnTo>
                  <a:lnTo>
                    <a:pt x="422" y="194"/>
                  </a:lnTo>
                  <a:lnTo>
                    <a:pt x="420" y="194"/>
                  </a:lnTo>
                  <a:lnTo>
                    <a:pt x="420" y="196"/>
                  </a:lnTo>
                  <a:lnTo>
                    <a:pt x="418" y="196"/>
                  </a:lnTo>
                  <a:lnTo>
                    <a:pt x="416" y="198"/>
                  </a:lnTo>
                  <a:lnTo>
                    <a:pt x="414" y="198"/>
                  </a:lnTo>
                  <a:lnTo>
                    <a:pt x="414" y="200"/>
                  </a:lnTo>
                  <a:lnTo>
                    <a:pt x="413" y="200"/>
                  </a:lnTo>
                  <a:lnTo>
                    <a:pt x="413" y="202"/>
                  </a:lnTo>
                  <a:lnTo>
                    <a:pt x="411" y="202"/>
                  </a:lnTo>
                  <a:lnTo>
                    <a:pt x="411" y="203"/>
                  </a:lnTo>
                  <a:lnTo>
                    <a:pt x="411" y="205"/>
                  </a:lnTo>
                  <a:lnTo>
                    <a:pt x="409" y="205"/>
                  </a:lnTo>
                  <a:lnTo>
                    <a:pt x="409" y="207"/>
                  </a:lnTo>
                  <a:lnTo>
                    <a:pt x="407" y="209"/>
                  </a:lnTo>
                  <a:lnTo>
                    <a:pt x="407" y="211"/>
                  </a:lnTo>
                  <a:lnTo>
                    <a:pt x="405" y="211"/>
                  </a:lnTo>
                  <a:lnTo>
                    <a:pt x="405" y="213"/>
                  </a:lnTo>
                  <a:lnTo>
                    <a:pt x="405" y="215"/>
                  </a:lnTo>
                  <a:lnTo>
                    <a:pt x="405" y="216"/>
                  </a:lnTo>
                  <a:lnTo>
                    <a:pt x="405" y="218"/>
                  </a:lnTo>
                  <a:lnTo>
                    <a:pt x="407" y="218"/>
                  </a:lnTo>
                  <a:lnTo>
                    <a:pt x="407" y="220"/>
                  </a:lnTo>
                  <a:lnTo>
                    <a:pt x="409" y="220"/>
                  </a:lnTo>
                  <a:lnTo>
                    <a:pt x="411" y="220"/>
                  </a:lnTo>
                  <a:lnTo>
                    <a:pt x="411" y="222"/>
                  </a:lnTo>
                  <a:lnTo>
                    <a:pt x="409" y="222"/>
                  </a:lnTo>
                  <a:lnTo>
                    <a:pt x="409" y="224"/>
                  </a:lnTo>
                  <a:lnTo>
                    <a:pt x="409" y="226"/>
                  </a:lnTo>
                  <a:lnTo>
                    <a:pt x="411" y="226"/>
                  </a:lnTo>
                  <a:lnTo>
                    <a:pt x="409" y="226"/>
                  </a:lnTo>
                  <a:lnTo>
                    <a:pt x="407" y="226"/>
                  </a:lnTo>
                  <a:lnTo>
                    <a:pt x="407" y="227"/>
                  </a:lnTo>
                  <a:lnTo>
                    <a:pt x="407" y="229"/>
                  </a:lnTo>
                  <a:lnTo>
                    <a:pt x="405" y="229"/>
                  </a:lnTo>
                  <a:lnTo>
                    <a:pt x="405" y="231"/>
                  </a:lnTo>
                  <a:lnTo>
                    <a:pt x="407" y="231"/>
                  </a:lnTo>
                  <a:lnTo>
                    <a:pt x="405" y="231"/>
                  </a:lnTo>
                  <a:lnTo>
                    <a:pt x="407" y="231"/>
                  </a:lnTo>
                  <a:lnTo>
                    <a:pt x="407" y="233"/>
                  </a:lnTo>
                  <a:lnTo>
                    <a:pt x="405" y="233"/>
                  </a:lnTo>
                  <a:lnTo>
                    <a:pt x="405" y="235"/>
                  </a:lnTo>
                  <a:lnTo>
                    <a:pt x="407" y="235"/>
                  </a:lnTo>
                  <a:lnTo>
                    <a:pt x="405" y="235"/>
                  </a:lnTo>
                  <a:lnTo>
                    <a:pt x="405" y="237"/>
                  </a:lnTo>
                  <a:lnTo>
                    <a:pt x="403" y="237"/>
                  </a:lnTo>
                  <a:lnTo>
                    <a:pt x="403" y="239"/>
                  </a:lnTo>
                  <a:lnTo>
                    <a:pt x="405" y="239"/>
                  </a:lnTo>
                  <a:lnTo>
                    <a:pt x="403" y="239"/>
                  </a:lnTo>
                  <a:lnTo>
                    <a:pt x="403" y="240"/>
                  </a:lnTo>
                  <a:lnTo>
                    <a:pt x="403" y="239"/>
                  </a:lnTo>
                  <a:lnTo>
                    <a:pt x="403" y="240"/>
                  </a:lnTo>
                  <a:lnTo>
                    <a:pt x="403" y="242"/>
                  </a:lnTo>
                  <a:lnTo>
                    <a:pt x="403" y="244"/>
                  </a:lnTo>
                  <a:lnTo>
                    <a:pt x="401" y="244"/>
                  </a:lnTo>
                  <a:lnTo>
                    <a:pt x="401" y="246"/>
                  </a:lnTo>
                  <a:lnTo>
                    <a:pt x="400" y="246"/>
                  </a:lnTo>
                  <a:lnTo>
                    <a:pt x="400" y="248"/>
                  </a:lnTo>
                  <a:lnTo>
                    <a:pt x="398" y="248"/>
                  </a:lnTo>
                  <a:lnTo>
                    <a:pt x="398" y="246"/>
                  </a:lnTo>
                  <a:lnTo>
                    <a:pt x="398" y="248"/>
                  </a:lnTo>
                  <a:lnTo>
                    <a:pt x="396" y="248"/>
                  </a:lnTo>
                  <a:lnTo>
                    <a:pt x="396" y="250"/>
                  </a:lnTo>
                  <a:lnTo>
                    <a:pt x="396" y="252"/>
                  </a:lnTo>
                  <a:lnTo>
                    <a:pt x="394" y="252"/>
                  </a:lnTo>
                  <a:lnTo>
                    <a:pt x="394" y="253"/>
                  </a:lnTo>
                  <a:lnTo>
                    <a:pt x="392" y="253"/>
                  </a:lnTo>
                  <a:lnTo>
                    <a:pt x="392" y="255"/>
                  </a:lnTo>
                  <a:lnTo>
                    <a:pt x="390" y="253"/>
                  </a:lnTo>
                  <a:lnTo>
                    <a:pt x="390" y="255"/>
                  </a:lnTo>
                  <a:lnTo>
                    <a:pt x="389" y="255"/>
                  </a:lnTo>
                  <a:lnTo>
                    <a:pt x="390" y="255"/>
                  </a:lnTo>
                  <a:lnTo>
                    <a:pt x="389" y="255"/>
                  </a:lnTo>
                  <a:lnTo>
                    <a:pt x="389" y="257"/>
                  </a:lnTo>
                  <a:lnTo>
                    <a:pt x="389" y="259"/>
                  </a:lnTo>
                  <a:lnTo>
                    <a:pt x="389" y="257"/>
                  </a:lnTo>
                  <a:lnTo>
                    <a:pt x="387" y="257"/>
                  </a:lnTo>
                  <a:lnTo>
                    <a:pt x="387" y="259"/>
                  </a:lnTo>
                  <a:lnTo>
                    <a:pt x="389" y="259"/>
                  </a:lnTo>
                  <a:lnTo>
                    <a:pt x="387" y="259"/>
                  </a:lnTo>
                  <a:lnTo>
                    <a:pt x="387" y="261"/>
                  </a:lnTo>
                  <a:lnTo>
                    <a:pt x="387" y="259"/>
                  </a:lnTo>
                  <a:lnTo>
                    <a:pt x="389" y="259"/>
                  </a:lnTo>
                  <a:lnTo>
                    <a:pt x="389" y="261"/>
                  </a:lnTo>
                  <a:lnTo>
                    <a:pt x="389" y="263"/>
                  </a:lnTo>
                  <a:lnTo>
                    <a:pt x="387" y="263"/>
                  </a:lnTo>
                  <a:lnTo>
                    <a:pt x="389" y="263"/>
                  </a:lnTo>
                  <a:lnTo>
                    <a:pt x="389" y="264"/>
                  </a:lnTo>
                  <a:lnTo>
                    <a:pt x="387" y="264"/>
                  </a:lnTo>
                  <a:lnTo>
                    <a:pt x="381" y="264"/>
                  </a:lnTo>
                  <a:lnTo>
                    <a:pt x="381" y="266"/>
                  </a:lnTo>
                  <a:lnTo>
                    <a:pt x="379" y="266"/>
                  </a:lnTo>
                  <a:lnTo>
                    <a:pt x="377" y="266"/>
                  </a:lnTo>
                  <a:lnTo>
                    <a:pt x="376" y="266"/>
                  </a:lnTo>
                  <a:lnTo>
                    <a:pt x="374" y="266"/>
                  </a:lnTo>
                  <a:lnTo>
                    <a:pt x="372" y="266"/>
                  </a:lnTo>
                  <a:lnTo>
                    <a:pt x="372" y="268"/>
                  </a:lnTo>
                  <a:lnTo>
                    <a:pt x="372" y="270"/>
                  </a:lnTo>
                  <a:lnTo>
                    <a:pt x="374" y="272"/>
                  </a:lnTo>
                  <a:lnTo>
                    <a:pt x="374" y="274"/>
                  </a:lnTo>
                  <a:lnTo>
                    <a:pt x="372" y="276"/>
                  </a:lnTo>
                  <a:lnTo>
                    <a:pt x="370" y="276"/>
                  </a:lnTo>
                  <a:lnTo>
                    <a:pt x="368" y="277"/>
                  </a:lnTo>
                  <a:lnTo>
                    <a:pt x="366" y="279"/>
                  </a:lnTo>
                  <a:lnTo>
                    <a:pt x="365" y="281"/>
                  </a:lnTo>
                  <a:lnTo>
                    <a:pt x="357" y="290"/>
                  </a:lnTo>
                  <a:lnTo>
                    <a:pt x="353" y="298"/>
                  </a:lnTo>
                  <a:lnTo>
                    <a:pt x="352" y="305"/>
                  </a:lnTo>
                  <a:lnTo>
                    <a:pt x="348" y="307"/>
                  </a:lnTo>
                  <a:lnTo>
                    <a:pt x="346" y="309"/>
                  </a:lnTo>
                  <a:lnTo>
                    <a:pt x="340" y="311"/>
                  </a:lnTo>
                  <a:lnTo>
                    <a:pt x="337" y="311"/>
                  </a:lnTo>
                  <a:lnTo>
                    <a:pt x="333" y="311"/>
                  </a:lnTo>
                  <a:lnTo>
                    <a:pt x="331" y="311"/>
                  </a:lnTo>
                  <a:lnTo>
                    <a:pt x="328" y="311"/>
                  </a:lnTo>
                  <a:lnTo>
                    <a:pt x="326" y="311"/>
                  </a:lnTo>
                  <a:lnTo>
                    <a:pt x="322" y="309"/>
                  </a:lnTo>
                  <a:lnTo>
                    <a:pt x="305" y="309"/>
                  </a:lnTo>
                  <a:lnTo>
                    <a:pt x="302" y="309"/>
                  </a:lnTo>
                  <a:lnTo>
                    <a:pt x="300" y="314"/>
                  </a:lnTo>
                  <a:lnTo>
                    <a:pt x="289" y="318"/>
                  </a:lnTo>
                  <a:lnTo>
                    <a:pt x="287" y="318"/>
                  </a:lnTo>
                  <a:lnTo>
                    <a:pt x="287" y="316"/>
                  </a:lnTo>
                  <a:lnTo>
                    <a:pt x="285" y="316"/>
                  </a:lnTo>
                  <a:lnTo>
                    <a:pt x="283" y="316"/>
                  </a:lnTo>
                  <a:lnTo>
                    <a:pt x="281" y="318"/>
                  </a:lnTo>
                  <a:lnTo>
                    <a:pt x="279" y="318"/>
                  </a:lnTo>
                  <a:lnTo>
                    <a:pt x="279" y="320"/>
                  </a:lnTo>
                  <a:lnTo>
                    <a:pt x="278" y="320"/>
                  </a:lnTo>
                  <a:lnTo>
                    <a:pt x="278" y="322"/>
                  </a:lnTo>
                  <a:lnTo>
                    <a:pt x="276" y="326"/>
                  </a:lnTo>
                  <a:lnTo>
                    <a:pt x="272" y="327"/>
                  </a:lnTo>
                  <a:lnTo>
                    <a:pt x="270" y="327"/>
                  </a:lnTo>
                  <a:lnTo>
                    <a:pt x="268" y="327"/>
                  </a:lnTo>
                  <a:lnTo>
                    <a:pt x="268" y="329"/>
                  </a:lnTo>
                  <a:lnTo>
                    <a:pt x="267" y="329"/>
                  </a:lnTo>
                  <a:lnTo>
                    <a:pt x="267" y="331"/>
                  </a:lnTo>
                  <a:lnTo>
                    <a:pt x="265" y="331"/>
                  </a:lnTo>
                  <a:lnTo>
                    <a:pt x="263" y="331"/>
                  </a:lnTo>
                  <a:lnTo>
                    <a:pt x="261" y="331"/>
                  </a:lnTo>
                  <a:lnTo>
                    <a:pt x="259" y="331"/>
                  </a:lnTo>
                  <a:lnTo>
                    <a:pt x="255" y="333"/>
                  </a:lnTo>
                  <a:lnTo>
                    <a:pt x="254" y="335"/>
                  </a:lnTo>
                  <a:lnTo>
                    <a:pt x="252" y="335"/>
                  </a:lnTo>
                  <a:lnTo>
                    <a:pt x="250" y="335"/>
                  </a:lnTo>
                  <a:lnTo>
                    <a:pt x="250" y="337"/>
                  </a:lnTo>
                  <a:lnTo>
                    <a:pt x="248" y="337"/>
                  </a:lnTo>
                  <a:lnTo>
                    <a:pt x="246" y="337"/>
                  </a:lnTo>
                  <a:lnTo>
                    <a:pt x="244" y="337"/>
                  </a:lnTo>
                  <a:lnTo>
                    <a:pt x="244" y="338"/>
                  </a:lnTo>
                  <a:lnTo>
                    <a:pt x="244" y="337"/>
                  </a:lnTo>
                  <a:lnTo>
                    <a:pt x="244" y="338"/>
                  </a:lnTo>
                  <a:lnTo>
                    <a:pt x="243" y="338"/>
                  </a:lnTo>
                  <a:lnTo>
                    <a:pt x="241" y="337"/>
                  </a:lnTo>
                  <a:lnTo>
                    <a:pt x="239" y="337"/>
                  </a:lnTo>
                  <a:lnTo>
                    <a:pt x="239" y="335"/>
                  </a:lnTo>
                  <a:lnTo>
                    <a:pt x="237" y="335"/>
                  </a:lnTo>
                  <a:lnTo>
                    <a:pt x="239" y="333"/>
                  </a:lnTo>
                  <a:lnTo>
                    <a:pt x="239" y="331"/>
                  </a:lnTo>
                  <a:lnTo>
                    <a:pt x="239" y="329"/>
                  </a:lnTo>
                  <a:lnTo>
                    <a:pt x="239" y="327"/>
                  </a:lnTo>
                  <a:lnTo>
                    <a:pt x="241" y="327"/>
                  </a:lnTo>
                  <a:lnTo>
                    <a:pt x="241" y="326"/>
                  </a:lnTo>
                  <a:lnTo>
                    <a:pt x="241" y="324"/>
                  </a:lnTo>
                  <a:lnTo>
                    <a:pt x="239" y="324"/>
                  </a:lnTo>
                  <a:lnTo>
                    <a:pt x="239" y="322"/>
                  </a:lnTo>
                  <a:lnTo>
                    <a:pt x="239" y="320"/>
                  </a:lnTo>
                  <a:lnTo>
                    <a:pt x="239" y="318"/>
                  </a:lnTo>
                  <a:lnTo>
                    <a:pt x="239" y="316"/>
                  </a:lnTo>
                  <a:lnTo>
                    <a:pt x="239" y="314"/>
                  </a:lnTo>
                  <a:lnTo>
                    <a:pt x="237" y="313"/>
                  </a:lnTo>
                  <a:lnTo>
                    <a:pt x="235" y="313"/>
                  </a:lnTo>
                  <a:lnTo>
                    <a:pt x="233" y="311"/>
                  </a:lnTo>
                  <a:lnTo>
                    <a:pt x="231" y="311"/>
                  </a:lnTo>
                  <a:lnTo>
                    <a:pt x="230" y="313"/>
                  </a:lnTo>
                  <a:lnTo>
                    <a:pt x="228" y="313"/>
                  </a:lnTo>
                  <a:lnTo>
                    <a:pt x="226" y="313"/>
                  </a:lnTo>
                  <a:lnTo>
                    <a:pt x="224" y="311"/>
                  </a:lnTo>
                  <a:lnTo>
                    <a:pt x="222" y="311"/>
                  </a:lnTo>
                  <a:lnTo>
                    <a:pt x="222" y="313"/>
                  </a:lnTo>
                  <a:lnTo>
                    <a:pt x="220" y="313"/>
                  </a:lnTo>
                  <a:lnTo>
                    <a:pt x="218" y="313"/>
                  </a:lnTo>
                  <a:lnTo>
                    <a:pt x="217" y="313"/>
                  </a:lnTo>
                  <a:lnTo>
                    <a:pt x="215" y="313"/>
                  </a:lnTo>
                  <a:lnTo>
                    <a:pt x="215" y="311"/>
                  </a:lnTo>
                  <a:lnTo>
                    <a:pt x="213" y="311"/>
                  </a:lnTo>
                  <a:lnTo>
                    <a:pt x="211" y="311"/>
                  </a:lnTo>
                  <a:lnTo>
                    <a:pt x="211" y="313"/>
                  </a:lnTo>
                  <a:lnTo>
                    <a:pt x="209" y="313"/>
                  </a:lnTo>
                  <a:lnTo>
                    <a:pt x="207" y="314"/>
                  </a:lnTo>
                  <a:lnTo>
                    <a:pt x="207" y="316"/>
                  </a:lnTo>
                  <a:lnTo>
                    <a:pt x="206" y="316"/>
                  </a:lnTo>
                  <a:lnTo>
                    <a:pt x="204" y="316"/>
                  </a:lnTo>
                  <a:lnTo>
                    <a:pt x="202" y="316"/>
                  </a:lnTo>
                  <a:lnTo>
                    <a:pt x="200" y="316"/>
                  </a:lnTo>
                  <a:lnTo>
                    <a:pt x="198" y="316"/>
                  </a:lnTo>
                  <a:lnTo>
                    <a:pt x="196" y="316"/>
                  </a:lnTo>
                  <a:lnTo>
                    <a:pt x="194" y="316"/>
                  </a:lnTo>
                  <a:lnTo>
                    <a:pt x="193" y="316"/>
                  </a:lnTo>
                  <a:lnTo>
                    <a:pt x="191" y="316"/>
                  </a:lnTo>
                  <a:lnTo>
                    <a:pt x="189" y="316"/>
                  </a:lnTo>
                  <a:lnTo>
                    <a:pt x="187" y="316"/>
                  </a:lnTo>
                  <a:lnTo>
                    <a:pt x="185" y="316"/>
                  </a:lnTo>
                  <a:lnTo>
                    <a:pt x="185" y="318"/>
                  </a:lnTo>
                  <a:lnTo>
                    <a:pt x="185" y="320"/>
                  </a:lnTo>
                  <a:lnTo>
                    <a:pt x="183" y="320"/>
                  </a:lnTo>
                  <a:lnTo>
                    <a:pt x="182" y="320"/>
                  </a:lnTo>
                  <a:lnTo>
                    <a:pt x="161" y="311"/>
                  </a:lnTo>
                  <a:lnTo>
                    <a:pt x="141" y="300"/>
                  </a:lnTo>
                  <a:lnTo>
                    <a:pt x="141" y="272"/>
                  </a:lnTo>
                  <a:lnTo>
                    <a:pt x="122" y="248"/>
                  </a:lnTo>
                  <a:lnTo>
                    <a:pt x="104" y="263"/>
                  </a:lnTo>
                  <a:lnTo>
                    <a:pt x="104" y="264"/>
                  </a:lnTo>
                  <a:lnTo>
                    <a:pt x="102" y="264"/>
                  </a:lnTo>
                  <a:lnTo>
                    <a:pt x="102" y="266"/>
                  </a:lnTo>
                  <a:lnTo>
                    <a:pt x="100" y="266"/>
                  </a:lnTo>
                  <a:lnTo>
                    <a:pt x="98" y="266"/>
                  </a:lnTo>
                  <a:lnTo>
                    <a:pt x="98" y="268"/>
                  </a:lnTo>
                  <a:lnTo>
                    <a:pt x="96" y="268"/>
                  </a:lnTo>
                  <a:lnTo>
                    <a:pt x="95" y="268"/>
                  </a:lnTo>
                  <a:lnTo>
                    <a:pt x="89" y="274"/>
                  </a:lnTo>
                  <a:lnTo>
                    <a:pt x="87" y="274"/>
                  </a:lnTo>
                  <a:lnTo>
                    <a:pt x="85" y="274"/>
                  </a:lnTo>
                  <a:lnTo>
                    <a:pt x="85" y="272"/>
                  </a:lnTo>
                  <a:lnTo>
                    <a:pt x="85" y="270"/>
                  </a:lnTo>
                  <a:lnTo>
                    <a:pt x="85" y="268"/>
                  </a:lnTo>
                  <a:lnTo>
                    <a:pt x="85" y="266"/>
                  </a:lnTo>
                  <a:lnTo>
                    <a:pt x="84" y="264"/>
                  </a:lnTo>
                  <a:lnTo>
                    <a:pt x="84" y="263"/>
                  </a:lnTo>
                  <a:lnTo>
                    <a:pt x="84" y="261"/>
                  </a:lnTo>
                  <a:lnTo>
                    <a:pt x="82" y="259"/>
                  </a:lnTo>
                  <a:lnTo>
                    <a:pt x="84" y="259"/>
                  </a:lnTo>
                  <a:lnTo>
                    <a:pt x="82" y="259"/>
                  </a:lnTo>
                  <a:lnTo>
                    <a:pt x="82" y="257"/>
                  </a:lnTo>
                  <a:lnTo>
                    <a:pt x="82" y="253"/>
                  </a:lnTo>
                  <a:lnTo>
                    <a:pt x="82" y="252"/>
                  </a:lnTo>
                  <a:lnTo>
                    <a:pt x="82" y="250"/>
                  </a:lnTo>
                  <a:lnTo>
                    <a:pt x="80" y="240"/>
                  </a:lnTo>
                  <a:lnTo>
                    <a:pt x="80" y="239"/>
                  </a:lnTo>
                  <a:lnTo>
                    <a:pt x="78" y="239"/>
                  </a:lnTo>
                  <a:lnTo>
                    <a:pt x="78" y="240"/>
                  </a:lnTo>
                  <a:lnTo>
                    <a:pt x="76" y="240"/>
                  </a:lnTo>
                  <a:lnTo>
                    <a:pt x="76" y="242"/>
                  </a:lnTo>
                  <a:lnTo>
                    <a:pt x="76" y="240"/>
                  </a:lnTo>
                  <a:lnTo>
                    <a:pt x="74" y="242"/>
                  </a:lnTo>
                  <a:lnTo>
                    <a:pt x="72" y="242"/>
                  </a:lnTo>
                  <a:lnTo>
                    <a:pt x="71" y="242"/>
                  </a:lnTo>
                  <a:lnTo>
                    <a:pt x="71" y="240"/>
                  </a:lnTo>
                  <a:lnTo>
                    <a:pt x="69" y="240"/>
                  </a:lnTo>
                  <a:lnTo>
                    <a:pt x="69" y="242"/>
                  </a:lnTo>
                  <a:lnTo>
                    <a:pt x="67" y="242"/>
                  </a:lnTo>
                  <a:lnTo>
                    <a:pt x="69" y="242"/>
                  </a:lnTo>
                  <a:lnTo>
                    <a:pt x="67" y="244"/>
                  </a:lnTo>
                  <a:lnTo>
                    <a:pt x="65" y="246"/>
                  </a:lnTo>
                  <a:lnTo>
                    <a:pt x="63" y="246"/>
                  </a:lnTo>
                  <a:lnTo>
                    <a:pt x="61" y="248"/>
                  </a:lnTo>
                  <a:lnTo>
                    <a:pt x="58" y="250"/>
                  </a:lnTo>
                  <a:lnTo>
                    <a:pt x="56" y="252"/>
                  </a:lnTo>
                  <a:lnTo>
                    <a:pt x="54" y="252"/>
                  </a:lnTo>
                  <a:lnTo>
                    <a:pt x="54" y="253"/>
                  </a:lnTo>
                  <a:lnTo>
                    <a:pt x="52" y="253"/>
                  </a:lnTo>
                  <a:lnTo>
                    <a:pt x="50" y="253"/>
                  </a:lnTo>
                  <a:lnTo>
                    <a:pt x="50" y="252"/>
                  </a:lnTo>
                  <a:lnTo>
                    <a:pt x="50" y="253"/>
                  </a:lnTo>
                  <a:lnTo>
                    <a:pt x="48" y="253"/>
                  </a:lnTo>
                  <a:lnTo>
                    <a:pt x="47" y="253"/>
                  </a:lnTo>
                  <a:lnTo>
                    <a:pt x="45" y="253"/>
                  </a:lnTo>
                  <a:lnTo>
                    <a:pt x="45" y="255"/>
                  </a:lnTo>
                  <a:lnTo>
                    <a:pt x="43" y="255"/>
                  </a:lnTo>
                  <a:lnTo>
                    <a:pt x="43" y="253"/>
                  </a:lnTo>
                  <a:lnTo>
                    <a:pt x="43" y="255"/>
                  </a:lnTo>
                  <a:lnTo>
                    <a:pt x="41" y="253"/>
                  </a:lnTo>
                  <a:lnTo>
                    <a:pt x="41" y="255"/>
                  </a:lnTo>
                  <a:lnTo>
                    <a:pt x="39" y="255"/>
                  </a:lnTo>
                  <a:lnTo>
                    <a:pt x="37" y="253"/>
                  </a:lnTo>
                  <a:lnTo>
                    <a:pt x="35" y="253"/>
                  </a:lnTo>
                  <a:lnTo>
                    <a:pt x="35" y="255"/>
                  </a:lnTo>
                  <a:lnTo>
                    <a:pt x="34" y="255"/>
                  </a:lnTo>
                  <a:lnTo>
                    <a:pt x="34" y="253"/>
                  </a:lnTo>
                  <a:lnTo>
                    <a:pt x="32" y="252"/>
                  </a:lnTo>
                  <a:lnTo>
                    <a:pt x="32" y="250"/>
                  </a:lnTo>
                  <a:lnTo>
                    <a:pt x="30" y="250"/>
                  </a:lnTo>
                  <a:lnTo>
                    <a:pt x="30" y="248"/>
                  </a:lnTo>
                  <a:lnTo>
                    <a:pt x="32" y="246"/>
                  </a:lnTo>
                  <a:lnTo>
                    <a:pt x="32" y="244"/>
                  </a:lnTo>
                  <a:lnTo>
                    <a:pt x="32" y="242"/>
                  </a:lnTo>
                  <a:lnTo>
                    <a:pt x="34" y="242"/>
                  </a:lnTo>
                  <a:lnTo>
                    <a:pt x="34" y="239"/>
                  </a:lnTo>
                  <a:lnTo>
                    <a:pt x="32" y="239"/>
                  </a:lnTo>
                  <a:lnTo>
                    <a:pt x="32" y="237"/>
                  </a:lnTo>
                  <a:lnTo>
                    <a:pt x="32" y="235"/>
                  </a:lnTo>
                  <a:lnTo>
                    <a:pt x="34" y="235"/>
                  </a:lnTo>
                  <a:lnTo>
                    <a:pt x="32" y="233"/>
                  </a:lnTo>
                  <a:lnTo>
                    <a:pt x="32" y="229"/>
                  </a:lnTo>
                  <a:lnTo>
                    <a:pt x="28" y="224"/>
                  </a:lnTo>
                  <a:lnTo>
                    <a:pt x="28" y="222"/>
                  </a:lnTo>
                  <a:lnTo>
                    <a:pt x="26" y="220"/>
                  </a:lnTo>
                  <a:lnTo>
                    <a:pt x="28" y="218"/>
                  </a:lnTo>
                  <a:lnTo>
                    <a:pt x="28" y="216"/>
                  </a:lnTo>
                  <a:lnTo>
                    <a:pt x="30" y="215"/>
                  </a:lnTo>
                  <a:lnTo>
                    <a:pt x="30" y="213"/>
                  </a:lnTo>
                  <a:lnTo>
                    <a:pt x="30" y="211"/>
                  </a:lnTo>
                  <a:lnTo>
                    <a:pt x="30" y="209"/>
                  </a:lnTo>
                  <a:lnTo>
                    <a:pt x="30" y="207"/>
                  </a:lnTo>
                  <a:lnTo>
                    <a:pt x="30" y="205"/>
                  </a:lnTo>
                  <a:lnTo>
                    <a:pt x="30" y="203"/>
                  </a:lnTo>
                  <a:lnTo>
                    <a:pt x="30" y="202"/>
                  </a:lnTo>
                  <a:lnTo>
                    <a:pt x="26" y="196"/>
                  </a:lnTo>
                  <a:lnTo>
                    <a:pt x="26" y="194"/>
                  </a:lnTo>
                  <a:lnTo>
                    <a:pt x="26" y="192"/>
                  </a:lnTo>
                  <a:lnTo>
                    <a:pt x="26" y="190"/>
                  </a:lnTo>
                  <a:lnTo>
                    <a:pt x="28" y="189"/>
                  </a:lnTo>
                  <a:lnTo>
                    <a:pt x="30" y="185"/>
                  </a:lnTo>
                  <a:lnTo>
                    <a:pt x="30" y="183"/>
                  </a:lnTo>
                  <a:lnTo>
                    <a:pt x="30" y="181"/>
                  </a:lnTo>
                  <a:lnTo>
                    <a:pt x="32" y="181"/>
                  </a:lnTo>
                  <a:lnTo>
                    <a:pt x="32" y="178"/>
                  </a:lnTo>
                  <a:lnTo>
                    <a:pt x="32" y="174"/>
                  </a:lnTo>
                  <a:lnTo>
                    <a:pt x="32" y="172"/>
                  </a:lnTo>
                  <a:lnTo>
                    <a:pt x="30" y="172"/>
                  </a:lnTo>
                  <a:lnTo>
                    <a:pt x="30" y="170"/>
                  </a:lnTo>
                  <a:lnTo>
                    <a:pt x="30" y="168"/>
                  </a:lnTo>
                  <a:lnTo>
                    <a:pt x="28" y="163"/>
                  </a:lnTo>
                  <a:lnTo>
                    <a:pt x="28" y="161"/>
                  </a:lnTo>
                  <a:lnTo>
                    <a:pt x="28" y="157"/>
                  </a:lnTo>
                  <a:lnTo>
                    <a:pt x="26" y="154"/>
                  </a:lnTo>
                  <a:lnTo>
                    <a:pt x="26" y="152"/>
                  </a:lnTo>
                  <a:lnTo>
                    <a:pt x="24" y="152"/>
                  </a:lnTo>
                  <a:lnTo>
                    <a:pt x="24" y="150"/>
                  </a:lnTo>
                  <a:lnTo>
                    <a:pt x="23" y="150"/>
                  </a:lnTo>
                  <a:lnTo>
                    <a:pt x="23" y="148"/>
                  </a:lnTo>
                  <a:lnTo>
                    <a:pt x="21" y="148"/>
                  </a:lnTo>
                  <a:lnTo>
                    <a:pt x="13" y="146"/>
                  </a:lnTo>
                  <a:lnTo>
                    <a:pt x="11" y="144"/>
                  </a:lnTo>
                  <a:lnTo>
                    <a:pt x="11" y="141"/>
                  </a:lnTo>
                  <a:lnTo>
                    <a:pt x="11" y="139"/>
                  </a:lnTo>
                  <a:lnTo>
                    <a:pt x="10" y="133"/>
                  </a:lnTo>
                  <a:lnTo>
                    <a:pt x="10" y="131"/>
                  </a:lnTo>
                  <a:lnTo>
                    <a:pt x="10" y="129"/>
                  </a:lnTo>
                  <a:lnTo>
                    <a:pt x="10" y="128"/>
                  </a:lnTo>
                  <a:lnTo>
                    <a:pt x="10" y="126"/>
                  </a:lnTo>
                  <a:lnTo>
                    <a:pt x="10" y="122"/>
                  </a:lnTo>
                  <a:lnTo>
                    <a:pt x="11" y="120"/>
                  </a:lnTo>
                  <a:lnTo>
                    <a:pt x="11" y="118"/>
                  </a:lnTo>
                  <a:lnTo>
                    <a:pt x="11" y="117"/>
                  </a:lnTo>
                  <a:lnTo>
                    <a:pt x="13" y="117"/>
                  </a:lnTo>
                  <a:lnTo>
                    <a:pt x="13" y="115"/>
                  </a:lnTo>
                  <a:lnTo>
                    <a:pt x="15" y="113"/>
                  </a:lnTo>
                  <a:lnTo>
                    <a:pt x="15" y="111"/>
                  </a:lnTo>
                  <a:lnTo>
                    <a:pt x="15" y="109"/>
                  </a:lnTo>
                  <a:lnTo>
                    <a:pt x="17" y="109"/>
                  </a:lnTo>
                  <a:lnTo>
                    <a:pt x="17" y="107"/>
                  </a:lnTo>
                  <a:lnTo>
                    <a:pt x="15" y="105"/>
                  </a:lnTo>
                  <a:lnTo>
                    <a:pt x="15" y="104"/>
                  </a:lnTo>
                  <a:lnTo>
                    <a:pt x="13" y="98"/>
                  </a:lnTo>
                  <a:lnTo>
                    <a:pt x="11" y="96"/>
                  </a:lnTo>
                  <a:lnTo>
                    <a:pt x="11" y="94"/>
                  </a:lnTo>
                  <a:lnTo>
                    <a:pt x="11" y="89"/>
                  </a:lnTo>
                  <a:lnTo>
                    <a:pt x="11" y="87"/>
                  </a:lnTo>
                  <a:lnTo>
                    <a:pt x="10" y="85"/>
                  </a:lnTo>
                  <a:lnTo>
                    <a:pt x="10" y="83"/>
                  </a:lnTo>
                  <a:lnTo>
                    <a:pt x="10" y="81"/>
                  </a:lnTo>
                  <a:lnTo>
                    <a:pt x="10" y="80"/>
                  </a:lnTo>
                  <a:lnTo>
                    <a:pt x="10" y="78"/>
                  </a:lnTo>
                  <a:lnTo>
                    <a:pt x="10" y="72"/>
                  </a:lnTo>
                  <a:lnTo>
                    <a:pt x="10" y="70"/>
                  </a:lnTo>
                  <a:lnTo>
                    <a:pt x="10" y="68"/>
                  </a:lnTo>
                  <a:lnTo>
                    <a:pt x="10" y="67"/>
                  </a:lnTo>
                  <a:lnTo>
                    <a:pt x="8" y="65"/>
                  </a:lnTo>
                  <a:lnTo>
                    <a:pt x="8" y="63"/>
                  </a:lnTo>
                  <a:lnTo>
                    <a:pt x="6" y="63"/>
                  </a:lnTo>
                  <a:lnTo>
                    <a:pt x="6" y="61"/>
                  </a:lnTo>
                  <a:lnTo>
                    <a:pt x="4" y="61"/>
                  </a:lnTo>
                  <a:lnTo>
                    <a:pt x="4" y="59"/>
                  </a:lnTo>
                  <a:lnTo>
                    <a:pt x="4" y="57"/>
                  </a:lnTo>
                  <a:lnTo>
                    <a:pt x="2" y="57"/>
                  </a:lnTo>
                  <a:lnTo>
                    <a:pt x="2" y="55"/>
                  </a:lnTo>
                  <a:lnTo>
                    <a:pt x="0" y="48"/>
                  </a:lnTo>
                  <a:lnTo>
                    <a:pt x="0" y="46"/>
                  </a:lnTo>
                  <a:lnTo>
                    <a:pt x="0" y="44"/>
                  </a:lnTo>
                  <a:lnTo>
                    <a:pt x="2" y="41"/>
                  </a:lnTo>
                  <a:lnTo>
                    <a:pt x="2" y="39"/>
                  </a:lnTo>
                  <a:lnTo>
                    <a:pt x="4" y="37"/>
                  </a:lnTo>
                  <a:lnTo>
                    <a:pt x="4" y="35"/>
                  </a:lnTo>
                  <a:lnTo>
                    <a:pt x="6" y="33"/>
                  </a:lnTo>
                  <a:lnTo>
                    <a:pt x="8" y="31"/>
                  </a:lnTo>
                  <a:lnTo>
                    <a:pt x="13" y="26"/>
                  </a:lnTo>
                  <a:lnTo>
                    <a:pt x="15" y="24"/>
                  </a:lnTo>
                  <a:lnTo>
                    <a:pt x="17" y="22"/>
                  </a:lnTo>
                  <a:lnTo>
                    <a:pt x="17" y="20"/>
                  </a:lnTo>
                  <a:lnTo>
                    <a:pt x="17" y="18"/>
                  </a:lnTo>
                  <a:lnTo>
                    <a:pt x="17" y="17"/>
                  </a:lnTo>
                  <a:lnTo>
                    <a:pt x="17" y="15"/>
                  </a:lnTo>
                  <a:lnTo>
                    <a:pt x="17" y="13"/>
                  </a:lnTo>
                  <a:lnTo>
                    <a:pt x="19" y="13"/>
                  </a:lnTo>
                  <a:lnTo>
                    <a:pt x="19" y="11"/>
                  </a:lnTo>
                  <a:lnTo>
                    <a:pt x="23" y="7"/>
                  </a:lnTo>
                  <a:lnTo>
                    <a:pt x="23" y="6"/>
                  </a:lnTo>
                  <a:lnTo>
                    <a:pt x="23" y="4"/>
                  </a:lnTo>
                  <a:lnTo>
                    <a:pt x="23" y="2"/>
                  </a:lnTo>
                  <a:lnTo>
                    <a:pt x="23" y="0"/>
                  </a:lnTo>
                  <a:lnTo>
                    <a:pt x="21" y="0"/>
                  </a:lnTo>
                  <a:lnTo>
                    <a:pt x="23" y="0"/>
                  </a:lnTo>
                  <a:lnTo>
                    <a:pt x="24" y="2"/>
                  </a:lnTo>
                  <a:lnTo>
                    <a:pt x="24" y="4"/>
                  </a:lnTo>
                  <a:lnTo>
                    <a:pt x="26" y="4"/>
                  </a:lnTo>
                  <a:lnTo>
                    <a:pt x="26" y="6"/>
                  </a:lnTo>
                  <a:lnTo>
                    <a:pt x="26" y="7"/>
                  </a:lnTo>
                  <a:lnTo>
                    <a:pt x="26" y="9"/>
                  </a:lnTo>
                  <a:lnTo>
                    <a:pt x="28" y="11"/>
                  </a:lnTo>
                  <a:lnTo>
                    <a:pt x="30" y="11"/>
                  </a:lnTo>
                  <a:lnTo>
                    <a:pt x="30" y="13"/>
                  </a:lnTo>
                  <a:lnTo>
                    <a:pt x="30" y="15"/>
                  </a:lnTo>
                  <a:lnTo>
                    <a:pt x="30" y="17"/>
                  </a:lnTo>
                  <a:lnTo>
                    <a:pt x="28" y="17"/>
                  </a:lnTo>
                  <a:lnTo>
                    <a:pt x="28" y="18"/>
                  </a:lnTo>
                  <a:lnTo>
                    <a:pt x="28" y="20"/>
                  </a:lnTo>
                  <a:lnTo>
                    <a:pt x="30" y="20"/>
                  </a:lnTo>
                  <a:lnTo>
                    <a:pt x="30" y="22"/>
                  </a:lnTo>
                  <a:lnTo>
                    <a:pt x="30" y="24"/>
                  </a:lnTo>
                  <a:lnTo>
                    <a:pt x="30" y="26"/>
                  </a:lnTo>
                  <a:lnTo>
                    <a:pt x="32" y="26"/>
                  </a:lnTo>
                  <a:lnTo>
                    <a:pt x="30" y="28"/>
                  </a:lnTo>
                  <a:lnTo>
                    <a:pt x="32" y="28"/>
                  </a:lnTo>
                  <a:lnTo>
                    <a:pt x="32" y="30"/>
                  </a:lnTo>
                  <a:lnTo>
                    <a:pt x="32" y="31"/>
                  </a:lnTo>
                  <a:lnTo>
                    <a:pt x="32" y="33"/>
                  </a:lnTo>
                  <a:lnTo>
                    <a:pt x="32" y="35"/>
                  </a:lnTo>
                  <a:lnTo>
                    <a:pt x="32" y="37"/>
                  </a:lnTo>
                  <a:lnTo>
                    <a:pt x="32" y="39"/>
                  </a:lnTo>
                  <a:lnTo>
                    <a:pt x="34" y="39"/>
                  </a:lnTo>
                  <a:lnTo>
                    <a:pt x="34" y="41"/>
                  </a:lnTo>
                  <a:lnTo>
                    <a:pt x="34" y="43"/>
                  </a:lnTo>
                  <a:lnTo>
                    <a:pt x="34" y="44"/>
                  </a:lnTo>
                  <a:lnTo>
                    <a:pt x="35" y="44"/>
                  </a:lnTo>
                  <a:lnTo>
                    <a:pt x="35" y="46"/>
                  </a:lnTo>
                  <a:lnTo>
                    <a:pt x="37" y="46"/>
                  </a:lnTo>
                  <a:lnTo>
                    <a:pt x="37" y="48"/>
                  </a:lnTo>
                  <a:lnTo>
                    <a:pt x="37" y="50"/>
                  </a:lnTo>
                  <a:lnTo>
                    <a:pt x="39" y="50"/>
                  </a:lnTo>
                  <a:lnTo>
                    <a:pt x="41" y="50"/>
                  </a:lnTo>
                  <a:lnTo>
                    <a:pt x="43" y="50"/>
                  </a:lnTo>
                  <a:lnTo>
                    <a:pt x="45" y="48"/>
                  </a:lnTo>
                  <a:lnTo>
                    <a:pt x="47" y="48"/>
                  </a:lnTo>
                  <a:lnTo>
                    <a:pt x="48" y="46"/>
                  </a:lnTo>
                  <a:lnTo>
                    <a:pt x="50" y="46"/>
                  </a:lnTo>
                  <a:lnTo>
                    <a:pt x="52" y="48"/>
                  </a:lnTo>
                  <a:lnTo>
                    <a:pt x="58" y="50"/>
                  </a:lnTo>
                  <a:lnTo>
                    <a:pt x="60" y="50"/>
                  </a:lnTo>
                  <a:lnTo>
                    <a:pt x="61" y="48"/>
                  </a:lnTo>
                  <a:lnTo>
                    <a:pt x="63" y="48"/>
                  </a:lnTo>
                  <a:lnTo>
                    <a:pt x="65" y="46"/>
                  </a:lnTo>
                  <a:lnTo>
                    <a:pt x="67" y="48"/>
                  </a:lnTo>
                  <a:lnTo>
                    <a:pt x="67" y="50"/>
                  </a:lnTo>
                  <a:lnTo>
                    <a:pt x="69" y="50"/>
                  </a:lnTo>
                  <a:lnTo>
                    <a:pt x="69" y="52"/>
                  </a:lnTo>
                  <a:lnTo>
                    <a:pt x="71" y="50"/>
                  </a:lnTo>
                  <a:lnTo>
                    <a:pt x="72" y="50"/>
                  </a:lnTo>
                  <a:lnTo>
                    <a:pt x="72" y="52"/>
                  </a:lnTo>
                  <a:lnTo>
                    <a:pt x="72" y="54"/>
                  </a:lnTo>
                  <a:lnTo>
                    <a:pt x="74" y="54"/>
                  </a:lnTo>
                  <a:lnTo>
                    <a:pt x="74" y="55"/>
                  </a:lnTo>
                  <a:lnTo>
                    <a:pt x="74" y="57"/>
                  </a:lnTo>
                  <a:lnTo>
                    <a:pt x="78" y="57"/>
                  </a:lnTo>
                  <a:lnTo>
                    <a:pt x="78" y="55"/>
                  </a:lnTo>
                  <a:lnTo>
                    <a:pt x="78" y="57"/>
                  </a:lnTo>
                  <a:lnTo>
                    <a:pt x="80" y="57"/>
                  </a:lnTo>
                  <a:lnTo>
                    <a:pt x="82" y="59"/>
                  </a:lnTo>
                  <a:lnTo>
                    <a:pt x="80" y="59"/>
                  </a:lnTo>
                  <a:lnTo>
                    <a:pt x="80" y="61"/>
                  </a:lnTo>
                  <a:lnTo>
                    <a:pt x="82" y="61"/>
                  </a:lnTo>
                  <a:lnTo>
                    <a:pt x="84" y="61"/>
                  </a:lnTo>
                  <a:lnTo>
                    <a:pt x="85" y="59"/>
                  </a:lnTo>
                  <a:lnTo>
                    <a:pt x="87" y="59"/>
                  </a:lnTo>
                  <a:lnTo>
                    <a:pt x="87" y="61"/>
                  </a:lnTo>
                  <a:lnTo>
                    <a:pt x="89" y="61"/>
                  </a:lnTo>
                  <a:lnTo>
                    <a:pt x="89" y="63"/>
                  </a:lnTo>
                  <a:lnTo>
                    <a:pt x="91" y="63"/>
                  </a:lnTo>
                  <a:lnTo>
                    <a:pt x="91" y="65"/>
                  </a:lnTo>
                  <a:lnTo>
                    <a:pt x="93" y="67"/>
                  </a:lnTo>
                  <a:lnTo>
                    <a:pt x="93" y="68"/>
                  </a:lnTo>
                  <a:lnTo>
                    <a:pt x="93" y="70"/>
                  </a:lnTo>
                  <a:lnTo>
                    <a:pt x="95" y="70"/>
                  </a:lnTo>
                  <a:lnTo>
                    <a:pt x="95" y="68"/>
                  </a:lnTo>
                  <a:lnTo>
                    <a:pt x="96" y="68"/>
                  </a:lnTo>
                  <a:lnTo>
                    <a:pt x="98" y="68"/>
                  </a:lnTo>
                  <a:lnTo>
                    <a:pt x="100" y="68"/>
                  </a:lnTo>
                  <a:lnTo>
                    <a:pt x="102" y="68"/>
                  </a:lnTo>
                  <a:lnTo>
                    <a:pt x="102" y="70"/>
                  </a:lnTo>
                  <a:lnTo>
                    <a:pt x="104" y="70"/>
                  </a:lnTo>
                  <a:lnTo>
                    <a:pt x="106" y="70"/>
                  </a:lnTo>
                  <a:lnTo>
                    <a:pt x="106" y="72"/>
                  </a:lnTo>
                  <a:lnTo>
                    <a:pt x="108" y="72"/>
                  </a:lnTo>
                  <a:lnTo>
                    <a:pt x="109" y="72"/>
                  </a:lnTo>
                  <a:lnTo>
                    <a:pt x="109" y="74"/>
                  </a:lnTo>
                  <a:lnTo>
                    <a:pt x="111" y="76"/>
                  </a:lnTo>
                  <a:lnTo>
                    <a:pt x="109" y="76"/>
                  </a:lnTo>
                  <a:lnTo>
                    <a:pt x="109" y="78"/>
                  </a:lnTo>
                  <a:lnTo>
                    <a:pt x="109" y="80"/>
                  </a:lnTo>
                  <a:lnTo>
                    <a:pt x="111" y="80"/>
                  </a:lnTo>
                  <a:lnTo>
                    <a:pt x="113" y="80"/>
                  </a:lnTo>
                  <a:lnTo>
                    <a:pt x="113" y="78"/>
                  </a:lnTo>
                  <a:lnTo>
                    <a:pt x="115" y="76"/>
                  </a:lnTo>
                  <a:lnTo>
                    <a:pt x="115" y="78"/>
                  </a:lnTo>
                  <a:lnTo>
                    <a:pt x="119" y="80"/>
                  </a:lnTo>
                  <a:lnTo>
                    <a:pt x="121" y="80"/>
                  </a:lnTo>
                  <a:lnTo>
                    <a:pt x="122" y="80"/>
                  </a:lnTo>
                  <a:lnTo>
                    <a:pt x="124" y="80"/>
                  </a:lnTo>
                  <a:lnTo>
                    <a:pt x="126" y="80"/>
                  </a:lnTo>
                  <a:lnTo>
                    <a:pt x="128" y="78"/>
                  </a:lnTo>
                  <a:lnTo>
                    <a:pt x="130" y="76"/>
                  </a:lnTo>
                  <a:lnTo>
                    <a:pt x="132" y="76"/>
                  </a:lnTo>
                  <a:lnTo>
                    <a:pt x="132" y="74"/>
                  </a:lnTo>
                  <a:lnTo>
                    <a:pt x="133" y="74"/>
                  </a:lnTo>
                  <a:lnTo>
                    <a:pt x="135" y="74"/>
                  </a:lnTo>
                  <a:lnTo>
                    <a:pt x="137" y="72"/>
                  </a:lnTo>
                  <a:lnTo>
                    <a:pt x="139" y="72"/>
                  </a:lnTo>
                  <a:lnTo>
                    <a:pt x="141" y="72"/>
                  </a:lnTo>
                  <a:lnTo>
                    <a:pt x="143" y="72"/>
                  </a:lnTo>
                  <a:lnTo>
                    <a:pt x="145" y="72"/>
                  </a:lnTo>
                  <a:close/>
                </a:path>
              </a:pathLst>
            </a:custGeom>
            <a:solidFill>
              <a:srgbClr val="FFFF00">
                <a:alpha val="5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101" name="Textfeld 100"/>
            <p:cNvSpPr txBox="1"/>
            <p:nvPr/>
          </p:nvSpPr>
          <p:spPr>
            <a:xfrm>
              <a:off x="5426795" y="3131585"/>
              <a:ext cx="247931"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ZG</a:t>
              </a:r>
            </a:p>
          </p:txBody>
        </p:sp>
        <p:sp>
          <p:nvSpPr>
            <p:cNvPr id="25" name="Freeform 169"/>
            <p:cNvSpPr>
              <a:spLocks/>
            </p:cNvSpPr>
            <p:nvPr/>
          </p:nvSpPr>
          <p:spPr bwMode="auto">
            <a:xfrm>
              <a:off x="6055584" y="3198664"/>
              <a:ext cx="551467" cy="803744"/>
            </a:xfrm>
            <a:custGeom>
              <a:avLst/>
              <a:gdLst>
                <a:gd name="T0" fmla="*/ 105 w 529"/>
                <a:gd name="T1" fmla="*/ 229 h 771"/>
                <a:gd name="T2" fmla="*/ 115 w 529"/>
                <a:gd name="T3" fmla="*/ 201 h 771"/>
                <a:gd name="T4" fmla="*/ 133 w 529"/>
                <a:gd name="T5" fmla="*/ 181 h 771"/>
                <a:gd name="T6" fmla="*/ 105 w 529"/>
                <a:gd name="T7" fmla="*/ 164 h 771"/>
                <a:gd name="T8" fmla="*/ 126 w 529"/>
                <a:gd name="T9" fmla="*/ 144 h 771"/>
                <a:gd name="T10" fmla="*/ 120 w 529"/>
                <a:gd name="T11" fmla="*/ 109 h 771"/>
                <a:gd name="T12" fmla="*/ 127 w 529"/>
                <a:gd name="T13" fmla="*/ 74 h 771"/>
                <a:gd name="T14" fmla="*/ 242 w 529"/>
                <a:gd name="T15" fmla="*/ 70 h 771"/>
                <a:gd name="T16" fmla="*/ 281 w 529"/>
                <a:gd name="T17" fmla="*/ 87 h 771"/>
                <a:gd name="T18" fmla="*/ 431 w 529"/>
                <a:gd name="T19" fmla="*/ 116 h 771"/>
                <a:gd name="T20" fmla="*/ 429 w 529"/>
                <a:gd name="T21" fmla="*/ 152 h 771"/>
                <a:gd name="T22" fmla="*/ 434 w 529"/>
                <a:gd name="T23" fmla="*/ 187 h 771"/>
                <a:gd name="T24" fmla="*/ 423 w 529"/>
                <a:gd name="T25" fmla="*/ 231 h 771"/>
                <a:gd name="T26" fmla="*/ 397 w 529"/>
                <a:gd name="T27" fmla="*/ 250 h 771"/>
                <a:gd name="T28" fmla="*/ 390 w 529"/>
                <a:gd name="T29" fmla="*/ 288 h 771"/>
                <a:gd name="T30" fmla="*/ 414 w 529"/>
                <a:gd name="T31" fmla="*/ 292 h 771"/>
                <a:gd name="T32" fmla="*/ 440 w 529"/>
                <a:gd name="T33" fmla="*/ 287 h 771"/>
                <a:gd name="T34" fmla="*/ 468 w 529"/>
                <a:gd name="T35" fmla="*/ 279 h 771"/>
                <a:gd name="T36" fmla="*/ 492 w 529"/>
                <a:gd name="T37" fmla="*/ 296 h 771"/>
                <a:gd name="T38" fmla="*/ 510 w 529"/>
                <a:gd name="T39" fmla="*/ 316 h 771"/>
                <a:gd name="T40" fmla="*/ 519 w 529"/>
                <a:gd name="T41" fmla="*/ 349 h 771"/>
                <a:gd name="T42" fmla="*/ 516 w 529"/>
                <a:gd name="T43" fmla="*/ 377 h 771"/>
                <a:gd name="T44" fmla="*/ 512 w 529"/>
                <a:gd name="T45" fmla="*/ 414 h 771"/>
                <a:gd name="T46" fmla="*/ 505 w 529"/>
                <a:gd name="T47" fmla="*/ 449 h 771"/>
                <a:gd name="T48" fmla="*/ 521 w 529"/>
                <a:gd name="T49" fmla="*/ 479 h 771"/>
                <a:gd name="T50" fmla="*/ 525 w 529"/>
                <a:gd name="T51" fmla="*/ 512 h 771"/>
                <a:gd name="T52" fmla="*/ 508 w 529"/>
                <a:gd name="T53" fmla="*/ 534 h 771"/>
                <a:gd name="T54" fmla="*/ 486 w 529"/>
                <a:gd name="T55" fmla="*/ 553 h 771"/>
                <a:gd name="T56" fmla="*/ 464 w 529"/>
                <a:gd name="T57" fmla="*/ 581 h 771"/>
                <a:gd name="T58" fmla="*/ 440 w 529"/>
                <a:gd name="T59" fmla="*/ 601 h 771"/>
                <a:gd name="T60" fmla="*/ 390 w 529"/>
                <a:gd name="T61" fmla="*/ 610 h 771"/>
                <a:gd name="T62" fmla="*/ 375 w 529"/>
                <a:gd name="T63" fmla="*/ 632 h 771"/>
                <a:gd name="T64" fmla="*/ 346 w 529"/>
                <a:gd name="T65" fmla="*/ 647 h 771"/>
                <a:gd name="T66" fmla="*/ 309 w 529"/>
                <a:gd name="T67" fmla="*/ 620 h 771"/>
                <a:gd name="T68" fmla="*/ 288 w 529"/>
                <a:gd name="T69" fmla="*/ 608 h 771"/>
                <a:gd name="T70" fmla="*/ 255 w 529"/>
                <a:gd name="T71" fmla="*/ 620 h 771"/>
                <a:gd name="T72" fmla="*/ 242 w 529"/>
                <a:gd name="T73" fmla="*/ 660 h 771"/>
                <a:gd name="T74" fmla="*/ 222 w 529"/>
                <a:gd name="T75" fmla="*/ 695 h 771"/>
                <a:gd name="T76" fmla="*/ 157 w 529"/>
                <a:gd name="T77" fmla="*/ 747 h 771"/>
                <a:gd name="T78" fmla="*/ 118 w 529"/>
                <a:gd name="T79" fmla="*/ 755 h 771"/>
                <a:gd name="T80" fmla="*/ 87 w 529"/>
                <a:gd name="T81" fmla="*/ 769 h 771"/>
                <a:gd name="T82" fmla="*/ 61 w 529"/>
                <a:gd name="T83" fmla="*/ 760 h 771"/>
                <a:gd name="T84" fmla="*/ 46 w 529"/>
                <a:gd name="T85" fmla="*/ 743 h 771"/>
                <a:gd name="T86" fmla="*/ 13 w 529"/>
                <a:gd name="T87" fmla="*/ 738 h 771"/>
                <a:gd name="T88" fmla="*/ 0 w 529"/>
                <a:gd name="T89" fmla="*/ 681 h 771"/>
                <a:gd name="T90" fmla="*/ 33 w 529"/>
                <a:gd name="T91" fmla="*/ 662 h 771"/>
                <a:gd name="T92" fmla="*/ 59 w 529"/>
                <a:gd name="T93" fmla="*/ 644 h 771"/>
                <a:gd name="T94" fmla="*/ 92 w 529"/>
                <a:gd name="T95" fmla="*/ 623 h 771"/>
                <a:gd name="T96" fmla="*/ 113 w 529"/>
                <a:gd name="T97" fmla="*/ 566 h 771"/>
                <a:gd name="T98" fmla="*/ 85 w 529"/>
                <a:gd name="T99" fmla="*/ 520 h 771"/>
                <a:gd name="T100" fmla="*/ 113 w 529"/>
                <a:gd name="T101" fmla="*/ 507 h 771"/>
                <a:gd name="T102" fmla="*/ 116 w 529"/>
                <a:gd name="T103" fmla="*/ 490 h 771"/>
                <a:gd name="T104" fmla="*/ 122 w 529"/>
                <a:gd name="T105" fmla="*/ 455 h 771"/>
                <a:gd name="T106" fmla="*/ 127 w 529"/>
                <a:gd name="T107" fmla="*/ 438 h 771"/>
                <a:gd name="T108" fmla="*/ 102 w 529"/>
                <a:gd name="T109" fmla="*/ 420 h 771"/>
                <a:gd name="T110" fmla="*/ 87 w 529"/>
                <a:gd name="T111" fmla="*/ 383 h 771"/>
                <a:gd name="T112" fmla="*/ 70 w 529"/>
                <a:gd name="T113" fmla="*/ 361 h 771"/>
                <a:gd name="T114" fmla="*/ 50 w 529"/>
                <a:gd name="T115" fmla="*/ 340 h 771"/>
                <a:gd name="T116" fmla="*/ 28 w 529"/>
                <a:gd name="T117" fmla="*/ 314 h 771"/>
                <a:gd name="T118" fmla="*/ 33 w 529"/>
                <a:gd name="T119" fmla="*/ 290 h 771"/>
                <a:gd name="T120" fmla="*/ 61 w 529"/>
                <a:gd name="T121" fmla="*/ 279 h 771"/>
                <a:gd name="T122" fmla="*/ 89 w 529"/>
                <a:gd name="T123" fmla="*/ 261 h 7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529" h="771">
                  <a:moveTo>
                    <a:pt x="98" y="257"/>
                  </a:moveTo>
                  <a:lnTo>
                    <a:pt x="98" y="255"/>
                  </a:lnTo>
                  <a:lnTo>
                    <a:pt x="98" y="253"/>
                  </a:lnTo>
                  <a:lnTo>
                    <a:pt x="100" y="253"/>
                  </a:lnTo>
                  <a:lnTo>
                    <a:pt x="100" y="251"/>
                  </a:lnTo>
                  <a:lnTo>
                    <a:pt x="100" y="250"/>
                  </a:lnTo>
                  <a:lnTo>
                    <a:pt x="100" y="248"/>
                  </a:lnTo>
                  <a:lnTo>
                    <a:pt x="100" y="246"/>
                  </a:lnTo>
                  <a:lnTo>
                    <a:pt x="100" y="244"/>
                  </a:lnTo>
                  <a:lnTo>
                    <a:pt x="100" y="242"/>
                  </a:lnTo>
                  <a:lnTo>
                    <a:pt x="100" y="240"/>
                  </a:lnTo>
                  <a:lnTo>
                    <a:pt x="100" y="238"/>
                  </a:lnTo>
                  <a:lnTo>
                    <a:pt x="102" y="238"/>
                  </a:lnTo>
                  <a:lnTo>
                    <a:pt x="100" y="238"/>
                  </a:lnTo>
                  <a:lnTo>
                    <a:pt x="102" y="237"/>
                  </a:lnTo>
                  <a:lnTo>
                    <a:pt x="102" y="235"/>
                  </a:lnTo>
                  <a:lnTo>
                    <a:pt x="102" y="233"/>
                  </a:lnTo>
                  <a:lnTo>
                    <a:pt x="103" y="233"/>
                  </a:lnTo>
                  <a:lnTo>
                    <a:pt x="103" y="231"/>
                  </a:lnTo>
                  <a:lnTo>
                    <a:pt x="103" y="229"/>
                  </a:lnTo>
                  <a:lnTo>
                    <a:pt x="105" y="229"/>
                  </a:lnTo>
                  <a:lnTo>
                    <a:pt x="105" y="227"/>
                  </a:lnTo>
                  <a:lnTo>
                    <a:pt x="105" y="226"/>
                  </a:lnTo>
                  <a:lnTo>
                    <a:pt x="107" y="226"/>
                  </a:lnTo>
                  <a:lnTo>
                    <a:pt x="107" y="224"/>
                  </a:lnTo>
                  <a:lnTo>
                    <a:pt x="109" y="224"/>
                  </a:lnTo>
                  <a:lnTo>
                    <a:pt x="109" y="222"/>
                  </a:lnTo>
                  <a:lnTo>
                    <a:pt x="111" y="220"/>
                  </a:lnTo>
                  <a:lnTo>
                    <a:pt x="111" y="218"/>
                  </a:lnTo>
                  <a:lnTo>
                    <a:pt x="113" y="218"/>
                  </a:lnTo>
                  <a:lnTo>
                    <a:pt x="113" y="216"/>
                  </a:lnTo>
                  <a:lnTo>
                    <a:pt x="113" y="214"/>
                  </a:lnTo>
                  <a:lnTo>
                    <a:pt x="113" y="213"/>
                  </a:lnTo>
                  <a:lnTo>
                    <a:pt x="115" y="213"/>
                  </a:lnTo>
                  <a:lnTo>
                    <a:pt x="116" y="213"/>
                  </a:lnTo>
                  <a:lnTo>
                    <a:pt x="116" y="211"/>
                  </a:lnTo>
                  <a:lnTo>
                    <a:pt x="116" y="209"/>
                  </a:lnTo>
                  <a:lnTo>
                    <a:pt x="116" y="207"/>
                  </a:lnTo>
                  <a:lnTo>
                    <a:pt x="116" y="205"/>
                  </a:lnTo>
                  <a:lnTo>
                    <a:pt x="116" y="203"/>
                  </a:lnTo>
                  <a:lnTo>
                    <a:pt x="116" y="201"/>
                  </a:lnTo>
                  <a:lnTo>
                    <a:pt x="115" y="201"/>
                  </a:lnTo>
                  <a:lnTo>
                    <a:pt x="116" y="201"/>
                  </a:lnTo>
                  <a:lnTo>
                    <a:pt x="120" y="198"/>
                  </a:lnTo>
                  <a:lnTo>
                    <a:pt x="122" y="196"/>
                  </a:lnTo>
                  <a:lnTo>
                    <a:pt x="122" y="194"/>
                  </a:lnTo>
                  <a:lnTo>
                    <a:pt x="124" y="194"/>
                  </a:lnTo>
                  <a:lnTo>
                    <a:pt x="124" y="192"/>
                  </a:lnTo>
                  <a:lnTo>
                    <a:pt x="122" y="192"/>
                  </a:lnTo>
                  <a:lnTo>
                    <a:pt x="124" y="190"/>
                  </a:lnTo>
                  <a:lnTo>
                    <a:pt x="122" y="190"/>
                  </a:lnTo>
                  <a:lnTo>
                    <a:pt x="124" y="190"/>
                  </a:lnTo>
                  <a:lnTo>
                    <a:pt x="126" y="190"/>
                  </a:lnTo>
                  <a:lnTo>
                    <a:pt x="127" y="189"/>
                  </a:lnTo>
                  <a:lnTo>
                    <a:pt x="127" y="187"/>
                  </a:lnTo>
                  <a:lnTo>
                    <a:pt x="129" y="185"/>
                  </a:lnTo>
                  <a:lnTo>
                    <a:pt x="131" y="185"/>
                  </a:lnTo>
                  <a:lnTo>
                    <a:pt x="131" y="183"/>
                  </a:lnTo>
                  <a:lnTo>
                    <a:pt x="133" y="183"/>
                  </a:lnTo>
                  <a:lnTo>
                    <a:pt x="135" y="183"/>
                  </a:lnTo>
                  <a:lnTo>
                    <a:pt x="135" y="181"/>
                  </a:lnTo>
                  <a:lnTo>
                    <a:pt x="135" y="179"/>
                  </a:lnTo>
                  <a:lnTo>
                    <a:pt x="133" y="181"/>
                  </a:lnTo>
                  <a:lnTo>
                    <a:pt x="133" y="179"/>
                  </a:lnTo>
                  <a:lnTo>
                    <a:pt x="131" y="179"/>
                  </a:lnTo>
                  <a:lnTo>
                    <a:pt x="129" y="179"/>
                  </a:lnTo>
                  <a:lnTo>
                    <a:pt x="127" y="179"/>
                  </a:lnTo>
                  <a:lnTo>
                    <a:pt x="126" y="179"/>
                  </a:lnTo>
                  <a:lnTo>
                    <a:pt x="124" y="177"/>
                  </a:lnTo>
                  <a:lnTo>
                    <a:pt x="122" y="177"/>
                  </a:lnTo>
                  <a:lnTo>
                    <a:pt x="120" y="177"/>
                  </a:lnTo>
                  <a:lnTo>
                    <a:pt x="118" y="176"/>
                  </a:lnTo>
                  <a:lnTo>
                    <a:pt x="116" y="176"/>
                  </a:lnTo>
                  <a:lnTo>
                    <a:pt x="115" y="174"/>
                  </a:lnTo>
                  <a:lnTo>
                    <a:pt x="113" y="174"/>
                  </a:lnTo>
                  <a:lnTo>
                    <a:pt x="111" y="174"/>
                  </a:lnTo>
                  <a:lnTo>
                    <a:pt x="109" y="174"/>
                  </a:lnTo>
                  <a:lnTo>
                    <a:pt x="109" y="172"/>
                  </a:lnTo>
                  <a:lnTo>
                    <a:pt x="107" y="172"/>
                  </a:lnTo>
                  <a:lnTo>
                    <a:pt x="105" y="172"/>
                  </a:lnTo>
                  <a:lnTo>
                    <a:pt x="105" y="170"/>
                  </a:lnTo>
                  <a:lnTo>
                    <a:pt x="105" y="168"/>
                  </a:lnTo>
                  <a:lnTo>
                    <a:pt x="105" y="166"/>
                  </a:lnTo>
                  <a:lnTo>
                    <a:pt x="105" y="164"/>
                  </a:lnTo>
                  <a:lnTo>
                    <a:pt x="107" y="164"/>
                  </a:lnTo>
                  <a:lnTo>
                    <a:pt x="107" y="163"/>
                  </a:lnTo>
                  <a:lnTo>
                    <a:pt x="109" y="161"/>
                  </a:lnTo>
                  <a:lnTo>
                    <a:pt x="109" y="159"/>
                  </a:lnTo>
                  <a:lnTo>
                    <a:pt x="109" y="157"/>
                  </a:lnTo>
                  <a:lnTo>
                    <a:pt x="111" y="157"/>
                  </a:lnTo>
                  <a:lnTo>
                    <a:pt x="111" y="155"/>
                  </a:lnTo>
                  <a:lnTo>
                    <a:pt x="111" y="153"/>
                  </a:lnTo>
                  <a:lnTo>
                    <a:pt x="113" y="153"/>
                  </a:lnTo>
                  <a:lnTo>
                    <a:pt x="113" y="152"/>
                  </a:lnTo>
                  <a:lnTo>
                    <a:pt x="115" y="152"/>
                  </a:lnTo>
                  <a:lnTo>
                    <a:pt x="116" y="152"/>
                  </a:lnTo>
                  <a:lnTo>
                    <a:pt x="116" y="150"/>
                  </a:lnTo>
                  <a:lnTo>
                    <a:pt x="118" y="150"/>
                  </a:lnTo>
                  <a:lnTo>
                    <a:pt x="118" y="148"/>
                  </a:lnTo>
                  <a:lnTo>
                    <a:pt x="120" y="148"/>
                  </a:lnTo>
                  <a:lnTo>
                    <a:pt x="122" y="148"/>
                  </a:lnTo>
                  <a:lnTo>
                    <a:pt x="124" y="148"/>
                  </a:lnTo>
                  <a:lnTo>
                    <a:pt x="124" y="146"/>
                  </a:lnTo>
                  <a:lnTo>
                    <a:pt x="126" y="146"/>
                  </a:lnTo>
                  <a:lnTo>
                    <a:pt x="126" y="144"/>
                  </a:lnTo>
                  <a:lnTo>
                    <a:pt x="127" y="144"/>
                  </a:lnTo>
                  <a:lnTo>
                    <a:pt x="127" y="142"/>
                  </a:lnTo>
                  <a:lnTo>
                    <a:pt x="127" y="140"/>
                  </a:lnTo>
                  <a:lnTo>
                    <a:pt x="127" y="139"/>
                  </a:lnTo>
                  <a:lnTo>
                    <a:pt x="126" y="137"/>
                  </a:lnTo>
                  <a:lnTo>
                    <a:pt x="126" y="135"/>
                  </a:lnTo>
                  <a:lnTo>
                    <a:pt x="127" y="133"/>
                  </a:lnTo>
                  <a:lnTo>
                    <a:pt x="127" y="131"/>
                  </a:lnTo>
                  <a:lnTo>
                    <a:pt x="127" y="129"/>
                  </a:lnTo>
                  <a:lnTo>
                    <a:pt x="127" y="127"/>
                  </a:lnTo>
                  <a:lnTo>
                    <a:pt x="129" y="126"/>
                  </a:lnTo>
                  <a:lnTo>
                    <a:pt x="131" y="124"/>
                  </a:lnTo>
                  <a:lnTo>
                    <a:pt x="131" y="122"/>
                  </a:lnTo>
                  <a:lnTo>
                    <a:pt x="129" y="118"/>
                  </a:lnTo>
                  <a:lnTo>
                    <a:pt x="129" y="116"/>
                  </a:lnTo>
                  <a:lnTo>
                    <a:pt x="127" y="115"/>
                  </a:lnTo>
                  <a:lnTo>
                    <a:pt x="126" y="115"/>
                  </a:lnTo>
                  <a:lnTo>
                    <a:pt x="124" y="115"/>
                  </a:lnTo>
                  <a:lnTo>
                    <a:pt x="124" y="113"/>
                  </a:lnTo>
                  <a:lnTo>
                    <a:pt x="122" y="113"/>
                  </a:lnTo>
                  <a:lnTo>
                    <a:pt x="120" y="109"/>
                  </a:lnTo>
                  <a:lnTo>
                    <a:pt x="120" y="107"/>
                  </a:lnTo>
                  <a:lnTo>
                    <a:pt x="120" y="105"/>
                  </a:lnTo>
                  <a:lnTo>
                    <a:pt x="120" y="103"/>
                  </a:lnTo>
                  <a:lnTo>
                    <a:pt x="120" y="102"/>
                  </a:lnTo>
                  <a:lnTo>
                    <a:pt x="122" y="102"/>
                  </a:lnTo>
                  <a:lnTo>
                    <a:pt x="122" y="100"/>
                  </a:lnTo>
                  <a:lnTo>
                    <a:pt x="122" y="98"/>
                  </a:lnTo>
                  <a:lnTo>
                    <a:pt x="122" y="96"/>
                  </a:lnTo>
                  <a:lnTo>
                    <a:pt x="122" y="94"/>
                  </a:lnTo>
                  <a:lnTo>
                    <a:pt x="124" y="94"/>
                  </a:lnTo>
                  <a:lnTo>
                    <a:pt x="124" y="92"/>
                  </a:lnTo>
                  <a:lnTo>
                    <a:pt x="124" y="90"/>
                  </a:lnTo>
                  <a:lnTo>
                    <a:pt x="124" y="89"/>
                  </a:lnTo>
                  <a:lnTo>
                    <a:pt x="124" y="87"/>
                  </a:lnTo>
                  <a:lnTo>
                    <a:pt x="124" y="85"/>
                  </a:lnTo>
                  <a:lnTo>
                    <a:pt x="124" y="83"/>
                  </a:lnTo>
                  <a:lnTo>
                    <a:pt x="124" y="79"/>
                  </a:lnTo>
                  <a:lnTo>
                    <a:pt x="122" y="78"/>
                  </a:lnTo>
                  <a:lnTo>
                    <a:pt x="124" y="76"/>
                  </a:lnTo>
                  <a:lnTo>
                    <a:pt x="126" y="74"/>
                  </a:lnTo>
                  <a:lnTo>
                    <a:pt x="127" y="74"/>
                  </a:lnTo>
                  <a:lnTo>
                    <a:pt x="129" y="72"/>
                  </a:lnTo>
                  <a:lnTo>
                    <a:pt x="129" y="70"/>
                  </a:lnTo>
                  <a:lnTo>
                    <a:pt x="131" y="70"/>
                  </a:lnTo>
                  <a:lnTo>
                    <a:pt x="131" y="68"/>
                  </a:lnTo>
                  <a:lnTo>
                    <a:pt x="131" y="66"/>
                  </a:lnTo>
                  <a:lnTo>
                    <a:pt x="131" y="65"/>
                  </a:lnTo>
                  <a:lnTo>
                    <a:pt x="133" y="63"/>
                  </a:lnTo>
                  <a:lnTo>
                    <a:pt x="152" y="31"/>
                  </a:lnTo>
                  <a:lnTo>
                    <a:pt x="155" y="26"/>
                  </a:lnTo>
                  <a:lnTo>
                    <a:pt x="157" y="22"/>
                  </a:lnTo>
                  <a:lnTo>
                    <a:pt x="159" y="18"/>
                  </a:lnTo>
                  <a:lnTo>
                    <a:pt x="163" y="15"/>
                  </a:lnTo>
                  <a:lnTo>
                    <a:pt x="166" y="9"/>
                  </a:lnTo>
                  <a:lnTo>
                    <a:pt x="168" y="7"/>
                  </a:lnTo>
                  <a:lnTo>
                    <a:pt x="170" y="5"/>
                  </a:lnTo>
                  <a:lnTo>
                    <a:pt x="172" y="2"/>
                  </a:lnTo>
                  <a:lnTo>
                    <a:pt x="174" y="0"/>
                  </a:lnTo>
                  <a:lnTo>
                    <a:pt x="177" y="4"/>
                  </a:lnTo>
                  <a:lnTo>
                    <a:pt x="205" y="33"/>
                  </a:lnTo>
                  <a:lnTo>
                    <a:pt x="237" y="65"/>
                  </a:lnTo>
                  <a:lnTo>
                    <a:pt x="242" y="70"/>
                  </a:lnTo>
                  <a:lnTo>
                    <a:pt x="242" y="72"/>
                  </a:lnTo>
                  <a:lnTo>
                    <a:pt x="246" y="74"/>
                  </a:lnTo>
                  <a:lnTo>
                    <a:pt x="248" y="76"/>
                  </a:lnTo>
                  <a:lnTo>
                    <a:pt x="249" y="76"/>
                  </a:lnTo>
                  <a:lnTo>
                    <a:pt x="251" y="78"/>
                  </a:lnTo>
                  <a:lnTo>
                    <a:pt x="253" y="81"/>
                  </a:lnTo>
                  <a:lnTo>
                    <a:pt x="255" y="81"/>
                  </a:lnTo>
                  <a:lnTo>
                    <a:pt x="257" y="83"/>
                  </a:lnTo>
                  <a:lnTo>
                    <a:pt x="257" y="85"/>
                  </a:lnTo>
                  <a:lnTo>
                    <a:pt x="259" y="85"/>
                  </a:lnTo>
                  <a:lnTo>
                    <a:pt x="259" y="87"/>
                  </a:lnTo>
                  <a:lnTo>
                    <a:pt x="261" y="87"/>
                  </a:lnTo>
                  <a:lnTo>
                    <a:pt x="261" y="89"/>
                  </a:lnTo>
                  <a:lnTo>
                    <a:pt x="262" y="89"/>
                  </a:lnTo>
                  <a:lnTo>
                    <a:pt x="264" y="89"/>
                  </a:lnTo>
                  <a:lnTo>
                    <a:pt x="266" y="89"/>
                  </a:lnTo>
                  <a:lnTo>
                    <a:pt x="268" y="89"/>
                  </a:lnTo>
                  <a:lnTo>
                    <a:pt x="272" y="89"/>
                  </a:lnTo>
                  <a:lnTo>
                    <a:pt x="277" y="87"/>
                  </a:lnTo>
                  <a:lnTo>
                    <a:pt x="279" y="87"/>
                  </a:lnTo>
                  <a:lnTo>
                    <a:pt x="281" y="87"/>
                  </a:lnTo>
                  <a:lnTo>
                    <a:pt x="283" y="87"/>
                  </a:lnTo>
                  <a:lnTo>
                    <a:pt x="288" y="85"/>
                  </a:lnTo>
                  <a:lnTo>
                    <a:pt x="290" y="85"/>
                  </a:lnTo>
                  <a:lnTo>
                    <a:pt x="294" y="85"/>
                  </a:lnTo>
                  <a:lnTo>
                    <a:pt x="296" y="85"/>
                  </a:lnTo>
                  <a:lnTo>
                    <a:pt x="298" y="85"/>
                  </a:lnTo>
                  <a:lnTo>
                    <a:pt x="299" y="85"/>
                  </a:lnTo>
                  <a:lnTo>
                    <a:pt x="299" y="83"/>
                  </a:lnTo>
                  <a:lnTo>
                    <a:pt x="307" y="81"/>
                  </a:lnTo>
                  <a:lnTo>
                    <a:pt x="309" y="81"/>
                  </a:lnTo>
                  <a:lnTo>
                    <a:pt x="314" y="85"/>
                  </a:lnTo>
                  <a:lnTo>
                    <a:pt x="316" y="85"/>
                  </a:lnTo>
                  <a:lnTo>
                    <a:pt x="318" y="85"/>
                  </a:lnTo>
                  <a:lnTo>
                    <a:pt x="320" y="85"/>
                  </a:lnTo>
                  <a:lnTo>
                    <a:pt x="323" y="83"/>
                  </a:lnTo>
                  <a:lnTo>
                    <a:pt x="327" y="81"/>
                  </a:lnTo>
                  <a:lnTo>
                    <a:pt x="357" y="83"/>
                  </a:lnTo>
                  <a:lnTo>
                    <a:pt x="373" y="89"/>
                  </a:lnTo>
                  <a:lnTo>
                    <a:pt x="431" y="98"/>
                  </a:lnTo>
                  <a:lnTo>
                    <a:pt x="431" y="115"/>
                  </a:lnTo>
                  <a:lnTo>
                    <a:pt x="431" y="116"/>
                  </a:lnTo>
                  <a:lnTo>
                    <a:pt x="431" y="118"/>
                  </a:lnTo>
                  <a:lnTo>
                    <a:pt x="431" y="120"/>
                  </a:lnTo>
                  <a:lnTo>
                    <a:pt x="431" y="122"/>
                  </a:lnTo>
                  <a:lnTo>
                    <a:pt x="432" y="124"/>
                  </a:lnTo>
                  <a:lnTo>
                    <a:pt x="432" y="126"/>
                  </a:lnTo>
                  <a:lnTo>
                    <a:pt x="432" y="127"/>
                  </a:lnTo>
                  <a:lnTo>
                    <a:pt x="431" y="127"/>
                  </a:lnTo>
                  <a:lnTo>
                    <a:pt x="431" y="129"/>
                  </a:lnTo>
                  <a:lnTo>
                    <a:pt x="431" y="131"/>
                  </a:lnTo>
                  <a:lnTo>
                    <a:pt x="431" y="133"/>
                  </a:lnTo>
                  <a:lnTo>
                    <a:pt x="431" y="135"/>
                  </a:lnTo>
                  <a:lnTo>
                    <a:pt x="431" y="137"/>
                  </a:lnTo>
                  <a:lnTo>
                    <a:pt x="431" y="139"/>
                  </a:lnTo>
                  <a:lnTo>
                    <a:pt x="429" y="140"/>
                  </a:lnTo>
                  <a:lnTo>
                    <a:pt x="429" y="142"/>
                  </a:lnTo>
                  <a:lnTo>
                    <a:pt x="429" y="144"/>
                  </a:lnTo>
                  <a:lnTo>
                    <a:pt x="427" y="146"/>
                  </a:lnTo>
                  <a:lnTo>
                    <a:pt x="427" y="148"/>
                  </a:lnTo>
                  <a:lnTo>
                    <a:pt x="427" y="150"/>
                  </a:lnTo>
                  <a:lnTo>
                    <a:pt x="427" y="152"/>
                  </a:lnTo>
                  <a:lnTo>
                    <a:pt x="429" y="152"/>
                  </a:lnTo>
                  <a:lnTo>
                    <a:pt x="429" y="153"/>
                  </a:lnTo>
                  <a:lnTo>
                    <a:pt x="429" y="155"/>
                  </a:lnTo>
                  <a:lnTo>
                    <a:pt x="429" y="157"/>
                  </a:lnTo>
                  <a:lnTo>
                    <a:pt x="429" y="159"/>
                  </a:lnTo>
                  <a:lnTo>
                    <a:pt x="431" y="159"/>
                  </a:lnTo>
                  <a:lnTo>
                    <a:pt x="431" y="161"/>
                  </a:lnTo>
                  <a:lnTo>
                    <a:pt x="432" y="163"/>
                  </a:lnTo>
                  <a:lnTo>
                    <a:pt x="432" y="164"/>
                  </a:lnTo>
                  <a:lnTo>
                    <a:pt x="434" y="164"/>
                  </a:lnTo>
                  <a:lnTo>
                    <a:pt x="434" y="166"/>
                  </a:lnTo>
                  <a:lnTo>
                    <a:pt x="432" y="168"/>
                  </a:lnTo>
                  <a:lnTo>
                    <a:pt x="432" y="170"/>
                  </a:lnTo>
                  <a:lnTo>
                    <a:pt x="432" y="172"/>
                  </a:lnTo>
                  <a:lnTo>
                    <a:pt x="432" y="174"/>
                  </a:lnTo>
                  <a:lnTo>
                    <a:pt x="432" y="176"/>
                  </a:lnTo>
                  <a:lnTo>
                    <a:pt x="432" y="177"/>
                  </a:lnTo>
                  <a:lnTo>
                    <a:pt x="432" y="179"/>
                  </a:lnTo>
                  <a:lnTo>
                    <a:pt x="432" y="181"/>
                  </a:lnTo>
                  <a:lnTo>
                    <a:pt x="432" y="183"/>
                  </a:lnTo>
                  <a:lnTo>
                    <a:pt x="432" y="185"/>
                  </a:lnTo>
                  <a:lnTo>
                    <a:pt x="434" y="187"/>
                  </a:lnTo>
                  <a:lnTo>
                    <a:pt x="434" y="190"/>
                  </a:lnTo>
                  <a:lnTo>
                    <a:pt x="434" y="192"/>
                  </a:lnTo>
                  <a:lnTo>
                    <a:pt x="434" y="196"/>
                  </a:lnTo>
                  <a:lnTo>
                    <a:pt x="434" y="198"/>
                  </a:lnTo>
                  <a:lnTo>
                    <a:pt x="434" y="200"/>
                  </a:lnTo>
                  <a:lnTo>
                    <a:pt x="436" y="200"/>
                  </a:lnTo>
                  <a:lnTo>
                    <a:pt x="436" y="201"/>
                  </a:lnTo>
                  <a:lnTo>
                    <a:pt x="436" y="203"/>
                  </a:lnTo>
                  <a:lnTo>
                    <a:pt x="434" y="203"/>
                  </a:lnTo>
                  <a:lnTo>
                    <a:pt x="434" y="207"/>
                  </a:lnTo>
                  <a:lnTo>
                    <a:pt x="431" y="216"/>
                  </a:lnTo>
                  <a:lnTo>
                    <a:pt x="431" y="218"/>
                  </a:lnTo>
                  <a:lnTo>
                    <a:pt x="427" y="220"/>
                  </a:lnTo>
                  <a:lnTo>
                    <a:pt x="427" y="222"/>
                  </a:lnTo>
                  <a:lnTo>
                    <a:pt x="427" y="224"/>
                  </a:lnTo>
                  <a:lnTo>
                    <a:pt x="427" y="226"/>
                  </a:lnTo>
                  <a:lnTo>
                    <a:pt x="427" y="227"/>
                  </a:lnTo>
                  <a:lnTo>
                    <a:pt x="425" y="227"/>
                  </a:lnTo>
                  <a:lnTo>
                    <a:pt x="425" y="229"/>
                  </a:lnTo>
                  <a:lnTo>
                    <a:pt x="423" y="229"/>
                  </a:lnTo>
                  <a:lnTo>
                    <a:pt x="423" y="231"/>
                  </a:lnTo>
                  <a:lnTo>
                    <a:pt x="423" y="233"/>
                  </a:lnTo>
                  <a:lnTo>
                    <a:pt x="421" y="233"/>
                  </a:lnTo>
                  <a:lnTo>
                    <a:pt x="420" y="235"/>
                  </a:lnTo>
                  <a:lnTo>
                    <a:pt x="420" y="237"/>
                  </a:lnTo>
                  <a:lnTo>
                    <a:pt x="418" y="237"/>
                  </a:lnTo>
                  <a:lnTo>
                    <a:pt x="418" y="238"/>
                  </a:lnTo>
                  <a:lnTo>
                    <a:pt x="416" y="238"/>
                  </a:lnTo>
                  <a:lnTo>
                    <a:pt x="414" y="240"/>
                  </a:lnTo>
                  <a:lnTo>
                    <a:pt x="414" y="242"/>
                  </a:lnTo>
                  <a:lnTo>
                    <a:pt x="412" y="242"/>
                  </a:lnTo>
                  <a:lnTo>
                    <a:pt x="412" y="244"/>
                  </a:lnTo>
                  <a:lnTo>
                    <a:pt x="410" y="244"/>
                  </a:lnTo>
                  <a:lnTo>
                    <a:pt x="408" y="244"/>
                  </a:lnTo>
                  <a:lnTo>
                    <a:pt x="407" y="246"/>
                  </a:lnTo>
                  <a:lnTo>
                    <a:pt x="407" y="248"/>
                  </a:lnTo>
                  <a:lnTo>
                    <a:pt x="405" y="248"/>
                  </a:lnTo>
                  <a:lnTo>
                    <a:pt x="405" y="250"/>
                  </a:lnTo>
                  <a:lnTo>
                    <a:pt x="403" y="250"/>
                  </a:lnTo>
                  <a:lnTo>
                    <a:pt x="401" y="250"/>
                  </a:lnTo>
                  <a:lnTo>
                    <a:pt x="399" y="250"/>
                  </a:lnTo>
                  <a:lnTo>
                    <a:pt x="397" y="250"/>
                  </a:lnTo>
                  <a:lnTo>
                    <a:pt x="396" y="250"/>
                  </a:lnTo>
                  <a:lnTo>
                    <a:pt x="394" y="250"/>
                  </a:lnTo>
                  <a:lnTo>
                    <a:pt x="394" y="251"/>
                  </a:lnTo>
                  <a:lnTo>
                    <a:pt x="392" y="251"/>
                  </a:lnTo>
                  <a:lnTo>
                    <a:pt x="392" y="253"/>
                  </a:lnTo>
                  <a:lnTo>
                    <a:pt x="390" y="253"/>
                  </a:lnTo>
                  <a:lnTo>
                    <a:pt x="388" y="253"/>
                  </a:lnTo>
                  <a:lnTo>
                    <a:pt x="386" y="253"/>
                  </a:lnTo>
                  <a:lnTo>
                    <a:pt x="384" y="253"/>
                  </a:lnTo>
                  <a:lnTo>
                    <a:pt x="384" y="255"/>
                  </a:lnTo>
                  <a:lnTo>
                    <a:pt x="383" y="255"/>
                  </a:lnTo>
                  <a:lnTo>
                    <a:pt x="383" y="257"/>
                  </a:lnTo>
                  <a:lnTo>
                    <a:pt x="381" y="257"/>
                  </a:lnTo>
                  <a:lnTo>
                    <a:pt x="379" y="259"/>
                  </a:lnTo>
                  <a:lnTo>
                    <a:pt x="379" y="261"/>
                  </a:lnTo>
                  <a:lnTo>
                    <a:pt x="377" y="261"/>
                  </a:lnTo>
                  <a:lnTo>
                    <a:pt x="362" y="272"/>
                  </a:lnTo>
                  <a:lnTo>
                    <a:pt x="379" y="283"/>
                  </a:lnTo>
                  <a:lnTo>
                    <a:pt x="388" y="290"/>
                  </a:lnTo>
                  <a:lnTo>
                    <a:pt x="390" y="290"/>
                  </a:lnTo>
                  <a:lnTo>
                    <a:pt x="390" y="288"/>
                  </a:lnTo>
                  <a:lnTo>
                    <a:pt x="392" y="288"/>
                  </a:lnTo>
                  <a:lnTo>
                    <a:pt x="392" y="290"/>
                  </a:lnTo>
                  <a:lnTo>
                    <a:pt x="394" y="290"/>
                  </a:lnTo>
                  <a:lnTo>
                    <a:pt x="396" y="290"/>
                  </a:lnTo>
                  <a:lnTo>
                    <a:pt x="396" y="292"/>
                  </a:lnTo>
                  <a:lnTo>
                    <a:pt x="397" y="292"/>
                  </a:lnTo>
                  <a:lnTo>
                    <a:pt x="399" y="292"/>
                  </a:lnTo>
                  <a:lnTo>
                    <a:pt x="399" y="294"/>
                  </a:lnTo>
                  <a:lnTo>
                    <a:pt x="401" y="294"/>
                  </a:lnTo>
                  <a:lnTo>
                    <a:pt x="401" y="296"/>
                  </a:lnTo>
                  <a:lnTo>
                    <a:pt x="401" y="294"/>
                  </a:lnTo>
                  <a:lnTo>
                    <a:pt x="401" y="296"/>
                  </a:lnTo>
                  <a:lnTo>
                    <a:pt x="403" y="296"/>
                  </a:lnTo>
                  <a:lnTo>
                    <a:pt x="405" y="296"/>
                  </a:lnTo>
                  <a:lnTo>
                    <a:pt x="407" y="296"/>
                  </a:lnTo>
                  <a:lnTo>
                    <a:pt x="408" y="296"/>
                  </a:lnTo>
                  <a:lnTo>
                    <a:pt x="410" y="296"/>
                  </a:lnTo>
                  <a:lnTo>
                    <a:pt x="410" y="294"/>
                  </a:lnTo>
                  <a:lnTo>
                    <a:pt x="412" y="294"/>
                  </a:lnTo>
                  <a:lnTo>
                    <a:pt x="412" y="292"/>
                  </a:lnTo>
                  <a:lnTo>
                    <a:pt x="414" y="292"/>
                  </a:lnTo>
                  <a:lnTo>
                    <a:pt x="416" y="292"/>
                  </a:lnTo>
                  <a:lnTo>
                    <a:pt x="416" y="294"/>
                  </a:lnTo>
                  <a:lnTo>
                    <a:pt x="418" y="294"/>
                  </a:lnTo>
                  <a:lnTo>
                    <a:pt x="418" y="296"/>
                  </a:lnTo>
                  <a:lnTo>
                    <a:pt x="420" y="296"/>
                  </a:lnTo>
                  <a:lnTo>
                    <a:pt x="421" y="298"/>
                  </a:lnTo>
                  <a:lnTo>
                    <a:pt x="423" y="298"/>
                  </a:lnTo>
                  <a:lnTo>
                    <a:pt x="423" y="296"/>
                  </a:lnTo>
                  <a:lnTo>
                    <a:pt x="425" y="296"/>
                  </a:lnTo>
                  <a:lnTo>
                    <a:pt x="427" y="296"/>
                  </a:lnTo>
                  <a:lnTo>
                    <a:pt x="427" y="294"/>
                  </a:lnTo>
                  <a:lnTo>
                    <a:pt x="429" y="294"/>
                  </a:lnTo>
                  <a:lnTo>
                    <a:pt x="429" y="292"/>
                  </a:lnTo>
                  <a:lnTo>
                    <a:pt x="431" y="292"/>
                  </a:lnTo>
                  <a:lnTo>
                    <a:pt x="432" y="292"/>
                  </a:lnTo>
                  <a:lnTo>
                    <a:pt x="432" y="290"/>
                  </a:lnTo>
                  <a:lnTo>
                    <a:pt x="434" y="290"/>
                  </a:lnTo>
                  <a:lnTo>
                    <a:pt x="434" y="288"/>
                  </a:lnTo>
                  <a:lnTo>
                    <a:pt x="436" y="288"/>
                  </a:lnTo>
                  <a:lnTo>
                    <a:pt x="438" y="287"/>
                  </a:lnTo>
                  <a:lnTo>
                    <a:pt x="440" y="287"/>
                  </a:lnTo>
                  <a:lnTo>
                    <a:pt x="440" y="285"/>
                  </a:lnTo>
                  <a:lnTo>
                    <a:pt x="442" y="285"/>
                  </a:lnTo>
                  <a:lnTo>
                    <a:pt x="444" y="283"/>
                  </a:lnTo>
                  <a:lnTo>
                    <a:pt x="445" y="283"/>
                  </a:lnTo>
                  <a:lnTo>
                    <a:pt x="445" y="281"/>
                  </a:lnTo>
                  <a:lnTo>
                    <a:pt x="447" y="281"/>
                  </a:lnTo>
                  <a:lnTo>
                    <a:pt x="449" y="279"/>
                  </a:lnTo>
                  <a:lnTo>
                    <a:pt x="451" y="279"/>
                  </a:lnTo>
                  <a:lnTo>
                    <a:pt x="451" y="277"/>
                  </a:lnTo>
                  <a:lnTo>
                    <a:pt x="453" y="279"/>
                  </a:lnTo>
                  <a:lnTo>
                    <a:pt x="455" y="279"/>
                  </a:lnTo>
                  <a:lnTo>
                    <a:pt x="457" y="279"/>
                  </a:lnTo>
                  <a:lnTo>
                    <a:pt x="457" y="277"/>
                  </a:lnTo>
                  <a:lnTo>
                    <a:pt x="458" y="277"/>
                  </a:lnTo>
                  <a:lnTo>
                    <a:pt x="460" y="277"/>
                  </a:lnTo>
                  <a:lnTo>
                    <a:pt x="460" y="275"/>
                  </a:lnTo>
                  <a:lnTo>
                    <a:pt x="462" y="277"/>
                  </a:lnTo>
                  <a:lnTo>
                    <a:pt x="464" y="277"/>
                  </a:lnTo>
                  <a:lnTo>
                    <a:pt x="466" y="277"/>
                  </a:lnTo>
                  <a:lnTo>
                    <a:pt x="466" y="279"/>
                  </a:lnTo>
                  <a:lnTo>
                    <a:pt x="468" y="279"/>
                  </a:lnTo>
                  <a:lnTo>
                    <a:pt x="468" y="281"/>
                  </a:lnTo>
                  <a:lnTo>
                    <a:pt x="469" y="281"/>
                  </a:lnTo>
                  <a:lnTo>
                    <a:pt x="471" y="283"/>
                  </a:lnTo>
                  <a:lnTo>
                    <a:pt x="473" y="283"/>
                  </a:lnTo>
                  <a:lnTo>
                    <a:pt x="473" y="281"/>
                  </a:lnTo>
                  <a:lnTo>
                    <a:pt x="475" y="281"/>
                  </a:lnTo>
                  <a:lnTo>
                    <a:pt x="477" y="281"/>
                  </a:lnTo>
                  <a:lnTo>
                    <a:pt x="479" y="283"/>
                  </a:lnTo>
                  <a:lnTo>
                    <a:pt x="481" y="283"/>
                  </a:lnTo>
                  <a:lnTo>
                    <a:pt x="481" y="285"/>
                  </a:lnTo>
                  <a:lnTo>
                    <a:pt x="482" y="285"/>
                  </a:lnTo>
                  <a:lnTo>
                    <a:pt x="484" y="285"/>
                  </a:lnTo>
                  <a:lnTo>
                    <a:pt x="484" y="287"/>
                  </a:lnTo>
                  <a:lnTo>
                    <a:pt x="484" y="288"/>
                  </a:lnTo>
                  <a:lnTo>
                    <a:pt x="486" y="288"/>
                  </a:lnTo>
                  <a:lnTo>
                    <a:pt x="488" y="290"/>
                  </a:lnTo>
                  <a:lnTo>
                    <a:pt x="490" y="290"/>
                  </a:lnTo>
                  <a:lnTo>
                    <a:pt x="490" y="292"/>
                  </a:lnTo>
                  <a:lnTo>
                    <a:pt x="490" y="294"/>
                  </a:lnTo>
                  <a:lnTo>
                    <a:pt x="492" y="294"/>
                  </a:lnTo>
                  <a:lnTo>
                    <a:pt x="492" y="296"/>
                  </a:lnTo>
                  <a:lnTo>
                    <a:pt x="493" y="296"/>
                  </a:lnTo>
                  <a:lnTo>
                    <a:pt x="493" y="298"/>
                  </a:lnTo>
                  <a:lnTo>
                    <a:pt x="495" y="298"/>
                  </a:lnTo>
                  <a:lnTo>
                    <a:pt x="497" y="298"/>
                  </a:lnTo>
                  <a:lnTo>
                    <a:pt x="497" y="300"/>
                  </a:lnTo>
                  <a:lnTo>
                    <a:pt x="499" y="300"/>
                  </a:lnTo>
                  <a:lnTo>
                    <a:pt x="501" y="300"/>
                  </a:lnTo>
                  <a:lnTo>
                    <a:pt x="501" y="301"/>
                  </a:lnTo>
                  <a:lnTo>
                    <a:pt x="501" y="303"/>
                  </a:lnTo>
                  <a:lnTo>
                    <a:pt x="501" y="305"/>
                  </a:lnTo>
                  <a:lnTo>
                    <a:pt x="503" y="305"/>
                  </a:lnTo>
                  <a:lnTo>
                    <a:pt x="503" y="307"/>
                  </a:lnTo>
                  <a:lnTo>
                    <a:pt x="505" y="307"/>
                  </a:lnTo>
                  <a:lnTo>
                    <a:pt x="505" y="309"/>
                  </a:lnTo>
                  <a:lnTo>
                    <a:pt x="506" y="309"/>
                  </a:lnTo>
                  <a:lnTo>
                    <a:pt x="506" y="311"/>
                  </a:lnTo>
                  <a:lnTo>
                    <a:pt x="506" y="312"/>
                  </a:lnTo>
                  <a:lnTo>
                    <a:pt x="508" y="312"/>
                  </a:lnTo>
                  <a:lnTo>
                    <a:pt x="508" y="314"/>
                  </a:lnTo>
                  <a:lnTo>
                    <a:pt x="508" y="316"/>
                  </a:lnTo>
                  <a:lnTo>
                    <a:pt x="510" y="316"/>
                  </a:lnTo>
                  <a:lnTo>
                    <a:pt x="510" y="318"/>
                  </a:lnTo>
                  <a:lnTo>
                    <a:pt x="510" y="320"/>
                  </a:lnTo>
                  <a:lnTo>
                    <a:pt x="510" y="322"/>
                  </a:lnTo>
                  <a:lnTo>
                    <a:pt x="510" y="324"/>
                  </a:lnTo>
                  <a:lnTo>
                    <a:pt x="510" y="325"/>
                  </a:lnTo>
                  <a:lnTo>
                    <a:pt x="510" y="327"/>
                  </a:lnTo>
                  <a:lnTo>
                    <a:pt x="510" y="329"/>
                  </a:lnTo>
                  <a:lnTo>
                    <a:pt x="510" y="331"/>
                  </a:lnTo>
                  <a:lnTo>
                    <a:pt x="510" y="333"/>
                  </a:lnTo>
                  <a:lnTo>
                    <a:pt x="510" y="335"/>
                  </a:lnTo>
                  <a:lnTo>
                    <a:pt x="512" y="337"/>
                  </a:lnTo>
                  <a:lnTo>
                    <a:pt x="512" y="338"/>
                  </a:lnTo>
                  <a:lnTo>
                    <a:pt x="514" y="338"/>
                  </a:lnTo>
                  <a:lnTo>
                    <a:pt x="514" y="340"/>
                  </a:lnTo>
                  <a:lnTo>
                    <a:pt x="514" y="342"/>
                  </a:lnTo>
                  <a:lnTo>
                    <a:pt x="516" y="342"/>
                  </a:lnTo>
                  <a:lnTo>
                    <a:pt x="516" y="344"/>
                  </a:lnTo>
                  <a:lnTo>
                    <a:pt x="516" y="346"/>
                  </a:lnTo>
                  <a:lnTo>
                    <a:pt x="518" y="346"/>
                  </a:lnTo>
                  <a:lnTo>
                    <a:pt x="518" y="348"/>
                  </a:lnTo>
                  <a:lnTo>
                    <a:pt x="519" y="349"/>
                  </a:lnTo>
                  <a:lnTo>
                    <a:pt x="521" y="351"/>
                  </a:lnTo>
                  <a:lnTo>
                    <a:pt x="521" y="353"/>
                  </a:lnTo>
                  <a:lnTo>
                    <a:pt x="519" y="355"/>
                  </a:lnTo>
                  <a:lnTo>
                    <a:pt x="519" y="357"/>
                  </a:lnTo>
                  <a:lnTo>
                    <a:pt x="521" y="357"/>
                  </a:lnTo>
                  <a:lnTo>
                    <a:pt x="518" y="359"/>
                  </a:lnTo>
                  <a:lnTo>
                    <a:pt x="518" y="361"/>
                  </a:lnTo>
                  <a:lnTo>
                    <a:pt x="516" y="362"/>
                  </a:lnTo>
                  <a:lnTo>
                    <a:pt x="516" y="364"/>
                  </a:lnTo>
                  <a:lnTo>
                    <a:pt x="514" y="366"/>
                  </a:lnTo>
                  <a:lnTo>
                    <a:pt x="516" y="366"/>
                  </a:lnTo>
                  <a:lnTo>
                    <a:pt x="514" y="366"/>
                  </a:lnTo>
                  <a:lnTo>
                    <a:pt x="516" y="366"/>
                  </a:lnTo>
                  <a:lnTo>
                    <a:pt x="516" y="368"/>
                  </a:lnTo>
                  <a:lnTo>
                    <a:pt x="516" y="370"/>
                  </a:lnTo>
                  <a:lnTo>
                    <a:pt x="516" y="372"/>
                  </a:lnTo>
                  <a:lnTo>
                    <a:pt x="516" y="373"/>
                  </a:lnTo>
                  <a:lnTo>
                    <a:pt x="518" y="373"/>
                  </a:lnTo>
                  <a:lnTo>
                    <a:pt x="518" y="375"/>
                  </a:lnTo>
                  <a:lnTo>
                    <a:pt x="516" y="375"/>
                  </a:lnTo>
                  <a:lnTo>
                    <a:pt x="516" y="377"/>
                  </a:lnTo>
                  <a:lnTo>
                    <a:pt x="516" y="379"/>
                  </a:lnTo>
                  <a:lnTo>
                    <a:pt x="514" y="381"/>
                  </a:lnTo>
                  <a:lnTo>
                    <a:pt x="514" y="383"/>
                  </a:lnTo>
                  <a:lnTo>
                    <a:pt x="514" y="385"/>
                  </a:lnTo>
                  <a:lnTo>
                    <a:pt x="512" y="385"/>
                  </a:lnTo>
                  <a:lnTo>
                    <a:pt x="514" y="385"/>
                  </a:lnTo>
                  <a:lnTo>
                    <a:pt x="514" y="386"/>
                  </a:lnTo>
                  <a:lnTo>
                    <a:pt x="514" y="388"/>
                  </a:lnTo>
                  <a:lnTo>
                    <a:pt x="516" y="390"/>
                  </a:lnTo>
                  <a:lnTo>
                    <a:pt x="518" y="390"/>
                  </a:lnTo>
                  <a:lnTo>
                    <a:pt x="518" y="392"/>
                  </a:lnTo>
                  <a:lnTo>
                    <a:pt x="518" y="394"/>
                  </a:lnTo>
                  <a:lnTo>
                    <a:pt x="518" y="398"/>
                  </a:lnTo>
                  <a:lnTo>
                    <a:pt x="516" y="401"/>
                  </a:lnTo>
                  <a:lnTo>
                    <a:pt x="516" y="403"/>
                  </a:lnTo>
                  <a:lnTo>
                    <a:pt x="516" y="405"/>
                  </a:lnTo>
                  <a:lnTo>
                    <a:pt x="516" y="407"/>
                  </a:lnTo>
                  <a:lnTo>
                    <a:pt x="514" y="407"/>
                  </a:lnTo>
                  <a:lnTo>
                    <a:pt x="514" y="410"/>
                  </a:lnTo>
                  <a:lnTo>
                    <a:pt x="514" y="412"/>
                  </a:lnTo>
                  <a:lnTo>
                    <a:pt x="512" y="414"/>
                  </a:lnTo>
                  <a:lnTo>
                    <a:pt x="514" y="414"/>
                  </a:lnTo>
                  <a:lnTo>
                    <a:pt x="512" y="416"/>
                  </a:lnTo>
                  <a:lnTo>
                    <a:pt x="512" y="418"/>
                  </a:lnTo>
                  <a:lnTo>
                    <a:pt x="512" y="420"/>
                  </a:lnTo>
                  <a:lnTo>
                    <a:pt x="514" y="420"/>
                  </a:lnTo>
                  <a:lnTo>
                    <a:pt x="514" y="422"/>
                  </a:lnTo>
                  <a:lnTo>
                    <a:pt x="514" y="423"/>
                  </a:lnTo>
                  <a:lnTo>
                    <a:pt x="516" y="425"/>
                  </a:lnTo>
                  <a:lnTo>
                    <a:pt x="516" y="427"/>
                  </a:lnTo>
                  <a:lnTo>
                    <a:pt x="518" y="431"/>
                  </a:lnTo>
                  <a:lnTo>
                    <a:pt x="518" y="433"/>
                  </a:lnTo>
                  <a:lnTo>
                    <a:pt x="516" y="436"/>
                  </a:lnTo>
                  <a:lnTo>
                    <a:pt x="514" y="438"/>
                  </a:lnTo>
                  <a:lnTo>
                    <a:pt x="510" y="438"/>
                  </a:lnTo>
                  <a:lnTo>
                    <a:pt x="506" y="440"/>
                  </a:lnTo>
                  <a:lnTo>
                    <a:pt x="505" y="440"/>
                  </a:lnTo>
                  <a:lnTo>
                    <a:pt x="505" y="442"/>
                  </a:lnTo>
                  <a:lnTo>
                    <a:pt x="505" y="444"/>
                  </a:lnTo>
                  <a:lnTo>
                    <a:pt x="505" y="446"/>
                  </a:lnTo>
                  <a:lnTo>
                    <a:pt x="505" y="447"/>
                  </a:lnTo>
                  <a:lnTo>
                    <a:pt x="505" y="449"/>
                  </a:lnTo>
                  <a:lnTo>
                    <a:pt x="505" y="451"/>
                  </a:lnTo>
                  <a:lnTo>
                    <a:pt x="505" y="453"/>
                  </a:lnTo>
                  <a:lnTo>
                    <a:pt x="505" y="455"/>
                  </a:lnTo>
                  <a:lnTo>
                    <a:pt x="505" y="457"/>
                  </a:lnTo>
                  <a:lnTo>
                    <a:pt x="505" y="459"/>
                  </a:lnTo>
                  <a:lnTo>
                    <a:pt x="505" y="460"/>
                  </a:lnTo>
                  <a:lnTo>
                    <a:pt x="506" y="462"/>
                  </a:lnTo>
                  <a:lnTo>
                    <a:pt x="506" y="464"/>
                  </a:lnTo>
                  <a:lnTo>
                    <a:pt x="506" y="466"/>
                  </a:lnTo>
                  <a:lnTo>
                    <a:pt x="508" y="466"/>
                  </a:lnTo>
                  <a:lnTo>
                    <a:pt x="508" y="468"/>
                  </a:lnTo>
                  <a:lnTo>
                    <a:pt x="510" y="470"/>
                  </a:lnTo>
                  <a:lnTo>
                    <a:pt x="508" y="470"/>
                  </a:lnTo>
                  <a:lnTo>
                    <a:pt x="508" y="472"/>
                  </a:lnTo>
                  <a:lnTo>
                    <a:pt x="510" y="473"/>
                  </a:lnTo>
                  <a:lnTo>
                    <a:pt x="512" y="473"/>
                  </a:lnTo>
                  <a:lnTo>
                    <a:pt x="514" y="475"/>
                  </a:lnTo>
                  <a:lnTo>
                    <a:pt x="518" y="475"/>
                  </a:lnTo>
                  <a:lnTo>
                    <a:pt x="518" y="477"/>
                  </a:lnTo>
                  <a:lnTo>
                    <a:pt x="521" y="477"/>
                  </a:lnTo>
                  <a:lnTo>
                    <a:pt x="521" y="479"/>
                  </a:lnTo>
                  <a:lnTo>
                    <a:pt x="523" y="479"/>
                  </a:lnTo>
                  <a:lnTo>
                    <a:pt x="523" y="481"/>
                  </a:lnTo>
                  <a:lnTo>
                    <a:pt x="525" y="481"/>
                  </a:lnTo>
                  <a:lnTo>
                    <a:pt x="525" y="483"/>
                  </a:lnTo>
                  <a:lnTo>
                    <a:pt x="525" y="484"/>
                  </a:lnTo>
                  <a:lnTo>
                    <a:pt x="525" y="486"/>
                  </a:lnTo>
                  <a:lnTo>
                    <a:pt x="527" y="486"/>
                  </a:lnTo>
                  <a:lnTo>
                    <a:pt x="527" y="488"/>
                  </a:lnTo>
                  <a:lnTo>
                    <a:pt x="527" y="490"/>
                  </a:lnTo>
                  <a:lnTo>
                    <a:pt x="525" y="490"/>
                  </a:lnTo>
                  <a:lnTo>
                    <a:pt x="527" y="490"/>
                  </a:lnTo>
                  <a:lnTo>
                    <a:pt x="527" y="492"/>
                  </a:lnTo>
                  <a:lnTo>
                    <a:pt x="527" y="494"/>
                  </a:lnTo>
                  <a:lnTo>
                    <a:pt x="527" y="496"/>
                  </a:lnTo>
                  <a:lnTo>
                    <a:pt x="529" y="496"/>
                  </a:lnTo>
                  <a:lnTo>
                    <a:pt x="527" y="499"/>
                  </a:lnTo>
                  <a:lnTo>
                    <a:pt x="525" y="501"/>
                  </a:lnTo>
                  <a:lnTo>
                    <a:pt x="525" y="503"/>
                  </a:lnTo>
                  <a:lnTo>
                    <a:pt x="527" y="505"/>
                  </a:lnTo>
                  <a:lnTo>
                    <a:pt x="527" y="507"/>
                  </a:lnTo>
                  <a:lnTo>
                    <a:pt x="525" y="512"/>
                  </a:lnTo>
                  <a:lnTo>
                    <a:pt x="523" y="512"/>
                  </a:lnTo>
                  <a:lnTo>
                    <a:pt x="523" y="514"/>
                  </a:lnTo>
                  <a:lnTo>
                    <a:pt x="523" y="516"/>
                  </a:lnTo>
                  <a:lnTo>
                    <a:pt x="523" y="518"/>
                  </a:lnTo>
                  <a:lnTo>
                    <a:pt x="523" y="520"/>
                  </a:lnTo>
                  <a:lnTo>
                    <a:pt x="521" y="520"/>
                  </a:lnTo>
                  <a:lnTo>
                    <a:pt x="519" y="521"/>
                  </a:lnTo>
                  <a:lnTo>
                    <a:pt x="518" y="521"/>
                  </a:lnTo>
                  <a:lnTo>
                    <a:pt x="518" y="523"/>
                  </a:lnTo>
                  <a:lnTo>
                    <a:pt x="518" y="525"/>
                  </a:lnTo>
                  <a:lnTo>
                    <a:pt x="516" y="527"/>
                  </a:lnTo>
                  <a:lnTo>
                    <a:pt x="514" y="527"/>
                  </a:lnTo>
                  <a:lnTo>
                    <a:pt x="514" y="529"/>
                  </a:lnTo>
                  <a:lnTo>
                    <a:pt x="514" y="531"/>
                  </a:lnTo>
                  <a:lnTo>
                    <a:pt x="512" y="531"/>
                  </a:lnTo>
                  <a:lnTo>
                    <a:pt x="512" y="533"/>
                  </a:lnTo>
                  <a:lnTo>
                    <a:pt x="512" y="534"/>
                  </a:lnTo>
                  <a:lnTo>
                    <a:pt x="512" y="536"/>
                  </a:lnTo>
                  <a:lnTo>
                    <a:pt x="510" y="536"/>
                  </a:lnTo>
                  <a:lnTo>
                    <a:pt x="508" y="536"/>
                  </a:lnTo>
                  <a:lnTo>
                    <a:pt x="508" y="534"/>
                  </a:lnTo>
                  <a:lnTo>
                    <a:pt x="506" y="534"/>
                  </a:lnTo>
                  <a:lnTo>
                    <a:pt x="505" y="534"/>
                  </a:lnTo>
                  <a:lnTo>
                    <a:pt x="503" y="534"/>
                  </a:lnTo>
                  <a:lnTo>
                    <a:pt x="503" y="536"/>
                  </a:lnTo>
                  <a:lnTo>
                    <a:pt x="501" y="536"/>
                  </a:lnTo>
                  <a:lnTo>
                    <a:pt x="501" y="538"/>
                  </a:lnTo>
                  <a:lnTo>
                    <a:pt x="499" y="538"/>
                  </a:lnTo>
                  <a:lnTo>
                    <a:pt x="497" y="538"/>
                  </a:lnTo>
                  <a:lnTo>
                    <a:pt x="497" y="540"/>
                  </a:lnTo>
                  <a:lnTo>
                    <a:pt x="495" y="540"/>
                  </a:lnTo>
                  <a:lnTo>
                    <a:pt x="493" y="540"/>
                  </a:lnTo>
                  <a:lnTo>
                    <a:pt x="492" y="542"/>
                  </a:lnTo>
                  <a:lnTo>
                    <a:pt x="492" y="544"/>
                  </a:lnTo>
                  <a:lnTo>
                    <a:pt x="492" y="546"/>
                  </a:lnTo>
                  <a:lnTo>
                    <a:pt x="490" y="546"/>
                  </a:lnTo>
                  <a:lnTo>
                    <a:pt x="490" y="547"/>
                  </a:lnTo>
                  <a:lnTo>
                    <a:pt x="490" y="549"/>
                  </a:lnTo>
                  <a:lnTo>
                    <a:pt x="490" y="551"/>
                  </a:lnTo>
                  <a:lnTo>
                    <a:pt x="488" y="551"/>
                  </a:lnTo>
                  <a:lnTo>
                    <a:pt x="488" y="553"/>
                  </a:lnTo>
                  <a:lnTo>
                    <a:pt x="486" y="553"/>
                  </a:lnTo>
                  <a:lnTo>
                    <a:pt x="486" y="555"/>
                  </a:lnTo>
                  <a:lnTo>
                    <a:pt x="486" y="557"/>
                  </a:lnTo>
                  <a:lnTo>
                    <a:pt x="484" y="557"/>
                  </a:lnTo>
                  <a:lnTo>
                    <a:pt x="484" y="558"/>
                  </a:lnTo>
                  <a:lnTo>
                    <a:pt x="482" y="558"/>
                  </a:lnTo>
                  <a:lnTo>
                    <a:pt x="482" y="560"/>
                  </a:lnTo>
                  <a:lnTo>
                    <a:pt x="482" y="562"/>
                  </a:lnTo>
                  <a:lnTo>
                    <a:pt x="481" y="562"/>
                  </a:lnTo>
                  <a:lnTo>
                    <a:pt x="481" y="564"/>
                  </a:lnTo>
                  <a:lnTo>
                    <a:pt x="479" y="564"/>
                  </a:lnTo>
                  <a:lnTo>
                    <a:pt x="479" y="566"/>
                  </a:lnTo>
                  <a:lnTo>
                    <a:pt x="477" y="566"/>
                  </a:lnTo>
                  <a:lnTo>
                    <a:pt x="477" y="568"/>
                  </a:lnTo>
                  <a:lnTo>
                    <a:pt x="477" y="570"/>
                  </a:lnTo>
                  <a:lnTo>
                    <a:pt x="475" y="570"/>
                  </a:lnTo>
                  <a:lnTo>
                    <a:pt x="471" y="575"/>
                  </a:lnTo>
                  <a:lnTo>
                    <a:pt x="469" y="577"/>
                  </a:lnTo>
                  <a:lnTo>
                    <a:pt x="468" y="577"/>
                  </a:lnTo>
                  <a:lnTo>
                    <a:pt x="468" y="579"/>
                  </a:lnTo>
                  <a:lnTo>
                    <a:pt x="466" y="579"/>
                  </a:lnTo>
                  <a:lnTo>
                    <a:pt x="464" y="581"/>
                  </a:lnTo>
                  <a:lnTo>
                    <a:pt x="464" y="583"/>
                  </a:lnTo>
                  <a:lnTo>
                    <a:pt x="464" y="584"/>
                  </a:lnTo>
                  <a:lnTo>
                    <a:pt x="462" y="586"/>
                  </a:lnTo>
                  <a:lnTo>
                    <a:pt x="462" y="588"/>
                  </a:lnTo>
                  <a:lnTo>
                    <a:pt x="460" y="588"/>
                  </a:lnTo>
                  <a:lnTo>
                    <a:pt x="458" y="590"/>
                  </a:lnTo>
                  <a:lnTo>
                    <a:pt x="458" y="592"/>
                  </a:lnTo>
                  <a:lnTo>
                    <a:pt x="457" y="592"/>
                  </a:lnTo>
                  <a:lnTo>
                    <a:pt x="457" y="594"/>
                  </a:lnTo>
                  <a:lnTo>
                    <a:pt x="455" y="594"/>
                  </a:lnTo>
                  <a:lnTo>
                    <a:pt x="453" y="594"/>
                  </a:lnTo>
                  <a:lnTo>
                    <a:pt x="451" y="594"/>
                  </a:lnTo>
                  <a:lnTo>
                    <a:pt x="451" y="595"/>
                  </a:lnTo>
                  <a:lnTo>
                    <a:pt x="449" y="595"/>
                  </a:lnTo>
                  <a:lnTo>
                    <a:pt x="447" y="595"/>
                  </a:lnTo>
                  <a:lnTo>
                    <a:pt x="445" y="595"/>
                  </a:lnTo>
                  <a:lnTo>
                    <a:pt x="445" y="597"/>
                  </a:lnTo>
                  <a:lnTo>
                    <a:pt x="444" y="597"/>
                  </a:lnTo>
                  <a:lnTo>
                    <a:pt x="444" y="599"/>
                  </a:lnTo>
                  <a:lnTo>
                    <a:pt x="442" y="599"/>
                  </a:lnTo>
                  <a:lnTo>
                    <a:pt x="440" y="601"/>
                  </a:lnTo>
                  <a:lnTo>
                    <a:pt x="438" y="599"/>
                  </a:lnTo>
                  <a:lnTo>
                    <a:pt x="436" y="599"/>
                  </a:lnTo>
                  <a:lnTo>
                    <a:pt x="432" y="597"/>
                  </a:lnTo>
                  <a:lnTo>
                    <a:pt x="431" y="597"/>
                  </a:lnTo>
                  <a:lnTo>
                    <a:pt x="425" y="597"/>
                  </a:lnTo>
                  <a:lnTo>
                    <a:pt x="412" y="597"/>
                  </a:lnTo>
                  <a:lnTo>
                    <a:pt x="403" y="597"/>
                  </a:lnTo>
                  <a:lnTo>
                    <a:pt x="401" y="595"/>
                  </a:lnTo>
                  <a:lnTo>
                    <a:pt x="399" y="595"/>
                  </a:lnTo>
                  <a:lnTo>
                    <a:pt x="397" y="595"/>
                  </a:lnTo>
                  <a:lnTo>
                    <a:pt x="396" y="595"/>
                  </a:lnTo>
                  <a:lnTo>
                    <a:pt x="396" y="597"/>
                  </a:lnTo>
                  <a:lnTo>
                    <a:pt x="394" y="597"/>
                  </a:lnTo>
                  <a:lnTo>
                    <a:pt x="392" y="595"/>
                  </a:lnTo>
                  <a:lnTo>
                    <a:pt x="397" y="608"/>
                  </a:lnTo>
                  <a:lnTo>
                    <a:pt x="396" y="608"/>
                  </a:lnTo>
                  <a:lnTo>
                    <a:pt x="394" y="608"/>
                  </a:lnTo>
                  <a:lnTo>
                    <a:pt x="394" y="610"/>
                  </a:lnTo>
                  <a:lnTo>
                    <a:pt x="392" y="610"/>
                  </a:lnTo>
                  <a:lnTo>
                    <a:pt x="390" y="612"/>
                  </a:lnTo>
                  <a:lnTo>
                    <a:pt x="390" y="610"/>
                  </a:lnTo>
                  <a:lnTo>
                    <a:pt x="388" y="610"/>
                  </a:lnTo>
                  <a:lnTo>
                    <a:pt x="386" y="610"/>
                  </a:lnTo>
                  <a:lnTo>
                    <a:pt x="386" y="612"/>
                  </a:lnTo>
                  <a:lnTo>
                    <a:pt x="384" y="612"/>
                  </a:lnTo>
                  <a:lnTo>
                    <a:pt x="384" y="614"/>
                  </a:lnTo>
                  <a:lnTo>
                    <a:pt x="383" y="614"/>
                  </a:lnTo>
                  <a:lnTo>
                    <a:pt x="381" y="616"/>
                  </a:lnTo>
                  <a:lnTo>
                    <a:pt x="381" y="618"/>
                  </a:lnTo>
                  <a:lnTo>
                    <a:pt x="379" y="618"/>
                  </a:lnTo>
                  <a:lnTo>
                    <a:pt x="379" y="620"/>
                  </a:lnTo>
                  <a:lnTo>
                    <a:pt x="381" y="620"/>
                  </a:lnTo>
                  <a:lnTo>
                    <a:pt x="379" y="620"/>
                  </a:lnTo>
                  <a:lnTo>
                    <a:pt x="379" y="621"/>
                  </a:lnTo>
                  <a:lnTo>
                    <a:pt x="379" y="623"/>
                  </a:lnTo>
                  <a:lnTo>
                    <a:pt x="377" y="623"/>
                  </a:lnTo>
                  <a:lnTo>
                    <a:pt x="377" y="625"/>
                  </a:lnTo>
                  <a:lnTo>
                    <a:pt x="375" y="625"/>
                  </a:lnTo>
                  <a:lnTo>
                    <a:pt x="375" y="627"/>
                  </a:lnTo>
                  <a:lnTo>
                    <a:pt x="375" y="629"/>
                  </a:lnTo>
                  <a:lnTo>
                    <a:pt x="375" y="631"/>
                  </a:lnTo>
                  <a:lnTo>
                    <a:pt x="375" y="632"/>
                  </a:lnTo>
                  <a:lnTo>
                    <a:pt x="373" y="632"/>
                  </a:lnTo>
                  <a:lnTo>
                    <a:pt x="371" y="632"/>
                  </a:lnTo>
                  <a:lnTo>
                    <a:pt x="368" y="634"/>
                  </a:lnTo>
                  <a:lnTo>
                    <a:pt x="366" y="636"/>
                  </a:lnTo>
                  <a:lnTo>
                    <a:pt x="364" y="636"/>
                  </a:lnTo>
                  <a:lnTo>
                    <a:pt x="364" y="638"/>
                  </a:lnTo>
                  <a:lnTo>
                    <a:pt x="362" y="638"/>
                  </a:lnTo>
                  <a:lnTo>
                    <a:pt x="360" y="638"/>
                  </a:lnTo>
                  <a:lnTo>
                    <a:pt x="359" y="638"/>
                  </a:lnTo>
                  <a:lnTo>
                    <a:pt x="359" y="640"/>
                  </a:lnTo>
                  <a:lnTo>
                    <a:pt x="357" y="640"/>
                  </a:lnTo>
                  <a:lnTo>
                    <a:pt x="357" y="642"/>
                  </a:lnTo>
                  <a:lnTo>
                    <a:pt x="357" y="644"/>
                  </a:lnTo>
                  <a:lnTo>
                    <a:pt x="355" y="644"/>
                  </a:lnTo>
                  <a:lnTo>
                    <a:pt x="355" y="645"/>
                  </a:lnTo>
                  <a:lnTo>
                    <a:pt x="353" y="645"/>
                  </a:lnTo>
                  <a:lnTo>
                    <a:pt x="353" y="647"/>
                  </a:lnTo>
                  <a:lnTo>
                    <a:pt x="351" y="647"/>
                  </a:lnTo>
                  <a:lnTo>
                    <a:pt x="349" y="647"/>
                  </a:lnTo>
                  <a:lnTo>
                    <a:pt x="347" y="647"/>
                  </a:lnTo>
                  <a:lnTo>
                    <a:pt x="346" y="647"/>
                  </a:lnTo>
                  <a:lnTo>
                    <a:pt x="346" y="649"/>
                  </a:lnTo>
                  <a:lnTo>
                    <a:pt x="344" y="649"/>
                  </a:lnTo>
                  <a:lnTo>
                    <a:pt x="344" y="651"/>
                  </a:lnTo>
                  <a:lnTo>
                    <a:pt x="342" y="651"/>
                  </a:lnTo>
                  <a:lnTo>
                    <a:pt x="340" y="653"/>
                  </a:lnTo>
                  <a:lnTo>
                    <a:pt x="338" y="653"/>
                  </a:lnTo>
                  <a:lnTo>
                    <a:pt x="336" y="655"/>
                  </a:lnTo>
                  <a:lnTo>
                    <a:pt x="336" y="657"/>
                  </a:lnTo>
                  <a:lnTo>
                    <a:pt x="335" y="657"/>
                  </a:lnTo>
                  <a:lnTo>
                    <a:pt x="331" y="657"/>
                  </a:lnTo>
                  <a:lnTo>
                    <a:pt x="325" y="653"/>
                  </a:lnTo>
                  <a:lnTo>
                    <a:pt x="323" y="651"/>
                  </a:lnTo>
                  <a:lnTo>
                    <a:pt x="323" y="645"/>
                  </a:lnTo>
                  <a:lnTo>
                    <a:pt x="323" y="638"/>
                  </a:lnTo>
                  <a:lnTo>
                    <a:pt x="320" y="634"/>
                  </a:lnTo>
                  <a:lnTo>
                    <a:pt x="312" y="625"/>
                  </a:lnTo>
                  <a:lnTo>
                    <a:pt x="312" y="623"/>
                  </a:lnTo>
                  <a:lnTo>
                    <a:pt x="310" y="623"/>
                  </a:lnTo>
                  <a:lnTo>
                    <a:pt x="310" y="621"/>
                  </a:lnTo>
                  <a:lnTo>
                    <a:pt x="310" y="620"/>
                  </a:lnTo>
                  <a:lnTo>
                    <a:pt x="309" y="620"/>
                  </a:lnTo>
                  <a:lnTo>
                    <a:pt x="310" y="620"/>
                  </a:lnTo>
                  <a:lnTo>
                    <a:pt x="310" y="618"/>
                  </a:lnTo>
                  <a:lnTo>
                    <a:pt x="310" y="616"/>
                  </a:lnTo>
                  <a:lnTo>
                    <a:pt x="309" y="616"/>
                  </a:lnTo>
                  <a:lnTo>
                    <a:pt x="307" y="616"/>
                  </a:lnTo>
                  <a:lnTo>
                    <a:pt x="307" y="614"/>
                  </a:lnTo>
                  <a:lnTo>
                    <a:pt x="305" y="614"/>
                  </a:lnTo>
                  <a:lnTo>
                    <a:pt x="303" y="614"/>
                  </a:lnTo>
                  <a:lnTo>
                    <a:pt x="301" y="614"/>
                  </a:lnTo>
                  <a:lnTo>
                    <a:pt x="299" y="614"/>
                  </a:lnTo>
                  <a:lnTo>
                    <a:pt x="299" y="612"/>
                  </a:lnTo>
                  <a:lnTo>
                    <a:pt x="299" y="614"/>
                  </a:lnTo>
                  <a:lnTo>
                    <a:pt x="298" y="614"/>
                  </a:lnTo>
                  <a:lnTo>
                    <a:pt x="296" y="614"/>
                  </a:lnTo>
                  <a:lnTo>
                    <a:pt x="296" y="612"/>
                  </a:lnTo>
                  <a:lnTo>
                    <a:pt x="294" y="612"/>
                  </a:lnTo>
                  <a:lnTo>
                    <a:pt x="292" y="612"/>
                  </a:lnTo>
                  <a:lnTo>
                    <a:pt x="292" y="610"/>
                  </a:lnTo>
                  <a:lnTo>
                    <a:pt x="290" y="610"/>
                  </a:lnTo>
                  <a:lnTo>
                    <a:pt x="288" y="610"/>
                  </a:lnTo>
                  <a:lnTo>
                    <a:pt x="288" y="608"/>
                  </a:lnTo>
                  <a:lnTo>
                    <a:pt x="286" y="608"/>
                  </a:lnTo>
                  <a:lnTo>
                    <a:pt x="285" y="608"/>
                  </a:lnTo>
                  <a:lnTo>
                    <a:pt x="283" y="608"/>
                  </a:lnTo>
                  <a:lnTo>
                    <a:pt x="283" y="607"/>
                  </a:lnTo>
                  <a:lnTo>
                    <a:pt x="283" y="608"/>
                  </a:lnTo>
                  <a:lnTo>
                    <a:pt x="281" y="608"/>
                  </a:lnTo>
                  <a:lnTo>
                    <a:pt x="279" y="608"/>
                  </a:lnTo>
                  <a:lnTo>
                    <a:pt x="279" y="607"/>
                  </a:lnTo>
                  <a:lnTo>
                    <a:pt x="277" y="607"/>
                  </a:lnTo>
                  <a:lnTo>
                    <a:pt x="277" y="608"/>
                  </a:lnTo>
                  <a:lnTo>
                    <a:pt x="275" y="608"/>
                  </a:lnTo>
                  <a:lnTo>
                    <a:pt x="274" y="608"/>
                  </a:lnTo>
                  <a:lnTo>
                    <a:pt x="272" y="608"/>
                  </a:lnTo>
                  <a:lnTo>
                    <a:pt x="270" y="608"/>
                  </a:lnTo>
                  <a:lnTo>
                    <a:pt x="268" y="608"/>
                  </a:lnTo>
                  <a:lnTo>
                    <a:pt x="264" y="610"/>
                  </a:lnTo>
                  <a:lnTo>
                    <a:pt x="262" y="610"/>
                  </a:lnTo>
                  <a:lnTo>
                    <a:pt x="259" y="616"/>
                  </a:lnTo>
                  <a:lnTo>
                    <a:pt x="257" y="618"/>
                  </a:lnTo>
                  <a:lnTo>
                    <a:pt x="257" y="620"/>
                  </a:lnTo>
                  <a:lnTo>
                    <a:pt x="255" y="620"/>
                  </a:lnTo>
                  <a:lnTo>
                    <a:pt x="255" y="621"/>
                  </a:lnTo>
                  <a:lnTo>
                    <a:pt x="253" y="621"/>
                  </a:lnTo>
                  <a:lnTo>
                    <a:pt x="251" y="623"/>
                  </a:lnTo>
                  <a:lnTo>
                    <a:pt x="249" y="623"/>
                  </a:lnTo>
                  <a:lnTo>
                    <a:pt x="248" y="625"/>
                  </a:lnTo>
                  <a:lnTo>
                    <a:pt x="246" y="625"/>
                  </a:lnTo>
                  <a:lnTo>
                    <a:pt x="244" y="625"/>
                  </a:lnTo>
                  <a:lnTo>
                    <a:pt x="242" y="627"/>
                  </a:lnTo>
                  <a:lnTo>
                    <a:pt x="242" y="629"/>
                  </a:lnTo>
                  <a:lnTo>
                    <a:pt x="240" y="629"/>
                  </a:lnTo>
                  <a:lnTo>
                    <a:pt x="240" y="632"/>
                  </a:lnTo>
                  <a:lnTo>
                    <a:pt x="242" y="640"/>
                  </a:lnTo>
                  <a:lnTo>
                    <a:pt x="240" y="640"/>
                  </a:lnTo>
                  <a:lnTo>
                    <a:pt x="240" y="642"/>
                  </a:lnTo>
                  <a:lnTo>
                    <a:pt x="240" y="644"/>
                  </a:lnTo>
                  <a:lnTo>
                    <a:pt x="240" y="645"/>
                  </a:lnTo>
                  <a:lnTo>
                    <a:pt x="240" y="649"/>
                  </a:lnTo>
                  <a:lnTo>
                    <a:pt x="242" y="653"/>
                  </a:lnTo>
                  <a:lnTo>
                    <a:pt x="242" y="657"/>
                  </a:lnTo>
                  <a:lnTo>
                    <a:pt x="242" y="658"/>
                  </a:lnTo>
                  <a:lnTo>
                    <a:pt x="242" y="660"/>
                  </a:lnTo>
                  <a:lnTo>
                    <a:pt x="240" y="662"/>
                  </a:lnTo>
                  <a:lnTo>
                    <a:pt x="238" y="662"/>
                  </a:lnTo>
                  <a:lnTo>
                    <a:pt x="235" y="664"/>
                  </a:lnTo>
                  <a:lnTo>
                    <a:pt x="235" y="666"/>
                  </a:lnTo>
                  <a:lnTo>
                    <a:pt x="233" y="666"/>
                  </a:lnTo>
                  <a:lnTo>
                    <a:pt x="233" y="668"/>
                  </a:lnTo>
                  <a:lnTo>
                    <a:pt x="231" y="669"/>
                  </a:lnTo>
                  <a:lnTo>
                    <a:pt x="231" y="671"/>
                  </a:lnTo>
                  <a:lnTo>
                    <a:pt x="231" y="673"/>
                  </a:lnTo>
                  <a:lnTo>
                    <a:pt x="229" y="675"/>
                  </a:lnTo>
                  <a:lnTo>
                    <a:pt x="229" y="677"/>
                  </a:lnTo>
                  <a:lnTo>
                    <a:pt x="227" y="681"/>
                  </a:lnTo>
                  <a:lnTo>
                    <a:pt x="225" y="682"/>
                  </a:lnTo>
                  <a:lnTo>
                    <a:pt x="225" y="684"/>
                  </a:lnTo>
                  <a:lnTo>
                    <a:pt x="227" y="684"/>
                  </a:lnTo>
                  <a:lnTo>
                    <a:pt x="227" y="686"/>
                  </a:lnTo>
                  <a:lnTo>
                    <a:pt x="227" y="688"/>
                  </a:lnTo>
                  <a:lnTo>
                    <a:pt x="227" y="690"/>
                  </a:lnTo>
                  <a:lnTo>
                    <a:pt x="224" y="692"/>
                  </a:lnTo>
                  <a:lnTo>
                    <a:pt x="224" y="693"/>
                  </a:lnTo>
                  <a:lnTo>
                    <a:pt x="222" y="695"/>
                  </a:lnTo>
                  <a:lnTo>
                    <a:pt x="220" y="695"/>
                  </a:lnTo>
                  <a:lnTo>
                    <a:pt x="220" y="697"/>
                  </a:lnTo>
                  <a:lnTo>
                    <a:pt x="218" y="701"/>
                  </a:lnTo>
                  <a:lnTo>
                    <a:pt x="214" y="710"/>
                  </a:lnTo>
                  <a:lnTo>
                    <a:pt x="213" y="712"/>
                  </a:lnTo>
                  <a:lnTo>
                    <a:pt x="209" y="718"/>
                  </a:lnTo>
                  <a:lnTo>
                    <a:pt x="207" y="727"/>
                  </a:lnTo>
                  <a:lnTo>
                    <a:pt x="205" y="730"/>
                  </a:lnTo>
                  <a:lnTo>
                    <a:pt x="192" y="740"/>
                  </a:lnTo>
                  <a:lnTo>
                    <a:pt x="179" y="742"/>
                  </a:lnTo>
                  <a:lnTo>
                    <a:pt x="176" y="742"/>
                  </a:lnTo>
                  <a:lnTo>
                    <a:pt x="174" y="742"/>
                  </a:lnTo>
                  <a:lnTo>
                    <a:pt x="174" y="743"/>
                  </a:lnTo>
                  <a:lnTo>
                    <a:pt x="172" y="743"/>
                  </a:lnTo>
                  <a:lnTo>
                    <a:pt x="168" y="745"/>
                  </a:lnTo>
                  <a:lnTo>
                    <a:pt x="166" y="745"/>
                  </a:lnTo>
                  <a:lnTo>
                    <a:pt x="163" y="747"/>
                  </a:lnTo>
                  <a:lnTo>
                    <a:pt x="163" y="745"/>
                  </a:lnTo>
                  <a:lnTo>
                    <a:pt x="161" y="745"/>
                  </a:lnTo>
                  <a:lnTo>
                    <a:pt x="159" y="747"/>
                  </a:lnTo>
                  <a:lnTo>
                    <a:pt x="157" y="747"/>
                  </a:lnTo>
                  <a:lnTo>
                    <a:pt x="155" y="747"/>
                  </a:lnTo>
                  <a:lnTo>
                    <a:pt x="155" y="749"/>
                  </a:lnTo>
                  <a:lnTo>
                    <a:pt x="153" y="749"/>
                  </a:lnTo>
                  <a:lnTo>
                    <a:pt x="152" y="749"/>
                  </a:lnTo>
                  <a:lnTo>
                    <a:pt x="150" y="747"/>
                  </a:lnTo>
                  <a:lnTo>
                    <a:pt x="148" y="747"/>
                  </a:lnTo>
                  <a:lnTo>
                    <a:pt x="146" y="749"/>
                  </a:lnTo>
                  <a:lnTo>
                    <a:pt x="144" y="749"/>
                  </a:lnTo>
                  <a:lnTo>
                    <a:pt x="142" y="749"/>
                  </a:lnTo>
                  <a:lnTo>
                    <a:pt x="140" y="749"/>
                  </a:lnTo>
                  <a:lnTo>
                    <a:pt x="139" y="749"/>
                  </a:lnTo>
                  <a:lnTo>
                    <a:pt x="137" y="751"/>
                  </a:lnTo>
                  <a:lnTo>
                    <a:pt x="135" y="751"/>
                  </a:lnTo>
                  <a:lnTo>
                    <a:pt x="133" y="751"/>
                  </a:lnTo>
                  <a:lnTo>
                    <a:pt x="131" y="751"/>
                  </a:lnTo>
                  <a:lnTo>
                    <a:pt x="129" y="753"/>
                  </a:lnTo>
                  <a:lnTo>
                    <a:pt x="127" y="753"/>
                  </a:lnTo>
                  <a:lnTo>
                    <a:pt x="126" y="753"/>
                  </a:lnTo>
                  <a:lnTo>
                    <a:pt x="122" y="755"/>
                  </a:lnTo>
                  <a:lnTo>
                    <a:pt x="120" y="755"/>
                  </a:lnTo>
                  <a:lnTo>
                    <a:pt x="118" y="755"/>
                  </a:lnTo>
                  <a:lnTo>
                    <a:pt x="116" y="755"/>
                  </a:lnTo>
                  <a:lnTo>
                    <a:pt x="115" y="755"/>
                  </a:lnTo>
                  <a:lnTo>
                    <a:pt x="115" y="756"/>
                  </a:lnTo>
                  <a:lnTo>
                    <a:pt x="113" y="756"/>
                  </a:lnTo>
                  <a:lnTo>
                    <a:pt x="113" y="758"/>
                  </a:lnTo>
                  <a:lnTo>
                    <a:pt x="111" y="758"/>
                  </a:lnTo>
                  <a:lnTo>
                    <a:pt x="109" y="758"/>
                  </a:lnTo>
                  <a:lnTo>
                    <a:pt x="107" y="760"/>
                  </a:lnTo>
                  <a:lnTo>
                    <a:pt x="105" y="760"/>
                  </a:lnTo>
                  <a:lnTo>
                    <a:pt x="103" y="760"/>
                  </a:lnTo>
                  <a:lnTo>
                    <a:pt x="102" y="762"/>
                  </a:lnTo>
                  <a:lnTo>
                    <a:pt x="100" y="762"/>
                  </a:lnTo>
                  <a:lnTo>
                    <a:pt x="100" y="764"/>
                  </a:lnTo>
                  <a:lnTo>
                    <a:pt x="98" y="764"/>
                  </a:lnTo>
                  <a:lnTo>
                    <a:pt x="98" y="766"/>
                  </a:lnTo>
                  <a:lnTo>
                    <a:pt x="96" y="766"/>
                  </a:lnTo>
                  <a:lnTo>
                    <a:pt x="94" y="766"/>
                  </a:lnTo>
                  <a:lnTo>
                    <a:pt x="92" y="767"/>
                  </a:lnTo>
                  <a:lnTo>
                    <a:pt x="90" y="767"/>
                  </a:lnTo>
                  <a:lnTo>
                    <a:pt x="89" y="767"/>
                  </a:lnTo>
                  <a:lnTo>
                    <a:pt x="87" y="769"/>
                  </a:lnTo>
                  <a:lnTo>
                    <a:pt x="85" y="769"/>
                  </a:lnTo>
                  <a:lnTo>
                    <a:pt x="83" y="769"/>
                  </a:lnTo>
                  <a:lnTo>
                    <a:pt x="81" y="771"/>
                  </a:lnTo>
                  <a:lnTo>
                    <a:pt x="79" y="771"/>
                  </a:lnTo>
                  <a:lnTo>
                    <a:pt x="78" y="769"/>
                  </a:lnTo>
                  <a:lnTo>
                    <a:pt x="76" y="769"/>
                  </a:lnTo>
                  <a:lnTo>
                    <a:pt x="74" y="767"/>
                  </a:lnTo>
                  <a:lnTo>
                    <a:pt x="74" y="769"/>
                  </a:lnTo>
                  <a:lnTo>
                    <a:pt x="72" y="769"/>
                  </a:lnTo>
                  <a:lnTo>
                    <a:pt x="70" y="769"/>
                  </a:lnTo>
                  <a:lnTo>
                    <a:pt x="68" y="769"/>
                  </a:lnTo>
                  <a:lnTo>
                    <a:pt x="66" y="769"/>
                  </a:lnTo>
                  <a:lnTo>
                    <a:pt x="66" y="767"/>
                  </a:lnTo>
                  <a:lnTo>
                    <a:pt x="65" y="767"/>
                  </a:lnTo>
                  <a:lnTo>
                    <a:pt x="63" y="767"/>
                  </a:lnTo>
                  <a:lnTo>
                    <a:pt x="63" y="766"/>
                  </a:lnTo>
                  <a:lnTo>
                    <a:pt x="61" y="766"/>
                  </a:lnTo>
                  <a:lnTo>
                    <a:pt x="61" y="764"/>
                  </a:lnTo>
                  <a:lnTo>
                    <a:pt x="59" y="762"/>
                  </a:lnTo>
                  <a:lnTo>
                    <a:pt x="59" y="760"/>
                  </a:lnTo>
                  <a:lnTo>
                    <a:pt x="61" y="760"/>
                  </a:lnTo>
                  <a:lnTo>
                    <a:pt x="61" y="758"/>
                  </a:lnTo>
                  <a:lnTo>
                    <a:pt x="61" y="756"/>
                  </a:lnTo>
                  <a:lnTo>
                    <a:pt x="61" y="755"/>
                  </a:lnTo>
                  <a:lnTo>
                    <a:pt x="63" y="755"/>
                  </a:lnTo>
                  <a:lnTo>
                    <a:pt x="61" y="753"/>
                  </a:lnTo>
                  <a:lnTo>
                    <a:pt x="61" y="751"/>
                  </a:lnTo>
                  <a:lnTo>
                    <a:pt x="61" y="749"/>
                  </a:lnTo>
                  <a:lnTo>
                    <a:pt x="61" y="747"/>
                  </a:lnTo>
                  <a:lnTo>
                    <a:pt x="61" y="745"/>
                  </a:lnTo>
                  <a:lnTo>
                    <a:pt x="61" y="743"/>
                  </a:lnTo>
                  <a:lnTo>
                    <a:pt x="61" y="742"/>
                  </a:lnTo>
                  <a:lnTo>
                    <a:pt x="59" y="742"/>
                  </a:lnTo>
                  <a:lnTo>
                    <a:pt x="57" y="742"/>
                  </a:lnTo>
                  <a:lnTo>
                    <a:pt x="57" y="743"/>
                  </a:lnTo>
                  <a:lnTo>
                    <a:pt x="55" y="743"/>
                  </a:lnTo>
                  <a:lnTo>
                    <a:pt x="54" y="743"/>
                  </a:lnTo>
                  <a:lnTo>
                    <a:pt x="52" y="745"/>
                  </a:lnTo>
                  <a:lnTo>
                    <a:pt x="50" y="745"/>
                  </a:lnTo>
                  <a:lnTo>
                    <a:pt x="50" y="743"/>
                  </a:lnTo>
                  <a:lnTo>
                    <a:pt x="48" y="743"/>
                  </a:lnTo>
                  <a:lnTo>
                    <a:pt x="46" y="743"/>
                  </a:lnTo>
                  <a:lnTo>
                    <a:pt x="44" y="742"/>
                  </a:lnTo>
                  <a:lnTo>
                    <a:pt x="42" y="742"/>
                  </a:lnTo>
                  <a:lnTo>
                    <a:pt x="41" y="742"/>
                  </a:lnTo>
                  <a:lnTo>
                    <a:pt x="41" y="740"/>
                  </a:lnTo>
                  <a:lnTo>
                    <a:pt x="41" y="738"/>
                  </a:lnTo>
                  <a:lnTo>
                    <a:pt x="39" y="738"/>
                  </a:lnTo>
                  <a:lnTo>
                    <a:pt x="39" y="736"/>
                  </a:lnTo>
                  <a:lnTo>
                    <a:pt x="37" y="736"/>
                  </a:lnTo>
                  <a:lnTo>
                    <a:pt x="33" y="738"/>
                  </a:lnTo>
                  <a:lnTo>
                    <a:pt x="31" y="738"/>
                  </a:lnTo>
                  <a:lnTo>
                    <a:pt x="29" y="738"/>
                  </a:lnTo>
                  <a:lnTo>
                    <a:pt x="28" y="738"/>
                  </a:lnTo>
                  <a:lnTo>
                    <a:pt x="26" y="736"/>
                  </a:lnTo>
                  <a:lnTo>
                    <a:pt x="24" y="736"/>
                  </a:lnTo>
                  <a:lnTo>
                    <a:pt x="24" y="738"/>
                  </a:lnTo>
                  <a:lnTo>
                    <a:pt x="22" y="738"/>
                  </a:lnTo>
                  <a:lnTo>
                    <a:pt x="20" y="738"/>
                  </a:lnTo>
                  <a:lnTo>
                    <a:pt x="18" y="738"/>
                  </a:lnTo>
                  <a:lnTo>
                    <a:pt x="17" y="738"/>
                  </a:lnTo>
                  <a:lnTo>
                    <a:pt x="15" y="738"/>
                  </a:lnTo>
                  <a:lnTo>
                    <a:pt x="13" y="738"/>
                  </a:lnTo>
                  <a:lnTo>
                    <a:pt x="11" y="738"/>
                  </a:lnTo>
                  <a:lnTo>
                    <a:pt x="11" y="740"/>
                  </a:lnTo>
                  <a:lnTo>
                    <a:pt x="9" y="740"/>
                  </a:lnTo>
                  <a:lnTo>
                    <a:pt x="7" y="740"/>
                  </a:lnTo>
                  <a:lnTo>
                    <a:pt x="7" y="738"/>
                  </a:lnTo>
                  <a:lnTo>
                    <a:pt x="7" y="736"/>
                  </a:lnTo>
                  <a:lnTo>
                    <a:pt x="5" y="734"/>
                  </a:lnTo>
                  <a:lnTo>
                    <a:pt x="7" y="732"/>
                  </a:lnTo>
                  <a:lnTo>
                    <a:pt x="13" y="725"/>
                  </a:lnTo>
                  <a:lnTo>
                    <a:pt x="15" y="706"/>
                  </a:lnTo>
                  <a:lnTo>
                    <a:pt x="7" y="697"/>
                  </a:lnTo>
                  <a:lnTo>
                    <a:pt x="5" y="697"/>
                  </a:lnTo>
                  <a:lnTo>
                    <a:pt x="4" y="695"/>
                  </a:lnTo>
                  <a:lnTo>
                    <a:pt x="4" y="693"/>
                  </a:lnTo>
                  <a:lnTo>
                    <a:pt x="4" y="692"/>
                  </a:lnTo>
                  <a:lnTo>
                    <a:pt x="4" y="690"/>
                  </a:lnTo>
                  <a:lnTo>
                    <a:pt x="2" y="688"/>
                  </a:lnTo>
                  <a:lnTo>
                    <a:pt x="4" y="686"/>
                  </a:lnTo>
                  <a:lnTo>
                    <a:pt x="2" y="684"/>
                  </a:lnTo>
                  <a:lnTo>
                    <a:pt x="2" y="682"/>
                  </a:lnTo>
                  <a:lnTo>
                    <a:pt x="0" y="681"/>
                  </a:lnTo>
                  <a:lnTo>
                    <a:pt x="2" y="681"/>
                  </a:lnTo>
                  <a:lnTo>
                    <a:pt x="4" y="679"/>
                  </a:lnTo>
                  <a:lnTo>
                    <a:pt x="4" y="677"/>
                  </a:lnTo>
                  <a:lnTo>
                    <a:pt x="5" y="677"/>
                  </a:lnTo>
                  <a:lnTo>
                    <a:pt x="7" y="677"/>
                  </a:lnTo>
                  <a:lnTo>
                    <a:pt x="9" y="675"/>
                  </a:lnTo>
                  <a:lnTo>
                    <a:pt x="11" y="675"/>
                  </a:lnTo>
                  <a:lnTo>
                    <a:pt x="13" y="673"/>
                  </a:lnTo>
                  <a:lnTo>
                    <a:pt x="15" y="673"/>
                  </a:lnTo>
                  <a:lnTo>
                    <a:pt x="17" y="671"/>
                  </a:lnTo>
                  <a:lnTo>
                    <a:pt x="18" y="671"/>
                  </a:lnTo>
                  <a:lnTo>
                    <a:pt x="20" y="669"/>
                  </a:lnTo>
                  <a:lnTo>
                    <a:pt x="22" y="669"/>
                  </a:lnTo>
                  <a:lnTo>
                    <a:pt x="22" y="668"/>
                  </a:lnTo>
                  <a:lnTo>
                    <a:pt x="24" y="668"/>
                  </a:lnTo>
                  <a:lnTo>
                    <a:pt x="26" y="668"/>
                  </a:lnTo>
                  <a:lnTo>
                    <a:pt x="28" y="668"/>
                  </a:lnTo>
                  <a:lnTo>
                    <a:pt x="29" y="666"/>
                  </a:lnTo>
                  <a:lnTo>
                    <a:pt x="31" y="666"/>
                  </a:lnTo>
                  <a:lnTo>
                    <a:pt x="33" y="664"/>
                  </a:lnTo>
                  <a:lnTo>
                    <a:pt x="33" y="662"/>
                  </a:lnTo>
                  <a:lnTo>
                    <a:pt x="35" y="662"/>
                  </a:lnTo>
                  <a:lnTo>
                    <a:pt x="35" y="660"/>
                  </a:lnTo>
                  <a:lnTo>
                    <a:pt x="37" y="658"/>
                  </a:lnTo>
                  <a:lnTo>
                    <a:pt x="39" y="658"/>
                  </a:lnTo>
                  <a:lnTo>
                    <a:pt x="39" y="657"/>
                  </a:lnTo>
                  <a:lnTo>
                    <a:pt x="39" y="655"/>
                  </a:lnTo>
                  <a:lnTo>
                    <a:pt x="41" y="653"/>
                  </a:lnTo>
                  <a:lnTo>
                    <a:pt x="42" y="651"/>
                  </a:lnTo>
                  <a:lnTo>
                    <a:pt x="44" y="649"/>
                  </a:lnTo>
                  <a:lnTo>
                    <a:pt x="46" y="647"/>
                  </a:lnTo>
                  <a:lnTo>
                    <a:pt x="46" y="645"/>
                  </a:lnTo>
                  <a:lnTo>
                    <a:pt x="48" y="644"/>
                  </a:lnTo>
                  <a:lnTo>
                    <a:pt x="50" y="644"/>
                  </a:lnTo>
                  <a:lnTo>
                    <a:pt x="50" y="642"/>
                  </a:lnTo>
                  <a:lnTo>
                    <a:pt x="52" y="642"/>
                  </a:lnTo>
                  <a:lnTo>
                    <a:pt x="54" y="642"/>
                  </a:lnTo>
                  <a:lnTo>
                    <a:pt x="55" y="642"/>
                  </a:lnTo>
                  <a:lnTo>
                    <a:pt x="57" y="642"/>
                  </a:lnTo>
                  <a:lnTo>
                    <a:pt x="57" y="644"/>
                  </a:lnTo>
                  <a:lnTo>
                    <a:pt x="59" y="642"/>
                  </a:lnTo>
                  <a:lnTo>
                    <a:pt x="59" y="644"/>
                  </a:lnTo>
                  <a:lnTo>
                    <a:pt x="61" y="642"/>
                  </a:lnTo>
                  <a:lnTo>
                    <a:pt x="63" y="642"/>
                  </a:lnTo>
                  <a:lnTo>
                    <a:pt x="65" y="642"/>
                  </a:lnTo>
                  <a:lnTo>
                    <a:pt x="66" y="640"/>
                  </a:lnTo>
                  <a:lnTo>
                    <a:pt x="66" y="638"/>
                  </a:lnTo>
                  <a:lnTo>
                    <a:pt x="68" y="638"/>
                  </a:lnTo>
                  <a:lnTo>
                    <a:pt x="70" y="636"/>
                  </a:lnTo>
                  <a:lnTo>
                    <a:pt x="72" y="636"/>
                  </a:lnTo>
                  <a:lnTo>
                    <a:pt x="76" y="634"/>
                  </a:lnTo>
                  <a:lnTo>
                    <a:pt x="78" y="634"/>
                  </a:lnTo>
                  <a:lnTo>
                    <a:pt x="79" y="632"/>
                  </a:lnTo>
                  <a:lnTo>
                    <a:pt x="81" y="632"/>
                  </a:lnTo>
                  <a:lnTo>
                    <a:pt x="83" y="631"/>
                  </a:lnTo>
                  <a:lnTo>
                    <a:pt x="85" y="632"/>
                  </a:lnTo>
                  <a:lnTo>
                    <a:pt x="85" y="631"/>
                  </a:lnTo>
                  <a:lnTo>
                    <a:pt x="87" y="629"/>
                  </a:lnTo>
                  <a:lnTo>
                    <a:pt x="89" y="627"/>
                  </a:lnTo>
                  <a:lnTo>
                    <a:pt x="90" y="627"/>
                  </a:lnTo>
                  <a:lnTo>
                    <a:pt x="90" y="625"/>
                  </a:lnTo>
                  <a:lnTo>
                    <a:pt x="92" y="625"/>
                  </a:lnTo>
                  <a:lnTo>
                    <a:pt x="92" y="623"/>
                  </a:lnTo>
                  <a:lnTo>
                    <a:pt x="94" y="623"/>
                  </a:lnTo>
                  <a:lnTo>
                    <a:pt x="94" y="621"/>
                  </a:lnTo>
                  <a:lnTo>
                    <a:pt x="96" y="621"/>
                  </a:lnTo>
                  <a:lnTo>
                    <a:pt x="96" y="620"/>
                  </a:lnTo>
                  <a:lnTo>
                    <a:pt x="98" y="620"/>
                  </a:lnTo>
                  <a:lnTo>
                    <a:pt x="100" y="620"/>
                  </a:lnTo>
                  <a:lnTo>
                    <a:pt x="102" y="620"/>
                  </a:lnTo>
                  <a:lnTo>
                    <a:pt x="102" y="618"/>
                  </a:lnTo>
                  <a:lnTo>
                    <a:pt x="103" y="618"/>
                  </a:lnTo>
                  <a:lnTo>
                    <a:pt x="105" y="616"/>
                  </a:lnTo>
                  <a:lnTo>
                    <a:pt x="107" y="616"/>
                  </a:lnTo>
                  <a:lnTo>
                    <a:pt x="109" y="616"/>
                  </a:lnTo>
                  <a:lnTo>
                    <a:pt x="116" y="610"/>
                  </a:lnTo>
                  <a:lnTo>
                    <a:pt x="118" y="603"/>
                  </a:lnTo>
                  <a:lnTo>
                    <a:pt x="118" y="599"/>
                  </a:lnTo>
                  <a:lnTo>
                    <a:pt x="116" y="588"/>
                  </a:lnTo>
                  <a:lnTo>
                    <a:pt x="118" y="584"/>
                  </a:lnTo>
                  <a:lnTo>
                    <a:pt x="116" y="581"/>
                  </a:lnTo>
                  <a:lnTo>
                    <a:pt x="113" y="571"/>
                  </a:lnTo>
                  <a:lnTo>
                    <a:pt x="113" y="568"/>
                  </a:lnTo>
                  <a:lnTo>
                    <a:pt x="113" y="566"/>
                  </a:lnTo>
                  <a:lnTo>
                    <a:pt x="111" y="564"/>
                  </a:lnTo>
                  <a:lnTo>
                    <a:pt x="111" y="562"/>
                  </a:lnTo>
                  <a:lnTo>
                    <a:pt x="111" y="558"/>
                  </a:lnTo>
                  <a:lnTo>
                    <a:pt x="109" y="558"/>
                  </a:lnTo>
                  <a:lnTo>
                    <a:pt x="109" y="557"/>
                  </a:lnTo>
                  <a:lnTo>
                    <a:pt x="107" y="557"/>
                  </a:lnTo>
                  <a:lnTo>
                    <a:pt x="105" y="557"/>
                  </a:lnTo>
                  <a:lnTo>
                    <a:pt x="103" y="557"/>
                  </a:lnTo>
                  <a:lnTo>
                    <a:pt x="103" y="555"/>
                  </a:lnTo>
                  <a:lnTo>
                    <a:pt x="102" y="555"/>
                  </a:lnTo>
                  <a:lnTo>
                    <a:pt x="102" y="553"/>
                  </a:lnTo>
                  <a:lnTo>
                    <a:pt x="102" y="551"/>
                  </a:lnTo>
                  <a:lnTo>
                    <a:pt x="100" y="551"/>
                  </a:lnTo>
                  <a:lnTo>
                    <a:pt x="98" y="547"/>
                  </a:lnTo>
                  <a:lnTo>
                    <a:pt x="96" y="542"/>
                  </a:lnTo>
                  <a:lnTo>
                    <a:pt x="92" y="536"/>
                  </a:lnTo>
                  <a:lnTo>
                    <a:pt x="92" y="534"/>
                  </a:lnTo>
                  <a:lnTo>
                    <a:pt x="90" y="534"/>
                  </a:lnTo>
                  <a:lnTo>
                    <a:pt x="90" y="533"/>
                  </a:lnTo>
                  <a:lnTo>
                    <a:pt x="89" y="529"/>
                  </a:lnTo>
                  <a:lnTo>
                    <a:pt x="85" y="520"/>
                  </a:lnTo>
                  <a:lnTo>
                    <a:pt x="87" y="520"/>
                  </a:lnTo>
                  <a:lnTo>
                    <a:pt x="89" y="520"/>
                  </a:lnTo>
                  <a:lnTo>
                    <a:pt x="89" y="518"/>
                  </a:lnTo>
                  <a:lnTo>
                    <a:pt x="90" y="518"/>
                  </a:lnTo>
                  <a:lnTo>
                    <a:pt x="90" y="516"/>
                  </a:lnTo>
                  <a:lnTo>
                    <a:pt x="92" y="516"/>
                  </a:lnTo>
                  <a:lnTo>
                    <a:pt x="94" y="516"/>
                  </a:lnTo>
                  <a:lnTo>
                    <a:pt x="96" y="516"/>
                  </a:lnTo>
                  <a:lnTo>
                    <a:pt x="96" y="514"/>
                  </a:lnTo>
                  <a:lnTo>
                    <a:pt x="98" y="514"/>
                  </a:lnTo>
                  <a:lnTo>
                    <a:pt x="100" y="512"/>
                  </a:lnTo>
                  <a:lnTo>
                    <a:pt x="102" y="512"/>
                  </a:lnTo>
                  <a:lnTo>
                    <a:pt x="103" y="512"/>
                  </a:lnTo>
                  <a:lnTo>
                    <a:pt x="103" y="510"/>
                  </a:lnTo>
                  <a:lnTo>
                    <a:pt x="103" y="509"/>
                  </a:lnTo>
                  <a:lnTo>
                    <a:pt x="105" y="509"/>
                  </a:lnTo>
                  <a:lnTo>
                    <a:pt x="107" y="509"/>
                  </a:lnTo>
                  <a:lnTo>
                    <a:pt x="107" y="510"/>
                  </a:lnTo>
                  <a:lnTo>
                    <a:pt x="109" y="509"/>
                  </a:lnTo>
                  <a:lnTo>
                    <a:pt x="111" y="509"/>
                  </a:lnTo>
                  <a:lnTo>
                    <a:pt x="113" y="507"/>
                  </a:lnTo>
                  <a:lnTo>
                    <a:pt x="115" y="507"/>
                  </a:lnTo>
                  <a:lnTo>
                    <a:pt x="116" y="509"/>
                  </a:lnTo>
                  <a:lnTo>
                    <a:pt x="116" y="507"/>
                  </a:lnTo>
                  <a:lnTo>
                    <a:pt x="118" y="507"/>
                  </a:lnTo>
                  <a:lnTo>
                    <a:pt x="120" y="507"/>
                  </a:lnTo>
                  <a:lnTo>
                    <a:pt x="122" y="507"/>
                  </a:lnTo>
                  <a:lnTo>
                    <a:pt x="124" y="507"/>
                  </a:lnTo>
                  <a:lnTo>
                    <a:pt x="124" y="505"/>
                  </a:lnTo>
                  <a:lnTo>
                    <a:pt x="126" y="505"/>
                  </a:lnTo>
                  <a:lnTo>
                    <a:pt x="126" y="503"/>
                  </a:lnTo>
                  <a:lnTo>
                    <a:pt x="126" y="501"/>
                  </a:lnTo>
                  <a:lnTo>
                    <a:pt x="124" y="497"/>
                  </a:lnTo>
                  <a:lnTo>
                    <a:pt x="122" y="496"/>
                  </a:lnTo>
                  <a:lnTo>
                    <a:pt x="120" y="496"/>
                  </a:lnTo>
                  <a:lnTo>
                    <a:pt x="120" y="497"/>
                  </a:lnTo>
                  <a:lnTo>
                    <a:pt x="118" y="496"/>
                  </a:lnTo>
                  <a:lnTo>
                    <a:pt x="118" y="494"/>
                  </a:lnTo>
                  <a:lnTo>
                    <a:pt x="116" y="492"/>
                  </a:lnTo>
                  <a:lnTo>
                    <a:pt x="115" y="492"/>
                  </a:lnTo>
                  <a:lnTo>
                    <a:pt x="115" y="490"/>
                  </a:lnTo>
                  <a:lnTo>
                    <a:pt x="116" y="490"/>
                  </a:lnTo>
                  <a:lnTo>
                    <a:pt x="116" y="488"/>
                  </a:lnTo>
                  <a:lnTo>
                    <a:pt x="116" y="486"/>
                  </a:lnTo>
                  <a:lnTo>
                    <a:pt x="115" y="486"/>
                  </a:lnTo>
                  <a:lnTo>
                    <a:pt x="115" y="484"/>
                  </a:lnTo>
                  <a:lnTo>
                    <a:pt x="113" y="483"/>
                  </a:lnTo>
                  <a:lnTo>
                    <a:pt x="113" y="481"/>
                  </a:lnTo>
                  <a:lnTo>
                    <a:pt x="115" y="479"/>
                  </a:lnTo>
                  <a:lnTo>
                    <a:pt x="115" y="477"/>
                  </a:lnTo>
                  <a:lnTo>
                    <a:pt x="116" y="473"/>
                  </a:lnTo>
                  <a:lnTo>
                    <a:pt x="115" y="473"/>
                  </a:lnTo>
                  <a:lnTo>
                    <a:pt x="116" y="470"/>
                  </a:lnTo>
                  <a:lnTo>
                    <a:pt x="118" y="468"/>
                  </a:lnTo>
                  <a:lnTo>
                    <a:pt x="118" y="466"/>
                  </a:lnTo>
                  <a:lnTo>
                    <a:pt x="118" y="464"/>
                  </a:lnTo>
                  <a:lnTo>
                    <a:pt x="120" y="464"/>
                  </a:lnTo>
                  <a:lnTo>
                    <a:pt x="120" y="462"/>
                  </a:lnTo>
                  <a:lnTo>
                    <a:pt x="120" y="460"/>
                  </a:lnTo>
                  <a:lnTo>
                    <a:pt x="122" y="460"/>
                  </a:lnTo>
                  <a:lnTo>
                    <a:pt x="122" y="459"/>
                  </a:lnTo>
                  <a:lnTo>
                    <a:pt x="122" y="457"/>
                  </a:lnTo>
                  <a:lnTo>
                    <a:pt x="122" y="455"/>
                  </a:lnTo>
                  <a:lnTo>
                    <a:pt x="122" y="453"/>
                  </a:lnTo>
                  <a:lnTo>
                    <a:pt x="122" y="451"/>
                  </a:lnTo>
                  <a:lnTo>
                    <a:pt x="124" y="449"/>
                  </a:lnTo>
                  <a:lnTo>
                    <a:pt x="122" y="449"/>
                  </a:lnTo>
                  <a:lnTo>
                    <a:pt x="124" y="447"/>
                  </a:lnTo>
                  <a:lnTo>
                    <a:pt x="126" y="446"/>
                  </a:lnTo>
                  <a:lnTo>
                    <a:pt x="127" y="446"/>
                  </a:lnTo>
                  <a:lnTo>
                    <a:pt x="127" y="444"/>
                  </a:lnTo>
                  <a:lnTo>
                    <a:pt x="129" y="442"/>
                  </a:lnTo>
                  <a:lnTo>
                    <a:pt x="129" y="444"/>
                  </a:lnTo>
                  <a:lnTo>
                    <a:pt x="131" y="442"/>
                  </a:lnTo>
                  <a:lnTo>
                    <a:pt x="133" y="442"/>
                  </a:lnTo>
                  <a:lnTo>
                    <a:pt x="133" y="440"/>
                  </a:lnTo>
                  <a:lnTo>
                    <a:pt x="133" y="442"/>
                  </a:lnTo>
                  <a:lnTo>
                    <a:pt x="133" y="440"/>
                  </a:lnTo>
                  <a:lnTo>
                    <a:pt x="135" y="440"/>
                  </a:lnTo>
                  <a:lnTo>
                    <a:pt x="135" y="438"/>
                  </a:lnTo>
                  <a:lnTo>
                    <a:pt x="133" y="438"/>
                  </a:lnTo>
                  <a:lnTo>
                    <a:pt x="131" y="438"/>
                  </a:lnTo>
                  <a:lnTo>
                    <a:pt x="129" y="438"/>
                  </a:lnTo>
                  <a:lnTo>
                    <a:pt x="127" y="438"/>
                  </a:lnTo>
                  <a:lnTo>
                    <a:pt x="127" y="436"/>
                  </a:lnTo>
                  <a:lnTo>
                    <a:pt x="126" y="436"/>
                  </a:lnTo>
                  <a:lnTo>
                    <a:pt x="124" y="436"/>
                  </a:lnTo>
                  <a:lnTo>
                    <a:pt x="122" y="436"/>
                  </a:lnTo>
                  <a:lnTo>
                    <a:pt x="120" y="435"/>
                  </a:lnTo>
                  <a:lnTo>
                    <a:pt x="118" y="435"/>
                  </a:lnTo>
                  <a:lnTo>
                    <a:pt x="116" y="435"/>
                  </a:lnTo>
                  <a:lnTo>
                    <a:pt x="116" y="433"/>
                  </a:lnTo>
                  <a:lnTo>
                    <a:pt x="115" y="433"/>
                  </a:lnTo>
                  <a:lnTo>
                    <a:pt x="113" y="433"/>
                  </a:lnTo>
                  <a:lnTo>
                    <a:pt x="113" y="431"/>
                  </a:lnTo>
                  <a:lnTo>
                    <a:pt x="109" y="429"/>
                  </a:lnTo>
                  <a:lnTo>
                    <a:pt x="109" y="427"/>
                  </a:lnTo>
                  <a:lnTo>
                    <a:pt x="107" y="425"/>
                  </a:lnTo>
                  <a:lnTo>
                    <a:pt x="105" y="423"/>
                  </a:lnTo>
                  <a:lnTo>
                    <a:pt x="103" y="423"/>
                  </a:lnTo>
                  <a:lnTo>
                    <a:pt x="103" y="422"/>
                  </a:lnTo>
                  <a:lnTo>
                    <a:pt x="102" y="422"/>
                  </a:lnTo>
                  <a:lnTo>
                    <a:pt x="103" y="422"/>
                  </a:lnTo>
                  <a:lnTo>
                    <a:pt x="103" y="420"/>
                  </a:lnTo>
                  <a:lnTo>
                    <a:pt x="102" y="420"/>
                  </a:lnTo>
                  <a:lnTo>
                    <a:pt x="102" y="422"/>
                  </a:lnTo>
                  <a:lnTo>
                    <a:pt x="100" y="422"/>
                  </a:lnTo>
                  <a:lnTo>
                    <a:pt x="100" y="423"/>
                  </a:lnTo>
                  <a:lnTo>
                    <a:pt x="98" y="423"/>
                  </a:lnTo>
                  <a:lnTo>
                    <a:pt x="83" y="399"/>
                  </a:lnTo>
                  <a:lnTo>
                    <a:pt x="79" y="394"/>
                  </a:lnTo>
                  <a:lnTo>
                    <a:pt x="81" y="392"/>
                  </a:lnTo>
                  <a:lnTo>
                    <a:pt x="83" y="392"/>
                  </a:lnTo>
                  <a:lnTo>
                    <a:pt x="85" y="392"/>
                  </a:lnTo>
                  <a:lnTo>
                    <a:pt x="85" y="390"/>
                  </a:lnTo>
                  <a:lnTo>
                    <a:pt x="87" y="390"/>
                  </a:lnTo>
                  <a:lnTo>
                    <a:pt x="89" y="390"/>
                  </a:lnTo>
                  <a:lnTo>
                    <a:pt x="90" y="388"/>
                  </a:lnTo>
                  <a:lnTo>
                    <a:pt x="92" y="386"/>
                  </a:lnTo>
                  <a:lnTo>
                    <a:pt x="90" y="386"/>
                  </a:lnTo>
                  <a:lnTo>
                    <a:pt x="92" y="385"/>
                  </a:lnTo>
                  <a:lnTo>
                    <a:pt x="92" y="383"/>
                  </a:lnTo>
                  <a:lnTo>
                    <a:pt x="90" y="381"/>
                  </a:lnTo>
                  <a:lnTo>
                    <a:pt x="90" y="383"/>
                  </a:lnTo>
                  <a:lnTo>
                    <a:pt x="89" y="383"/>
                  </a:lnTo>
                  <a:lnTo>
                    <a:pt x="87" y="383"/>
                  </a:lnTo>
                  <a:lnTo>
                    <a:pt x="87" y="385"/>
                  </a:lnTo>
                  <a:lnTo>
                    <a:pt x="85" y="385"/>
                  </a:lnTo>
                  <a:lnTo>
                    <a:pt x="85" y="381"/>
                  </a:lnTo>
                  <a:lnTo>
                    <a:pt x="85" y="379"/>
                  </a:lnTo>
                  <a:lnTo>
                    <a:pt x="83" y="379"/>
                  </a:lnTo>
                  <a:lnTo>
                    <a:pt x="83" y="381"/>
                  </a:lnTo>
                  <a:lnTo>
                    <a:pt x="81" y="379"/>
                  </a:lnTo>
                  <a:lnTo>
                    <a:pt x="81" y="377"/>
                  </a:lnTo>
                  <a:lnTo>
                    <a:pt x="79" y="377"/>
                  </a:lnTo>
                  <a:lnTo>
                    <a:pt x="78" y="375"/>
                  </a:lnTo>
                  <a:lnTo>
                    <a:pt x="79" y="375"/>
                  </a:lnTo>
                  <a:lnTo>
                    <a:pt x="78" y="373"/>
                  </a:lnTo>
                  <a:lnTo>
                    <a:pt x="78" y="372"/>
                  </a:lnTo>
                  <a:lnTo>
                    <a:pt x="78" y="370"/>
                  </a:lnTo>
                  <a:lnTo>
                    <a:pt x="76" y="370"/>
                  </a:lnTo>
                  <a:lnTo>
                    <a:pt x="76" y="368"/>
                  </a:lnTo>
                  <a:lnTo>
                    <a:pt x="76" y="366"/>
                  </a:lnTo>
                  <a:lnTo>
                    <a:pt x="74" y="364"/>
                  </a:lnTo>
                  <a:lnTo>
                    <a:pt x="72" y="362"/>
                  </a:lnTo>
                  <a:lnTo>
                    <a:pt x="72" y="361"/>
                  </a:lnTo>
                  <a:lnTo>
                    <a:pt x="70" y="361"/>
                  </a:lnTo>
                  <a:lnTo>
                    <a:pt x="68" y="359"/>
                  </a:lnTo>
                  <a:lnTo>
                    <a:pt x="66" y="357"/>
                  </a:lnTo>
                  <a:lnTo>
                    <a:pt x="65" y="357"/>
                  </a:lnTo>
                  <a:lnTo>
                    <a:pt x="65" y="355"/>
                  </a:lnTo>
                  <a:lnTo>
                    <a:pt x="63" y="355"/>
                  </a:lnTo>
                  <a:lnTo>
                    <a:pt x="63" y="357"/>
                  </a:lnTo>
                  <a:lnTo>
                    <a:pt x="61" y="357"/>
                  </a:lnTo>
                  <a:lnTo>
                    <a:pt x="61" y="355"/>
                  </a:lnTo>
                  <a:lnTo>
                    <a:pt x="59" y="355"/>
                  </a:lnTo>
                  <a:lnTo>
                    <a:pt x="59" y="353"/>
                  </a:lnTo>
                  <a:lnTo>
                    <a:pt x="57" y="351"/>
                  </a:lnTo>
                  <a:lnTo>
                    <a:pt x="57" y="349"/>
                  </a:lnTo>
                  <a:lnTo>
                    <a:pt x="57" y="348"/>
                  </a:lnTo>
                  <a:lnTo>
                    <a:pt x="57" y="346"/>
                  </a:lnTo>
                  <a:lnTo>
                    <a:pt x="55" y="346"/>
                  </a:lnTo>
                  <a:lnTo>
                    <a:pt x="55" y="344"/>
                  </a:lnTo>
                  <a:lnTo>
                    <a:pt x="55" y="342"/>
                  </a:lnTo>
                  <a:lnTo>
                    <a:pt x="54" y="342"/>
                  </a:lnTo>
                  <a:lnTo>
                    <a:pt x="52" y="342"/>
                  </a:lnTo>
                  <a:lnTo>
                    <a:pt x="52" y="340"/>
                  </a:lnTo>
                  <a:lnTo>
                    <a:pt x="50" y="340"/>
                  </a:lnTo>
                  <a:lnTo>
                    <a:pt x="48" y="338"/>
                  </a:lnTo>
                  <a:lnTo>
                    <a:pt x="50" y="338"/>
                  </a:lnTo>
                  <a:lnTo>
                    <a:pt x="48" y="329"/>
                  </a:lnTo>
                  <a:lnTo>
                    <a:pt x="48" y="327"/>
                  </a:lnTo>
                  <a:lnTo>
                    <a:pt x="48" y="325"/>
                  </a:lnTo>
                  <a:lnTo>
                    <a:pt x="48" y="324"/>
                  </a:lnTo>
                  <a:lnTo>
                    <a:pt x="46" y="324"/>
                  </a:lnTo>
                  <a:lnTo>
                    <a:pt x="46" y="322"/>
                  </a:lnTo>
                  <a:lnTo>
                    <a:pt x="44" y="322"/>
                  </a:lnTo>
                  <a:lnTo>
                    <a:pt x="42" y="322"/>
                  </a:lnTo>
                  <a:lnTo>
                    <a:pt x="41" y="320"/>
                  </a:lnTo>
                  <a:lnTo>
                    <a:pt x="39" y="320"/>
                  </a:lnTo>
                  <a:lnTo>
                    <a:pt x="37" y="318"/>
                  </a:lnTo>
                  <a:lnTo>
                    <a:pt x="35" y="318"/>
                  </a:lnTo>
                  <a:lnTo>
                    <a:pt x="35" y="316"/>
                  </a:lnTo>
                  <a:lnTo>
                    <a:pt x="33" y="316"/>
                  </a:lnTo>
                  <a:lnTo>
                    <a:pt x="33" y="314"/>
                  </a:lnTo>
                  <a:lnTo>
                    <a:pt x="31" y="316"/>
                  </a:lnTo>
                  <a:lnTo>
                    <a:pt x="29" y="316"/>
                  </a:lnTo>
                  <a:lnTo>
                    <a:pt x="28" y="316"/>
                  </a:lnTo>
                  <a:lnTo>
                    <a:pt x="28" y="314"/>
                  </a:lnTo>
                  <a:lnTo>
                    <a:pt x="28" y="316"/>
                  </a:lnTo>
                  <a:lnTo>
                    <a:pt x="26" y="316"/>
                  </a:lnTo>
                  <a:lnTo>
                    <a:pt x="26" y="314"/>
                  </a:lnTo>
                  <a:lnTo>
                    <a:pt x="24" y="314"/>
                  </a:lnTo>
                  <a:lnTo>
                    <a:pt x="24" y="312"/>
                  </a:lnTo>
                  <a:lnTo>
                    <a:pt x="22" y="312"/>
                  </a:lnTo>
                  <a:lnTo>
                    <a:pt x="22" y="311"/>
                  </a:lnTo>
                  <a:lnTo>
                    <a:pt x="26" y="309"/>
                  </a:lnTo>
                  <a:lnTo>
                    <a:pt x="26" y="307"/>
                  </a:lnTo>
                  <a:lnTo>
                    <a:pt x="29" y="305"/>
                  </a:lnTo>
                  <a:lnTo>
                    <a:pt x="33" y="305"/>
                  </a:lnTo>
                  <a:lnTo>
                    <a:pt x="35" y="303"/>
                  </a:lnTo>
                  <a:lnTo>
                    <a:pt x="37" y="303"/>
                  </a:lnTo>
                  <a:lnTo>
                    <a:pt x="37" y="301"/>
                  </a:lnTo>
                  <a:lnTo>
                    <a:pt x="37" y="300"/>
                  </a:lnTo>
                  <a:lnTo>
                    <a:pt x="37" y="298"/>
                  </a:lnTo>
                  <a:lnTo>
                    <a:pt x="35" y="296"/>
                  </a:lnTo>
                  <a:lnTo>
                    <a:pt x="35" y="294"/>
                  </a:lnTo>
                  <a:lnTo>
                    <a:pt x="33" y="294"/>
                  </a:lnTo>
                  <a:lnTo>
                    <a:pt x="33" y="292"/>
                  </a:lnTo>
                  <a:lnTo>
                    <a:pt x="33" y="290"/>
                  </a:lnTo>
                  <a:lnTo>
                    <a:pt x="33" y="288"/>
                  </a:lnTo>
                  <a:lnTo>
                    <a:pt x="33" y="287"/>
                  </a:lnTo>
                  <a:lnTo>
                    <a:pt x="33" y="283"/>
                  </a:lnTo>
                  <a:lnTo>
                    <a:pt x="33" y="281"/>
                  </a:lnTo>
                  <a:lnTo>
                    <a:pt x="35" y="281"/>
                  </a:lnTo>
                  <a:lnTo>
                    <a:pt x="37" y="279"/>
                  </a:lnTo>
                  <a:lnTo>
                    <a:pt x="39" y="279"/>
                  </a:lnTo>
                  <a:lnTo>
                    <a:pt x="41" y="279"/>
                  </a:lnTo>
                  <a:lnTo>
                    <a:pt x="42" y="279"/>
                  </a:lnTo>
                  <a:lnTo>
                    <a:pt x="42" y="277"/>
                  </a:lnTo>
                  <a:lnTo>
                    <a:pt x="44" y="277"/>
                  </a:lnTo>
                  <a:lnTo>
                    <a:pt x="46" y="277"/>
                  </a:lnTo>
                  <a:lnTo>
                    <a:pt x="48" y="277"/>
                  </a:lnTo>
                  <a:lnTo>
                    <a:pt x="50" y="277"/>
                  </a:lnTo>
                  <a:lnTo>
                    <a:pt x="52" y="277"/>
                  </a:lnTo>
                  <a:lnTo>
                    <a:pt x="52" y="275"/>
                  </a:lnTo>
                  <a:lnTo>
                    <a:pt x="54" y="279"/>
                  </a:lnTo>
                  <a:lnTo>
                    <a:pt x="55" y="279"/>
                  </a:lnTo>
                  <a:lnTo>
                    <a:pt x="57" y="279"/>
                  </a:lnTo>
                  <a:lnTo>
                    <a:pt x="57" y="281"/>
                  </a:lnTo>
                  <a:lnTo>
                    <a:pt x="61" y="279"/>
                  </a:lnTo>
                  <a:lnTo>
                    <a:pt x="63" y="279"/>
                  </a:lnTo>
                  <a:lnTo>
                    <a:pt x="65" y="279"/>
                  </a:lnTo>
                  <a:lnTo>
                    <a:pt x="65" y="277"/>
                  </a:lnTo>
                  <a:lnTo>
                    <a:pt x="66" y="277"/>
                  </a:lnTo>
                  <a:lnTo>
                    <a:pt x="66" y="275"/>
                  </a:lnTo>
                  <a:lnTo>
                    <a:pt x="68" y="275"/>
                  </a:lnTo>
                  <a:lnTo>
                    <a:pt x="70" y="274"/>
                  </a:lnTo>
                  <a:lnTo>
                    <a:pt x="72" y="274"/>
                  </a:lnTo>
                  <a:lnTo>
                    <a:pt x="72" y="272"/>
                  </a:lnTo>
                  <a:lnTo>
                    <a:pt x="74" y="272"/>
                  </a:lnTo>
                  <a:lnTo>
                    <a:pt x="76" y="272"/>
                  </a:lnTo>
                  <a:lnTo>
                    <a:pt x="78" y="270"/>
                  </a:lnTo>
                  <a:lnTo>
                    <a:pt x="79" y="270"/>
                  </a:lnTo>
                  <a:lnTo>
                    <a:pt x="81" y="270"/>
                  </a:lnTo>
                  <a:lnTo>
                    <a:pt x="83" y="268"/>
                  </a:lnTo>
                  <a:lnTo>
                    <a:pt x="83" y="266"/>
                  </a:lnTo>
                  <a:lnTo>
                    <a:pt x="85" y="266"/>
                  </a:lnTo>
                  <a:lnTo>
                    <a:pt x="85" y="264"/>
                  </a:lnTo>
                  <a:lnTo>
                    <a:pt x="87" y="263"/>
                  </a:lnTo>
                  <a:lnTo>
                    <a:pt x="87" y="261"/>
                  </a:lnTo>
                  <a:lnTo>
                    <a:pt x="89" y="261"/>
                  </a:lnTo>
                  <a:lnTo>
                    <a:pt x="90" y="259"/>
                  </a:lnTo>
                  <a:lnTo>
                    <a:pt x="92" y="259"/>
                  </a:lnTo>
                  <a:lnTo>
                    <a:pt x="94" y="257"/>
                  </a:lnTo>
                  <a:lnTo>
                    <a:pt x="96" y="257"/>
                  </a:lnTo>
                  <a:lnTo>
                    <a:pt x="98" y="257"/>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26" name="Freeform 170"/>
            <p:cNvSpPr>
              <a:spLocks/>
            </p:cNvSpPr>
            <p:nvPr/>
          </p:nvSpPr>
          <p:spPr bwMode="auto">
            <a:xfrm>
              <a:off x="5099640" y="3541637"/>
              <a:ext cx="518108" cy="526447"/>
            </a:xfrm>
            <a:custGeom>
              <a:avLst/>
              <a:gdLst>
                <a:gd name="T0" fmla="*/ 117 w 497"/>
                <a:gd name="T1" fmla="*/ 87 h 505"/>
                <a:gd name="T2" fmla="*/ 89 w 497"/>
                <a:gd name="T3" fmla="*/ 91 h 505"/>
                <a:gd name="T4" fmla="*/ 63 w 497"/>
                <a:gd name="T5" fmla="*/ 85 h 505"/>
                <a:gd name="T6" fmla="*/ 35 w 497"/>
                <a:gd name="T7" fmla="*/ 94 h 505"/>
                <a:gd name="T8" fmla="*/ 7 w 497"/>
                <a:gd name="T9" fmla="*/ 93 h 505"/>
                <a:gd name="T10" fmla="*/ 7 w 497"/>
                <a:gd name="T11" fmla="*/ 69 h 505"/>
                <a:gd name="T12" fmla="*/ 33 w 497"/>
                <a:gd name="T13" fmla="*/ 67 h 505"/>
                <a:gd name="T14" fmla="*/ 68 w 497"/>
                <a:gd name="T15" fmla="*/ 46 h 505"/>
                <a:gd name="T16" fmla="*/ 102 w 497"/>
                <a:gd name="T17" fmla="*/ 50 h 505"/>
                <a:gd name="T18" fmla="*/ 122 w 497"/>
                <a:gd name="T19" fmla="*/ 46 h 505"/>
                <a:gd name="T20" fmla="*/ 233 w 497"/>
                <a:gd name="T21" fmla="*/ 43 h 505"/>
                <a:gd name="T22" fmla="*/ 261 w 497"/>
                <a:gd name="T23" fmla="*/ 41 h 505"/>
                <a:gd name="T24" fmla="*/ 288 w 497"/>
                <a:gd name="T25" fmla="*/ 43 h 505"/>
                <a:gd name="T26" fmla="*/ 479 w 497"/>
                <a:gd name="T27" fmla="*/ 65 h 505"/>
                <a:gd name="T28" fmla="*/ 486 w 497"/>
                <a:gd name="T29" fmla="*/ 89 h 505"/>
                <a:gd name="T30" fmla="*/ 471 w 497"/>
                <a:gd name="T31" fmla="*/ 113 h 505"/>
                <a:gd name="T32" fmla="*/ 475 w 497"/>
                <a:gd name="T33" fmla="*/ 144 h 505"/>
                <a:gd name="T34" fmla="*/ 468 w 497"/>
                <a:gd name="T35" fmla="*/ 161 h 505"/>
                <a:gd name="T36" fmla="*/ 460 w 497"/>
                <a:gd name="T37" fmla="*/ 178 h 505"/>
                <a:gd name="T38" fmla="*/ 442 w 497"/>
                <a:gd name="T39" fmla="*/ 191 h 505"/>
                <a:gd name="T40" fmla="*/ 418 w 497"/>
                <a:gd name="T41" fmla="*/ 202 h 505"/>
                <a:gd name="T42" fmla="*/ 397 w 497"/>
                <a:gd name="T43" fmla="*/ 213 h 505"/>
                <a:gd name="T44" fmla="*/ 375 w 497"/>
                <a:gd name="T45" fmla="*/ 204 h 505"/>
                <a:gd name="T46" fmla="*/ 359 w 497"/>
                <a:gd name="T47" fmla="*/ 229 h 505"/>
                <a:gd name="T48" fmla="*/ 338 w 497"/>
                <a:gd name="T49" fmla="*/ 244 h 505"/>
                <a:gd name="T50" fmla="*/ 359 w 497"/>
                <a:gd name="T51" fmla="*/ 255 h 505"/>
                <a:gd name="T52" fmla="*/ 362 w 497"/>
                <a:gd name="T53" fmla="*/ 281 h 505"/>
                <a:gd name="T54" fmla="*/ 355 w 497"/>
                <a:gd name="T55" fmla="*/ 305 h 505"/>
                <a:gd name="T56" fmla="*/ 357 w 497"/>
                <a:gd name="T57" fmla="*/ 333 h 505"/>
                <a:gd name="T58" fmla="*/ 331 w 497"/>
                <a:gd name="T59" fmla="*/ 337 h 505"/>
                <a:gd name="T60" fmla="*/ 303 w 497"/>
                <a:gd name="T61" fmla="*/ 342 h 505"/>
                <a:gd name="T62" fmla="*/ 285 w 497"/>
                <a:gd name="T63" fmla="*/ 331 h 505"/>
                <a:gd name="T64" fmla="*/ 274 w 497"/>
                <a:gd name="T65" fmla="*/ 307 h 505"/>
                <a:gd name="T66" fmla="*/ 248 w 497"/>
                <a:gd name="T67" fmla="*/ 326 h 505"/>
                <a:gd name="T68" fmla="*/ 222 w 497"/>
                <a:gd name="T69" fmla="*/ 346 h 505"/>
                <a:gd name="T70" fmla="*/ 233 w 497"/>
                <a:gd name="T71" fmla="*/ 315 h 505"/>
                <a:gd name="T72" fmla="*/ 226 w 497"/>
                <a:gd name="T73" fmla="*/ 296 h 505"/>
                <a:gd name="T74" fmla="*/ 207 w 497"/>
                <a:gd name="T75" fmla="*/ 311 h 505"/>
                <a:gd name="T76" fmla="*/ 216 w 497"/>
                <a:gd name="T77" fmla="*/ 329 h 505"/>
                <a:gd name="T78" fmla="*/ 216 w 497"/>
                <a:gd name="T79" fmla="*/ 361 h 505"/>
                <a:gd name="T80" fmla="*/ 224 w 497"/>
                <a:gd name="T81" fmla="*/ 389 h 505"/>
                <a:gd name="T82" fmla="*/ 224 w 497"/>
                <a:gd name="T83" fmla="*/ 413 h 505"/>
                <a:gd name="T84" fmla="*/ 242 w 497"/>
                <a:gd name="T85" fmla="*/ 424 h 505"/>
                <a:gd name="T86" fmla="*/ 253 w 497"/>
                <a:gd name="T87" fmla="*/ 457 h 505"/>
                <a:gd name="T88" fmla="*/ 283 w 497"/>
                <a:gd name="T89" fmla="*/ 468 h 505"/>
                <a:gd name="T90" fmla="*/ 296 w 497"/>
                <a:gd name="T91" fmla="*/ 500 h 505"/>
                <a:gd name="T92" fmla="*/ 227 w 497"/>
                <a:gd name="T93" fmla="*/ 477 h 505"/>
                <a:gd name="T94" fmla="*/ 203 w 497"/>
                <a:gd name="T95" fmla="*/ 461 h 505"/>
                <a:gd name="T96" fmla="*/ 183 w 497"/>
                <a:gd name="T97" fmla="*/ 448 h 505"/>
                <a:gd name="T98" fmla="*/ 163 w 497"/>
                <a:gd name="T99" fmla="*/ 426 h 505"/>
                <a:gd name="T100" fmla="*/ 150 w 497"/>
                <a:gd name="T101" fmla="*/ 405 h 505"/>
                <a:gd name="T102" fmla="*/ 166 w 497"/>
                <a:gd name="T103" fmla="*/ 385 h 505"/>
                <a:gd name="T104" fmla="*/ 157 w 497"/>
                <a:gd name="T105" fmla="*/ 350 h 505"/>
                <a:gd name="T106" fmla="*/ 165 w 497"/>
                <a:gd name="T107" fmla="*/ 311 h 505"/>
                <a:gd name="T108" fmla="*/ 163 w 497"/>
                <a:gd name="T109" fmla="*/ 278 h 505"/>
                <a:gd name="T110" fmla="*/ 170 w 497"/>
                <a:gd name="T111" fmla="*/ 252 h 505"/>
                <a:gd name="T112" fmla="*/ 174 w 497"/>
                <a:gd name="T113" fmla="*/ 228 h 505"/>
                <a:gd name="T114" fmla="*/ 174 w 497"/>
                <a:gd name="T115" fmla="*/ 191 h 505"/>
                <a:gd name="T116" fmla="*/ 137 w 497"/>
                <a:gd name="T117" fmla="*/ 196 h 505"/>
                <a:gd name="T118" fmla="*/ 118 w 497"/>
                <a:gd name="T119" fmla="*/ 187 h 505"/>
                <a:gd name="T120" fmla="*/ 104 w 497"/>
                <a:gd name="T121" fmla="*/ 168 h 505"/>
                <a:gd name="T122" fmla="*/ 120 w 497"/>
                <a:gd name="T123" fmla="*/ 144 h 5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497" h="505">
                  <a:moveTo>
                    <a:pt x="128" y="115"/>
                  </a:moveTo>
                  <a:lnTo>
                    <a:pt x="129" y="104"/>
                  </a:lnTo>
                  <a:lnTo>
                    <a:pt x="129" y="102"/>
                  </a:lnTo>
                  <a:lnTo>
                    <a:pt x="128" y="100"/>
                  </a:lnTo>
                  <a:lnTo>
                    <a:pt x="128" y="98"/>
                  </a:lnTo>
                  <a:lnTo>
                    <a:pt x="128" y="96"/>
                  </a:lnTo>
                  <a:lnTo>
                    <a:pt x="126" y="96"/>
                  </a:lnTo>
                  <a:lnTo>
                    <a:pt x="126" y="94"/>
                  </a:lnTo>
                  <a:lnTo>
                    <a:pt x="124" y="94"/>
                  </a:lnTo>
                  <a:lnTo>
                    <a:pt x="126" y="91"/>
                  </a:lnTo>
                  <a:lnTo>
                    <a:pt x="124" y="91"/>
                  </a:lnTo>
                  <a:lnTo>
                    <a:pt x="124" y="89"/>
                  </a:lnTo>
                  <a:lnTo>
                    <a:pt x="122" y="89"/>
                  </a:lnTo>
                  <a:lnTo>
                    <a:pt x="120" y="89"/>
                  </a:lnTo>
                  <a:lnTo>
                    <a:pt x="118" y="89"/>
                  </a:lnTo>
                  <a:lnTo>
                    <a:pt x="118" y="87"/>
                  </a:lnTo>
                  <a:lnTo>
                    <a:pt x="117" y="87"/>
                  </a:lnTo>
                  <a:lnTo>
                    <a:pt x="115" y="87"/>
                  </a:lnTo>
                  <a:lnTo>
                    <a:pt x="113" y="87"/>
                  </a:lnTo>
                  <a:lnTo>
                    <a:pt x="111" y="87"/>
                  </a:lnTo>
                  <a:lnTo>
                    <a:pt x="109" y="89"/>
                  </a:lnTo>
                  <a:lnTo>
                    <a:pt x="109" y="87"/>
                  </a:lnTo>
                  <a:lnTo>
                    <a:pt x="107" y="89"/>
                  </a:lnTo>
                  <a:lnTo>
                    <a:pt x="105" y="89"/>
                  </a:lnTo>
                  <a:lnTo>
                    <a:pt x="104" y="89"/>
                  </a:lnTo>
                  <a:lnTo>
                    <a:pt x="102" y="89"/>
                  </a:lnTo>
                  <a:lnTo>
                    <a:pt x="102" y="91"/>
                  </a:lnTo>
                  <a:lnTo>
                    <a:pt x="100" y="91"/>
                  </a:lnTo>
                  <a:lnTo>
                    <a:pt x="98" y="91"/>
                  </a:lnTo>
                  <a:lnTo>
                    <a:pt x="96" y="91"/>
                  </a:lnTo>
                  <a:lnTo>
                    <a:pt x="94" y="91"/>
                  </a:lnTo>
                  <a:lnTo>
                    <a:pt x="92" y="91"/>
                  </a:lnTo>
                  <a:lnTo>
                    <a:pt x="91" y="91"/>
                  </a:lnTo>
                  <a:lnTo>
                    <a:pt x="89" y="91"/>
                  </a:lnTo>
                  <a:lnTo>
                    <a:pt x="89" y="89"/>
                  </a:lnTo>
                  <a:lnTo>
                    <a:pt x="87" y="89"/>
                  </a:lnTo>
                  <a:lnTo>
                    <a:pt x="85" y="89"/>
                  </a:lnTo>
                  <a:lnTo>
                    <a:pt x="83" y="89"/>
                  </a:lnTo>
                  <a:lnTo>
                    <a:pt x="81" y="87"/>
                  </a:lnTo>
                  <a:lnTo>
                    <a:pt x="81" y="89"/>
                  </a:lnTo>
                  <a:lnTo>
                    <a:pt x="80" y="87"/>
                  </a:lnTo>
                  <a:lnTo>
                    <a:pt x="78" y="85"/>
                  </a:lnTo>
                  <a:lnTo>
                    <a:pt x="76" y="85"/>
                  </a:lnTo>
                  <a:lnTo>
                    <a:pt x="72" y="85"/>
                  </a:lnTo>
                  <a:lnTo>
                    <a:pt x="70" y="85"/>
                  </a:lnTo>
                  <a:lnTo>
                    <a:pt x="68" y="85"/>
                  </a:lnTo>
                  <a:lnTo>
                    <a:pt x="67" y="85"/>
                  </a:lnTo>
                  <a:lnTo>
                    <a:pt x="67" y="87"/>
                  </a:lnTo>
                  <a:lnTo>
                    <a:pt x="65" y="85"/>
                  </a:lnTo>
                  <a:lnTo>
                    <a:pt x="63" y="87"/>
                  </a:lnTo>
                  <a:lnTo>
                    <a:pt x="63" y="85"/>
                  </a:lnTo>
                  <a:lnTo>
                    <a:pt x="61" y="85"/>
                  </a:lnTo>
                  <a:lnTo>
                    <a:pt x="61" y="83"/>
                  </a:lnTo>
                  <a:lnTo>
                    <a:pt x="61" y="81"/>
                  </a:lnTo>
                  <a:lnTo>
                    <a:pt x="59" y="81"/>
                  </a:lnTo>
                  <a:lnTo>
                    <a:pt x="59" y="83"/>
                  </a:lnTo>
                  <a:lnTo>
                    <a:pt x="57" y="83"/>
                  </a:lnTo>
                  <a:lnTo>
                    <a:pt x="54" y="83"/>
                  </a:lnTo>
                  <a:lnTo>
                    <a:pt x="52" y="83"/>
                  </a:lnTo>
                  <a:lnTo>
                    <a:pt x="50" y="83"/>
                  </a:lnTo>
                  <a:lnTo>
                    <a:pt x="48" y="85"/>
                  </a:lnTo>
                  <a:lnTo>
                    <a:pt x="46" y="87"/>
                  </a:lnTo>
                  <a:lnTo>
                    <a:pt x="43" y="91"/>
                  </a:lnTo>
                  <a:lnTo>
                    <a:pt x="41" y="91"/>
                  </a:lnTo>
                  <a:lnTo>
                    <a:pt x="39" y="93"/>
                  </a:lnTo>
                  <a:lnTo>
                    <a:pt x="39" y="94"/>
                  </a:lnTo>
                  <a:lnTo>
                    <a:pt x="37" y="94"/>
                  </a:lnTo>
                  <a:lnTo>
                    <a:pt x="35" y="94"/>
                  </a:lnTo>
                  <a:lnTo>
                    <a:pt x="33" y="94"/>
                  </a:lnTo>
                  <a:lnTo>
                    <a:pt x="33" y="96"/>
                  </a:lnTo>
                  <a:lnTo>
                    <a:pt x="31" y="96"/>
                  </a:lnTo>
                  <a:lnTo>
                    <a:pt x="30" y="96"/>
                  </a:lnTo>
                  <a:lnTo>
                    <a:pt x="28" y="94"/>
                  </a:lnTo>
                  <a:lnTo>
                    <a:pt x="26" y="94"/>
                  </a:lnTo>
                  <a:lnTo>
                    <a:pt x="22" y="94"/>
                  </a:lnTo>
                  <a:lnTo>
                    <a:pt x="20" y="96"/>
                  </a:lnTo>
                  <a:lnTo>
                    <a:pt x="19" y="96"/>
                  </a:lnTo>
                  <a:lnTo>
                    <a:pt x="17" y="96"/>
                  </a:lnTo>
                  <a:lnTo>
                    <a:pt x="17" y="98"/>
                  </a:lnTo>
                  <a:lnTo>
                    <a:pt x="15" y="96"/>
                  </a:lnTo>
                  <a:lnTo>
                    <a:pt x="13" y="96"/>
                  </a:lnTo>
                  <a:lnTo>
                    <a:pt x="13" y="94"/>
                  </a:lnTo>
                  <a:lnTo>
                    <a:pt x="11" y="94"/>
                  </a:lnTo>
                  <a:lnTo>
                    <a:pt x="9" y="93"/>
                  </a:lnTo>
                  <a:lnTo>
                    <a:pt x="7" y="93"/>
                  </a:lnTo>
                  <a:lnTo>
                    <a:pt x="7" y="91"/>
                  </a:lnTo>
                  <a:lnTo>
                    <a:pt x="6" y="89"/>
                  </a:lnTo>
                  <a:lnTo>
                    <a:pt x="4" y="89"/>
                  </a:lnTo>
                  <a:lnTo>
                    <a:pt x="4" y="87"/>
                  </a:lnTo>
                  <a:lnTo>
                    <a:pt x="4" y="85"/>
                  </a:lnTo>
                  <a:lnTo>
                    <a:pt x="2" y="85"/>
                  </a:lnTo>
                  <a:lnTo>
                    <a:pt x="2" y="83"/>
                  </a:lnTo>
                  <a:lnTo>
                    <a:pt x="0" y="83"/>
                  </a:lnTo>
                  <a:lnTo>
                    <a:pt x="0" y="81"/>
                  </a:lnTo>
                  <a:lnTo>
                    <a:pt x="2" y="80"/>
                  </a:lnTo>
                  <a:lnTo>
                    <a:pt x="4" y="78"/>
                  </a:lnTo>
                  <a:lnTo>
                    <a:pt x="6" y="76"/>
                  </a:lnTo>
                  <a:lnTo>
                    <a:pt x="6" y="74"/>
                  </a:lnTo>
                  <a:lnTo>
                    <a:pt x="6" y="72"/>
                  </a:lnTo>
                  <a:lnTo>
                    <a:pt x="7" y="72"/>
                  </a:lnTo>
                  <a:lnTo>
                    <a:pt x="7" y="70"/>
                  </a:lnTo>
                  <a:lnTo>
                    <a:pt x="7" y="69"/>
                  </a:lnTo>
                  <a:lnTo>
                    <a:pt x="9" y="69"/>
                  </a:lnTo>
                  <a:lnTo>
                    <a:pt x="9" y="67"/>
                  </a:lnTo>
                  <a:lnTo>
                    <a:pt x="11" y="65"/>
                  </a:lnTo>
                  <a:lnTo>
                    <a:pt x="13" y="63"/>
                  </a:lnTo>
                  <a:lnTo>
                    <a:pt x="13" y="61"/>
                  </a:lnTo>
                  <a:lnTo>
                    <a:pt x="13" y="59"/>
                  </a:lnTo>
                  <a:lnTo>
                    <a:pt x="15" y="59"/>
                  </a:lnTo>
                  <a:lnTo>
                    <a:pt x="15" y="57"/>
                  </a:lnTo>
                  <a:lnTo>
                    <a:pt x="19" y="57"/>
                  </a:lnTo>
                  <a:lnTo>
                    <a:pt x="22" y="59"/>
                  </a:lnTo>
                  <a:lnTo>
                    <a:pt x="24" y="61"/>
                  </a:lnTo>
                  <a:lnTo>
                    <a:pt x="28" y="59"/>
                  </a:lnTo>
                  <a:lnTo>
                    <a:pt x="30" y="61"/>
                  </a:lnTo>
                  <a:lnTo>
                    <a:pt x="30" y="63"/>
                  </a:lnTo>
                  <a:lnTo>
                    <a:pt x="31" y="65"/>
                  </a:lnTo>
                  <a:lnTo>
                    <a:pt x="31" y="67"/>
                  </a:lnTo>
                  <a:lnTo>
                    <a:pt x="33" y="67"/>
                  </a:lnTo>
                  <a:lnTo>
                    <a:pt x="33" y="69"/>
                  </a:lnTo>
                  <a:lnTo>
                    <a:pt x="37" y="70"/>
                  </a:lnTo>
                  <a:lnTo>
                    <a:pt x="43" y="69"/>
                  </a:lnTo>
                  <a:lnTo>
                    <a:pt x="43" y="67"/>
                  </a:lnTo>
                  <a:lnTo>
                    <a:pt x="46" y="63"/>
                  </a:lnTo>
                  <a:lnTo>
                    <a:pt x="50" y="59"/>
                  </a:lnTo>
                  <a:lnTo>
                    <a:pt x="50" y="57"/>
                  </a:lnTo>
                  <a:lnTo>
                    <a:pt x="52" y="57"/>
                  </a:lnTo>
                  <a:lnTo>
                    <a:pt x="52" y="56"/>
                  </a:lnTo>
                  <a:lnTo>
                    <a:pt x="52" y="54"/>
                  </a:lnTo>
                  <a:lnTo>
                    <a:pt x="54" y="54"/>
                  </a:lnTo>
                  <a:lnTo>
                    <a:pt x="57" y="52"/>
                  </a:lnTo>
                  <a:lnTo>
                    <a:pt x="59" y="50"/>
                  </a:lnTo>
                  <a:lnTo>
                    <a:pt x="63" y="48"/>
                  </a:lnTo>
                  <a:lnTo>
                    <a:pt x="65" y="46"/>
                  </a:lnTo>
                  <a:lnTo>
                    <a:pt x="67" y="46"/>
                  </a:lnTo>
                  <a:lnTo>
                    <a:pt x="68" y="46"/>
                  </a:lnTo>
                  <a:lnTo>
                    <a:pt x="70" y="46"/>
                  </a:lnTo>
                  <a:lnTo>
                    <a:pt x="72" y="46"/>
                  </a:lnTo>
                  <a:lnTo>
                    <a:pt x="74" y="46"/>
                  </a:lnTo>
                  <a:lnTo>
                    <a:pt x="78" y="46"/>
                  </a:lnTo>
                  <a:lnTo>
                    <a:pt x="83" y="46"/>
                  </a:lnTo>
                  <a:lnTo>
                    <a:pt x="85" y="46"/>
                  </a:lnTo>
                  <a:lnTo>
                    <a:pt x="85" y="48"/>
                  </a:lnTo>
                  <a:lnTo>
                    <a:pt x="87" y="48"/>
                  </a:lnTo>
                  <a:lnTo>
                    <a:pt x="87" y="50"/>
                  </a:lnTo>
                  <a:lnTo>
                    <a:pt x="89" y="50"/>
                  </a:lnTo>
                  <a:lnTo>
                    <a:pt x="91" y="52"/>
                  </a:lnTo>
                  <a:lnTo>
                    <a:pt x="92" y="52"/>
                  </a:lnTo>
                  <a:lnTo>
                    <a:pt x="94" y="52"/>
                  </a:lnTo>
                  <a:lnTo>
                    <a:pt x="96" y="52"/>
                  </a:lnTo>
                  <a:lnTo>
                    <a:pt x="98" y="52"/>
                  </a:lnTo>
                  <a:lnTo>
                    <a:pt x="100" y="52"/>
                  </a:lnTo>
                  <a:lnTo>
                    <a:pt x="102" y="50"/>
                  </a:lnTo>
                  <a:lnTo>
                    <a:pt x="104" y="50"/>
                  </a:lnTo>
                  <a:lnTo>
                    <a:pt x="105" y="50"/>
                  </a:lnTo>
                  <a:lnTo>
                    <a:pt x="105" y="48"/>
                  </a:lnTo>
                  <a:lnTo>
                    <a:pt x="105" y="46"/>
                  </a:lnTo>
                  <a:lnTo>
                    <a:pt x="107" y="46"/>
                  </a:lnTo>
                  <a:lnTo>
                    <a:pt x="107" y="44"/>
                  </a:lnTo>
                  <a:lnTo>
                    <a:pt x="109" y="44"/>
                  </a:lnTo>
                  <a:lnTo>
                    <a:pt x="109" y="46"/>
                  </a:lnTo>
                  <a:lnTo>
                    <a:pt x="111" y="46"/>
                  </a:lnTo>
                  <a:lnTo>
                    <a:pt x="111" y="44"/>
                  </a:lnTo>
                  <a:lnTo>
                    <a:pt x="113" y="44"/>
                  </a:lnTo>
                  <a:lnTo>
                    <a:pt x="115" y="44"/>
                  </a:lnTo>
                  <a:lnTo>
                    <a:pt x="117" y="44"/>
                  </a:lnTo>
                  <a:lnTo>
                    <a:pt x="118" y="44"/>
                  </a:lnTo>
                  <a:lnTo>
                    <a:pt x="120" y="44"/>
                  </a:lnTo>
                  <a:lnTo>
                    <a:pt x="122" y="44"/>
                  </a:lnTo>
                  <a:lnTo>
                    <a:pt x="122" y="46"/>
                  </a:lnTo>
                  <a:lnTo>
                    <a:pt x="124" y="46"/>
                  </a:lnTo>
                  <a:lnTo>
                    <a:pt x="124" y="44"/>
                  </a:lnTo>
                  <a:lnTo>
                    <a:pt x="126" y="44"/>
                  </a:lnTo>
                  <a:lnTo>
                    <a:pt x="128" y="44"/>
                  </a:lnTo>
                  <a:lnTo>
                    <a:pt x="129" y="44"/>
                  </a:lnTo>
                  <a:lnTo>
                    <a:pt x="131" y="44"/>
                  </a:lnTo>
                  <a:lnTo>
                    <a:pt x="141" y="43"/>
                  </a:lnTo>
                  <a:lnTo>
                    <a:pt x="163" y="63"/>
                  </a:lnTo>
                  <a:lnTo>
                    <a:pt x="209" y="0"/>
                  </a:lnTo>
                  <a:lnTo>
                    <a:pt x="231" y="4"/>
                  </a:lnTo>
                  <a:lnTo>
                    <a:pt x="233" y="33"/>
                  </a:lnTo>
                  <a:lnTo>
                    <a:pt x="231" y="35"/>
                  </a:lnTo>
                  <a:lnTo>
                    <a:pt x="231" y="37"/>
                  </a:lnTo>
                  <a:lnTo>
                    <a:pt x="229" y="37"/>
                  </a:lnTo>
                  <a:lnTo>
                    <a:pt x="229" y="39"/>
                  </a:lnTo>
                  <a:lnTo>
                    <a:pt x="231" y="41"/>
                  </a:lnTo>
                  <a:lnTo>
                    <a:pt x="233" y="43"/>
                  </a:lnTo>
                  <a:lnTo>
                    <a:pt x="235" y="43"/>
                  </a:lnTo>
                  <a:lnTo>
                    <a:pt x="237" y="43"/>
                  </a:lnTo>
                  <a:lnTo>
                    <a:pt x="239" y="43"/>
                  </a:lnTo>
                  <a:lnTo>
                    <a:pt x="240" y="41"/>
                  </a:lnTo>
                  <a:lnTo>
                    <a:pt x="242" y="41"/>
                  </a:lnTo>
                  <a:lnTo>
                    <a:pt x="244" y="41"/>
                  </a:lnTo>
                  <a:lnTo>
                    <a:pt x="244" y="39"/>
                  </a:lnTo>
                  <a:lnTo>
                    <a:pt x="246" y="39"/>
                  </a:lnTo>
                  <a:lnTo>
                    <a:pt x="248" y="39"/>
                  </a:lnTo>
                  <a:lnTo>
                    <a:pt x="250" y="39"/>
                  </a:lnTo>
                  <a:lnTo>
                    <a:pt x="251" y="39"/>
                  </a:lnTo>
                  <a:lnTo>
                    <a:pt x="253" y="41"/>
                  </a:lnTo>
                  <a:lnTo>
                    <a:pt x="255" y="41"/>
                  </a:lnTo>
                  <a:lnTo>
                    <a:pt x="257" y="41"/>
                  </a:lnTo>
                  <a:lnTo>
                    <a:pt x="259" y="39"/>
                  </a:lnTo>
                  <a:lnTo>
                    <a:pt x="259" y="41"/>
                  </a:lnTo>
                  <a:lnTo>
                    <a:pt x="261" y="41"/>
                  </a:lnTo>
                  <a:lnTo>
                    <a:pt x="261" y="39"/>
                  </a:lnTo>
                  <a:lnTo>
                    <a:pt x="263" y="39"/>
                  </a:lnTo>
                  <a:lnTo>
                    <a:pt x="263" y="41"/>
                  </a:lnTo>
                  <a:lnTo>
                    <a:pt x="264" y="41"/>
                  </a:lnTo>
                  <a:lnTo>
                    <a:pt x="266" y="41"/>
                  </a:lnTo>
                  <a:lnTo>
                    <a:pt x="268" y="41"/>
                  </a:lnTo>
                  <a:lnTo>
                    <a:pt x="270" y="41"/>
                  </a:lnTo>
                  <a:lnTo>
                    <a:pt x="270" y="43"/>
                  </a:lnTo>
                  <a:lnTo>
                    <a:pt x="272" y="43"/>
                  </a:lnTo>
                  <a:lnTo>
                    <a:pt x="274" y="43"/>
                  </a:lnTo>
                  <a:lnTo>
                    <a:pt x="275" y="43"/>
                  </a:lnTo>
                  <a:lnTo>
                    <a:pt x="277" y="43"/>
                  </a:lnTo>
                  <a:lnTo>
                    <a:pt x="281" y="43"/>
                  </a:lnTo>
                  <a:lnTo>
                    <a:pt x="283" y="43"/>
                  </a:lnTo>
                  <a:lnTo>
                    <a:pt x="285" y="43"/>
                  </a:lnTo>
                  <a:lnTo>
                    <a:pt x="287" y="43"/>
                  </a:lnTo>
                  <a:lnTo>
                    <a:pt x="288" y="43"/>
                  </a:lnTo>
                  <a:lnTo>
                    <a:pt x="290" y="43"/>
                  </a:lnTo>
                  <a:lnTo>
                    <a:pt x="292" y="43"/>
                  </a:lnTo>
                  <a:lnTo>
                    <a:pt x="292" y="41"/>
                  </a:lnTo>
                  <a:lnTo>
                    <a:pt x="290" y="41"/>
                  </a:lnTo>
                  <a:lnTo>
                    <a:pt x="290" y="39"/>
                  </a:lnTo>
                  <a:lnTo>
                    <a:pt x="292" y="39"/>
                  </a:lnTo>
                  <a:lnTo>
                    <a:pt x="290" y="37"/>
                  </a:lnTo>
                  <a:lnTo>
                    <a:pt x="290" y="35"/>
                  </a:lnTo>
                  <a:lnTo>
                    <a:pt x="292" y="4"/>
                  </a:lnTo>
                  <a:lnTo>
                    <a:pt x="335" y="15"/>
                  </a:lnTo>
                  <a:lnTo>
                    <a:pt x="349" y="20"/>
                  </a:lnTo>
                  <a:lnTo>
                    <a:pt x="349" y="46"/>
                  </a:lnTo>
                  <a:lnTo>
                    <a:pt x="346" y="70"/>
                  </a:lnTo>
                  <a:lnTo>
                    <a:pt x="388" y="87"/>
                  </a:lnTo>
                  <a:lnTo>
                    <a:pt x="420" y="80"/>
                  </a:lnTo>
                  <a:lnTo>
                    <a:pt x="453" y="80"/>
                  </a:lnTo>
                  <a:lnTo>
                    <a:pt x="479" y="65"/>
                  </a:lnTo>
                  <a:lnTo>
                    <a:pt x="492" y="57"/>
                  </a:lnTo>
                  <a:lnTo>
                    <a:pt x="497" y="70"/>
                  </a:lnTo>
                  <a:lnTo>
                    <a:pt x="497" y="72"/>
                  </a:lnTo>
                  <a:lnTo>
                    <a:pt x="497" y="74"/>
                  </a:lnTo>
                  <a:lnTo>
                    <a:pt x="495" y="74"/>
                  </a:lnTo>
                  <a:lnTo>
                    <a:pt x="495" y="76"/>
                  </a:lnTo>
                  <a:lnTo>
                    <a:pt x="495" y="78"/>
                  </a:lnTo>
                  <a:lnTo>
                    <a:pt x="494" y="78"/>
                  </a:lnTo>
                  <a:lnTo>
                    <a:pt x="494" y="80"/>
                  </a:lnTo>
                  <a:lnTo>
                    <a:pt x="492" y="80"/>
                  </a:lnTo>
                  <a:lnTo>
                    <a:pt x="492" y="81"/>
                  </a:lnTo>
                  <a:lnTo>
                    <a:pt x="492" y="83"/>
                  </a:lnTo>
                  <a:lnTo>
                    <a:pt x="490" y="83"/>
                  </a:lnTo>
                  <a:lnTo>
                    <a:pt x="490" y="85"/>
                  </a:lnTo>
                  <a:lnTo>
                    <a:pt x="490" y="87"/>
                  </a:lnTo>
                  <a:lnTo>
                    <a:pt x="488" y="87"/>
                  </a:lnTo>
                  <a:lnTo>
                    <a:pt x="486" y="89"/>
                  </a:lnTo>
                  <a:lnTo>
                    <a:pt x="483" y="91"/>
                  </a:lnTo>
                  <a:lnTo>
                    <a:pt x="481" y="93"/>
                  </a:lnTo>
                  <a:lnTo>
                    <a:pt x="481" y="94"/>
                  </a:lnTo>
                  <a:lnTo>
                    <a:pt x="483" y="98"/>
                  </a:lnTo>
                  <a:lnTo>
                    <a:pt x="481" y="98"/>
                  </a:lnTo>
                  <a:lnTo>
                    <a:pt x="481" y="100"/>
                  </a:lnTo>
                  <a:lnTo>
                    <a:pt x="481" y="102"/>
                  </a:lnTo>
                  <a:lnTo>
                    <a:pt x="479" y="102"/>
                  </a:lnTo>
                  <a:lnTo>
                    <a:pt x="479" y="104"/>
                  </a:lnTo>
                  <a:lnTo>
                    <a:pt x="479" y="106"/>
                  </a:lnTo>
                  <a:lnTo>
                    <a:pt x="479" y="107"/>
                  </a:lnTo>
                  <a:lnTo>
                    <a:pt x="477" y="107"/>
                  </a:lnTo>
                  <a:lnTo>
                    <a:pt x="475" y="109"/>
                  </a:lnTo>
                  <a:lnTo>
                    <a:pt x="475" y="111"/>
                  </a:lnTo>
                  <a:lnTo>
                    <a:pt x="473" y="111"/>
                  </a:lnTo>
                  <a:lnTo>
                    <a:pt x="471" y="111"/>
                  </a:lnTo>
                  <a:lnTo>
                    <a:pt x="471" y="113"/>
                  </a:lnTo>
                  <a:lnTo>
                    <a:pt x="470" y="113"/>
                  </a:lnTo>
                  <a:lnTo>
                    <a:pt x="471" y="113"/>
                  </a:lnTo>
                  <a:lnTo>
                    <a:pt x="471" y="115"/>
                  </a:lnTo>
                  <a:lnTo>
                    <a:pt x="471" y="117"/>
                  </a:lnTo>
                  <a:lnTo>
                    <a:pt x="471" y="118"/>
                  </a:lnTo>
                  <a:lnTo>
                    <a:pt x="473" y="118"/>
                  </a:lnTo>
                  <a:lnTo>
                    <a:pt x="471" y="118"/>
                  </a:lnTo>
                  <a:lnTo>
                    <a:pt x="471" y="120"/>
                  </a:lnTo>
                  <a:lnTo>
                    <a:pt x="471" y="126"/>
                  </a:lnTo>
                  <a:lnTo>
                    <a:pt x="471" y="128"/>
                  </a:lnTo>
                  <a:lnTo>
                    <a:pt x="471" y="130"/>
                  </a:lnTo>
                  <a:lnTo>
                    <a:pt x="471" y="131"/>
                  </a:lnTo>
                  <a:lnTo>
                    <a:pt x="471" y="133"/>
                  </a:lnTo>
                  <a:lnTo>
                    <a:pt x="471" y="135"/>
                  </a:lnTo>
                  <a:lnTo>
                    <a:pt x="473" y="143"/>
                  </a:lnTo>
                  <a:lnTo>
                    <a:pt x="473" y="144"/>
                  </a:lnTo>
                  <a:lnTo>
                    <a:pt x="475" y="144"/>
                  </a:lnTo>
                  <a:lnTo>
                    <a:pt x="471" y="148"/>
                  </a:lnTo>
                  <a:lnTo>
                    <a:pt x="473" y="148"/>
                  </a:lnTo>
                  <a:lnTo>
                    <a:pt x="473" y="150"/>
                  </a:lnTo>
                  <a:lnTo>
                    <a:pt x="473" y="152"/>
                  </a:lnTo>
                  <a:lnTo>
                    <a:pt x="473" y="154"/>
                  </a:lnTo>
                  <a:lnTo>
                    <a:pt x="471" y="155"/>
                  </a:lnTo>
                  <a:lnTo>
                    <a:pt x="471" y="157"/>
                  </a:lnTo>
                  <a:lnTo>
                    <a:pt x="473" y="157"/>
                  </a:lnTo>
                  <a:lnTo>
                    <a:pt x="475" y="157"/>
                  </a:lnTo>
                  <a:lnTo>
                    <a:pt x="477" y="157"/>
                  </a:lnTo>
                  <a:lnTo>
                    <a:pt x="477" y="159"/>
                  </a:lnTo>
                  <a:lnTo>
                    <a:pt x="475" y="159"/>
                  </a:lnTo>
                  <a:lnTo>
                    <a:pt x="475" y="161"/>
                  </a:lnTo>
                  <a:lnTo>
                    <a:pt x="473" y="161"/>
                  </a:lnTo>
                  <a:lnTo>
                    <a:pt x="471" y="159"/>
                  </a:lnTo>
                  <a:lnTo>
                    <a:pt x="471" y="161"/>
                  </a:lnTo>
                  <a:lnTo>
                    <a:pt x="468" y="161"/>
                  </a:lnTo>
                  <a:lnTo>
                    <a:pt x="464" y="161"/>
                  </a:lnTo>
                  <a:lnTo>
                    <a:pt x="462" y="163"/>
                  </a:lnTo>
                  <a:lnTo>
                    <a:pt x="460" y="161"/>
                  </a:lnTo>
                  <a:lnTo>
                    <a:pt x="457" y="161"/>
                  </a:lnTo>
                  <a:lnTo>
                    <a:pt x="455" y="161"/>
                  </a:lnTo>
                  <a:lnTo>
                    <a:pt x="457" y="161"/>
                  </a:lnTo>
                  <a:lnTo>
                    <a:pt x="457" y="163"/>
                  </a:lnTo>
                  <a:lnTo>
                    <a:pt x="457" y="165"/>
                  </a:lnTo>
                  <a:lnTo>
                    <a:pt x="458" y="167"/>
                  </a:lnTo>
                  <a:lnTo>
                    <a:pt x="458" y="168"/>
                  </a:lnTo>
                  <a:lnTo>
                    <a:pt x="460" y="168"/>
                  </a:lnTo>
                  <a:lnTo>
                    <a:pt x="462" y="170"/>
                  </a:lnTo>
                  <a:lnTo>
                    <a:pt x="460" y="170"/>
                  </a:lnTo>
                  <a:lnTo>
                    <a:pt x="460" y="172"/>
                  </a:lnTo>
                  <a:lnTo>
                    <a:pt x="460" y="174"/>
                  </a:lnTo>
                  <a:lnTo>
                    <a:pt x="460" y="176"/>
                  </a:lnTo>
                  <a:lnTo>
                    <a:pt x="460" y="178"/>
                  </a:lnTo>
                  <a:lnTo>
                    <a:pt x="458" y="178"/>
                  </a:lnTo>
                  <a:lnTo>
                    <a:pt x="458" y="180"/>
                  </a:lnTo>
                  <a:lnTo>
                    <a:pt x="457" y="180"/>
                  </a:lnTo>
                  <a:lnTo>
                    <a:pt x="457" y="181"/>
                  </a:lnTo>
                  <a:lnTo>
                    <a:pt x="457" y="183"/>
                  </a:lnTo>
                  <a:lnTo>
                    <a:pt x="457" y="185"/>
                  </a:lnTo>
                  <a:lnTo>
                    <a:pt x="455" y="185"/>
                  </a:lnTo>
                  <a:lnTo>
                    <a:pt x="453" y="185"/>
                  </a:lnTo>
                  <a:lnTo>
                    <a:pt x="453" y="187"/>
                  </a:lnTo>
                  <a:lnTo>
                    <a:pt x="451" y="187"/>
                  </a:lnTo>
                  <a:lnTo>
                    <a:pt x="451" y="189"/>
                  </a:lnTo>
                  <a:lnTo>
                    <a:pt x="449" y="189"/>
                  </a:lnTo>
                  <a:lnTo>
                    <a:pt x="447" y="189"/>
                  </a:lnTo>
                  <a:lnTo>
                    <a:pt x="446" y="189"/>
                  </a:lnTo>
                  <a:lnTo>
                    <a:pt x="446" y="191"/>
                  </a:lnTo>
                  <a:lnTo>
                    <a:pt x="444" y="191"/>
                  </a:lnTo>
                  <a:lnTo>
                    <a:pt x="442" y="191"/>
                  </a:lnTo>
                  <a:lnTo>
                    <a:pt x="440" y="192"/>
                  </a:lnTo>
                  <a:lnTo>
                    <a:pt x="438" y="192"/>
                  </a:lnTo>
                  <a:lnTo>
                    <a:pt x="438" y="194"/>
                  </a:lnTo>
                  <a:lnTo>
                    <a:pt x="436" y="192"/>
                  </a:lnTo>
                  <a:lnTo>
                    <a:pt x="436" y="194"/>
                  </a:lnTo>
                  <a:lnTo>
                    <a:pt x="434" y="194"/>
                  </a:lnTo>
                  <a:lnTo>
                    <a:pt x="433" y="194"/>
                  </a:lnTo>
                  <a:lnTo>
                    <a:pt x="431" y="194"/>
                  </a:lnTo>
                  <a:lnTo>
                    <a:pt x="429" y="194"/>
                  </a:lnTo>
                  <a:lnTo>
                    <a:pt x="427" y="194"/>
                  </a:lnTo>
                  <a:lnTo>
                    <a:pt x="425" y="194"/>
                  </a:lnTo>
                  <a:lnTo>
                    <a:pt x="423" y="194"/>
                  </a:lnTo>
                  <a:lnTo>
                    <a:pt x="423" y="196"/>
                  </a:lnTo>
                  <a:lnTo>
                    <a:pt x="422" y="198"/>
                  </a:lnTo>
                  <a:lnTo>
                    <a:pt x="422" y="200"/>
                  </a:lnTo>
                  <a:lnTo>
                    <a:pt x="420" y="202"/>
                  </a:lnTo>
                  <a:lnTo>
                    <a:pt x="418" y="202"/>
                  </a:lnTo>
                  <a:lnTo>
                    <a:pt x="418" y="204"/>
                  </a:lnTo>
                  <a:lnTo>
                    <a:pt x="416" y="204"/>
                  </a:lnTo>
                  <a:lnTo>
                    <a:pt x="418" y="204"/>
                  </a:lnTo>
                  <a:lnTo>
                    <a:pt x="416" y="205"/>
                  </a:lnTo>
                  <a:lnTo>
                    <a:pt x="414" y="205"/>
                  </a:lnTo>
                  <a:lnTo>
                    <a:pt x="412" y="205"/>
                  </a:lnTo>
                  <a:lnTo>
                    <a:pt x="412" y="207"/>
                  </a:lnTo>
                  <a:lnTo>
                    <a:pt x="410" y="207"/>
                  </a:lnTo>
                  <a:lnTo>
                    <a:pt x="410" y="209"/>
                  </a:lnTo>
                  <a:lnTo>
                    <a:pt x="409" y="209"/>
                  </a:lnTo>
                  <a:lnTo>
                    <a:pt x="407" y="211"/>
                  </a:lnTo>
                  <a:lnTo>
                    <a:pt x="405" y="211"/>
                  </a:lnTo>
                  <a:lnTo>
                    <a:pt x="403" y="211"/>
                  </a:lnTo>
                  <a:lnTo>
                    <a:pt x="401" y="211"/>
                  </a:lnTo>
                  <a:lnTo>
                    <a:pt x="401" y="213"/>
                  </a:lnTo>
                  <a:lnTo>
                    <a:pt x="399" y="213"/>
                  </a:lnTo>
                  <a:lnTo>
                    <a:pt x="397" y="213"/>
                  </a:lnTo>
                  <a:lnTo>
                    <a:pt x="397" y="211"/>
                  </a:lnTo>
                  <a:lnTo>
                    <a:pt x="397" y="209"/>
                  </a:lnTo>
                  <a:lnTo>
                    <a:pt x="396" y="209"/>
                  </a:lnTo>
                  <a:lnTo>
                    <a:pt x="396" y="207"/>
                  </a:lnTo>
                  <a:lnTo>
                    <a:pt x="392" y="204"/>
                  </a:lnTo>
                  <a:lnTo>
                    <a:pt x="390" y="205"/>
                  </a:lnTo>
                  <a:lnTo>
                    <a:pt x="388" y="205"/>
                  </a:lnTo>
                  <a:lnTo>
                    <a:pt x="386" y="205"/>
                  </a:lnTo>
                  <a:lnTo>
                    <a:pt x="386" y="204"/>
                  </a:lnTo>
                  <a:lnTo>
                    <a:pt x="385" y="205"/>
                  </a:lnTo>
                  <a:lnTo>
                    <a:pt x="385" y="204"/>
                  </a:lnTo>
                  <a:lnTo>
                    <a:pt x="383" y="204"/>
                  </a:lnTo>
                  <a:lnTo>
                    <a:pt x="383" y="205"/>
                  </a:lnTo>
                  <a:lnTo>
                    <a:pt x="381" y="204"/>
                  </a:lnTo>
                  <a:lnTo>
                    <a:pt x="379" y="205"/>
                  </a:lnTo>
                  <a:lnTo>
                    <a:pt x="377" y="204"/>
                  </a:lnTo>
                  <a:lnTo>
                    <a:pt x="375" y="204"/>
                  </a:lnTo>
                  <a:lnTo>
                    <a:pt x="373" y="207"/>
                  </a:lnTo>
                  <a:lnTo>
                    <a:pt x="373" y="215"/>
                  </a:lnTo>
                  <a:lnTo>
                    <a:pt x="373" y="217"/>
                  </a:lnTo>
                  <a:lnTo>
                    <a:pt x="373" y="218"/>
                  </a:lnTo>
                  <a:lnTo>
                    <a:pt x="372" y="218"/>
                  </a:lnTo>
                  <a:lnTo>
                    <a:pt x="372" y="220"/>
                  </a:lnTo>
                  <a:lnTo>
                    <a:pt x="372" y="222"/>
                  </a:lnTo>
                  <a:lnTo>
                    <a:pt x="370" y="222"/>
                  </a:lnTo>
                  <a:lnTo>
                    <a:pt x="370" y="224"/>
                  </a:lnTo>
                  <a:lnTo>
                    <a:pt x="368" y="226"/>
                  </a:lnTo>
                  <a:lnTo>
                    <a:pt x="366" y="226"/>
                  </a:lnTo>
                  <a:lnTo>
                    <a:pt x="364" y="226"/>
                  </a:lnTo>
                  <a:lnTo>
                    <a:pt x="364" y="228"/>
                  </a:lnTo>
                  <a:lnTo>
                    <a:pt x="362" y="228"/>
                  </a:lnTo>
                  <a:lnTo>
                    <a:pt x="361" y="228"/>
                  </a:lnTo>
                  <a:lnTo>
                    <a:pt x="359" y="228"/>
                  </a:lnTo>
                  <a:lnTo>
                    <a:pt x="359" y="229"/>
                  </a:lnTo>
                  <a:lnTo>
                    <a:pt x="357" y="229"/>
                  </a:lnTo>
                  <a:lnTo>
                    <a:pt x="355" y="229"/>
                  </a:lnTo>
                  <a:lnTo>
                    <a:pt x="353" y="231"/>
                  </a:lnTo>
                  <a:lnTo>
                    <a:pt x="351" y="231"/>
                  </a:lnTo>
                  <a:lnTo>
                    <a:pt x="351" y="233"/>
                  </a:lnTo>
                  <a:lnTo>
                    <a:pt x="349" y="233"/>
                  </a:lnTo>
                  <a:lnTo>
                    <a:pt x="349" y="231"/>
                  </a:lnTo>
                  <a:lnTo>
                    <a:pt x="348" y="231"/>
                  </a:lnTo>
                  <a:lnTo>
                    <a:pt x="348" y="233"/>
                  </a:lnTo>
                  <a:lnTo>
                    <a:pt x="346" y="233"/>
                  </a:lnTo>
                  <a:lnTo>
                    <a:pt x="346" y="235"/>
                  </a:lnTo>
                  <a:lnTo>
                    <a:pt x="344" y="237"/>
                  </a:lnTo>
                  <a:lnTo>
                    <a:pt x="342" y="239"/>
                  </a:lnTo>
                  <a:lnTo>
                    <a:pt x="342" y="241"/>
                  </a:lnTo>
                  <a:lnTo>
                    <a:pt x="340" y="241"/>
                  </a:lnTo>
                  <a:lnTo>
                    <a:pt x="340" y="242"/>
                  </a:lnTo>
                  <a:lnTo>
                    <a:pt x="338" y="244"/>
                  </a:lnTo>
                  <a:lnTo>
                    <a:pt x="338" y="246"/>
                  </a:lnTo>
                  <a:lnTo>
                    <a:pt x="338" y="248"/>
                  </a:lnTo>
                  <a:lnTo>
                    <a:pt x="340" y="248"/>
                  </a:lnTo>
                  <a:lnTo>
                    <a:pt x="342" y="248"/>
                  </a:lnTo>
                  <a:lnTo>
                    <a:pt x="344" y="248"/>
                  </a:lnTo>
                  <a:lnTo>
                    <a:pt x="346" y="248"/>
                  </a:lnTo>
                  <a:lnTo>
                    <a:pt x="348" y="248"/>
                  </a:lnTo>
                  <a:lnTo>
                    <a:pt x="349" y="248"/>
                  </a:lnTo>
                  <a:lnTo>
                    <a:pt x="351" y="248"/>
                  </a:lnTo>
                  <a:lnTo>
                    <a:pt x="351" y="250"/>
                  </a:lnTo>
                  <a:lnTo>
                    <a:pt x="353" y="250"/>
                  </a:lnTo>
                  <a:lnTo>
                    <a:pt x="353" y="252"/>
                  </a:lnTo>
                  <a:lnTo>
                    <a:pt x="355" y="252"/>
                  </a:lnTo>
                  <a:lnTo>
                    <a:pt x="355" y="254"/>
                  </a:lnTo>
                  <a:lnTo>
                    <a:pt x="357" y="254"/>
                  </a:lnTo>
                  <a:lnTo>
                    <a:pt x="357" y="255"/>
                  </a:lnTo>
                  <a:lnTo>
                    <a:pt x="359" y="255"/>
                  </a:lnTo>
                  <a:lnTo>
                    <a:pt x="361" y="255"/>
                  </a:lnTo>
                  <a:lnTo>
                    <a:pt x="359" y="257"/>
                  </a:lnTo>
                  <a:lnTo>
                    <a:pt x="359" y="259"/>
                  </a:lnTo>
                  <a:lnTo>
                    <a:pt x="359" y="261"/>
                  </a:lnTo>
                  <a:lnTo>
                    <a:pt x="361" y="263"/>
                  </a:lnTo>
                  <a:lnTo>
                    <a:pt x="361" y="265"/>
                  </a:lnTo>
                  <a:lnTo>
                    <a:pt x="362" y="265"/>
                  </a:lnTo>
                  <a:lnTo>
                    <a:pt x="364" y="266"/>
                  </a:lnTo>
                  <a:lnTo>
                    <a:pt x="362" y="266"/>
                  </a:lnTo>
                  <a:lnTo>
                    <a:pt x="362" y="268"/>
                  </a:lnTo>
                  <a:lnTo>
                    <a:pt x="364" y="268"/>
                  </a:lnTo>
                  <a:lnTo>
                    <a:pt x="364" y="270"/>
                  </a:lnTo>
                  <a:lnTo>
                    <a:pt x="368" y="278"/>
                  </a:lnTo>
                  <a:lnTo>
                    <a:pt x="366" y="279"/>
                  </a:lnTo>
                  <a:lnTo>
                    <a:pt x="364" y="279"/>
                  </a:lnTo>
                  <a:lnTo>
                    <a:pt x="364" y="281"/>
                  </a:lnTo>
                  <a:lnTo>
                    <a:pt x="362" y="281"/>
                  </a:lnTo>
                  <a:lnTo>
                    <a:pt x="362" y="283"/>
                  </a:lnTo>
                  <a:lnTo>
                    <a:pt x="361" y="283"/>
                  </a:lnTo>
                  <a:lnTo>
                    <a:pt x="361" y="285"/>
                  </a:lnTo>
                  <a:lnTo>
                    <a:pt x="359" y="285"/>
                  </a:lnTo>
                  <a:lnTo>
                    <a:pt x="359" y="287"/>
                  </a:lnTo>
                  <a:lnTo>
                    <a:pt x="357" y="287"/>
                  </a:lnTo>
                  <a:lnTo>
                    <a:pt x="351" y="289"/>
                  </a:lnTo>
                  <a:lnTo>
                    <a:pt x="351" y="291"/>
                  </a:lnTo>
                  <a:lnTo>
                    <a:pt x="351" y="292"/>
                  </a:lnTo>
                  <a:lnTo>
                    <a:pt x="351" y="294"/>
                  </a:lnTo>
                  <a:lnTo>
                    <a:pt x="351" y="296"/>
                  </a:lnTo>
                  <a:lnTo>
                    <a:pt x="353" y="298"/>
                  </a:lnTo>
                  <a:lnTo>
                    <a:pt x="353" y="300"/>
                  </a:lnTo>
                  <a:lnTo>
                    <a:pt x="355" y="300"/>
                  </a:lnTo>
                  <a:lnTo>
                    <a:pt x="355" y="302"/>
                  </a:lnTo>
                  <a:lnTo>
                    <a:pt x="355" y="303"/>
                  </a:lnTo>
                  <a:lnTo>
                    <a:pt x="355" y="305"/>
                  </a:lnTo>
                  <a:lnTo>
                    <a:pt x="357" y="307"/>
                  </a:lnTo>
                  <a:lnTo>
                    <a:pt x="357" y="309"/>
                  </a:lnTo>
                  <a:lnTo>
                    <a:pt x="355" y="311"/>
                  </a:lnTo>
                  <a:lnTo>
                    <a:pt x="355" y="313"/>
                  </a:lnTo>
                  <a:lnTo>
                    <a:pt x="355" y="315"/>
                  </a:lnTo>
                  <a:lnTo>
                    <a:pt x="353" y="315"/>
                  </a:lnTo>
                  <a:lnTo>
                    <a:pt x="353" y="316"/>
                  </a:lnTo>
                  <a:lnTo>
                    <a:pt x="353" y="318"/>
                  </a:lnTo>
                  <a:lnTo>
                    <a:pt x="353" y="320"/>
                  </a:lnTo>
                  <a:lnTo>
                    <a:pt x="353" y="322"/>
                  </a:lnTo>
                  <a:lnTo>
                    <a:pt x="351" y="322"/>
                  </a:lnTo>
                  <a:lnTo>
                    <a:pt x="353" y="324"/>
                  </a:lnTo>
                  <a:lnTo>
                    <a:pt x="353" y="326"/>
                  </a:lnTo>
                  <a:lnTo>
                    <a:pt x="353" y="328"/>
                  </a:lnTo>
                  <a:lnTo>
                    <a:pt x="355" y="329"/>
                  </a:lnTo>
                  <a:lnTo>
                    <a:pt x="357" y="331"/>
                  </a:lnTo>
                  <a:lnTo>
                    <a:pt x="357" y="333"/>
                  </a:lnTo>
                  <a:lnTo>
                    <a:pt x="357" y="335"/>
                  </a:lnTo>
                  <a:lnTo>
                    <a:pt x="355" y="335"/>
                  </a:lnTo>
                  <a:lnTo>
                    <a:pt x="353" y="335"/>
                  </a:lnTo>
                  <a:lnTo>
                    <a:pt x="353" y="333"/>
                  </a:lnTo>
                  <a:lnTo>
                    <a:pt x="351" y="333"/>
                  </a:lnTo>
                  <a:lnTo>
                    <a:pt x="349" y="333"/>
                  </a:lnTo>
                  <a:lnTo>
                    <a:pt x="348" y="333"/>
                  </a:lnTo>
                  <a:lnTo>
                    <a:pt x="346" y="335"/>
                  </a:lnTo>
                  <a:lnTo>
                    <a:pt x="346" y="333"/>
                  </a:lnTo>
                  <a:lnTo>
                    <a:pt x="344" y="333"/>
                  </a:lnTo>
                  <a:lnTo>
                    <a:pt x="344" y="335"/>
                  </a:lnTo>
                  <a:lnTo>
                    <a:pt x="342" y="335"/>
                  </a:lnTo>
                  <a:lnTo>
                    <a:pt x="340" y="335"/>
                  </a:lnTo>
                  <a:lnTo>
                    <a:pt x="338" y="335"/>
                  </a:lnTo>
                  <a:lnTo>
                    <a:pt x="335" y="337"/>
                  </a:lnTo>
                  <a:lnTo>
                    <a:pt x="333" y="337"/>
                  </a:lnTo>
                  <a:lnTo>
                    <a:pt x="331" y="337"/>
                  </a:lnTo>
                  <a:lnTo>
                    <a:pt x="329" y="337"/>
                  </a:lnTo>
                  <a:lnTo>
                    <a:pt x="327" y="337"/>
                  </a:lnTo>
                  <a:lnTo>
                    <a:pt x="325" y="337"/>
                  </a:lnTo>
                  <a:lnTo>
                    <a:pt x="324" y="337"/>
                  </a:lnTo>
                  <a:lnTo>
                    <a:pt x="322" y="337"/>
                  </a:lnTo>
                  <a:lnTo>
                    <a:pt x="320" y="337"/>
                  </a:lnTo>
                  <a:lnTo>
                    <a:pt x="318" y="339"/>
                  </a:lnTo>
                  <a:lnTo>
                    <a:pt x="316" y="339"/>
                  </a:lnTo>
                  <a:lnTo>
                    <a:pt x="314" y="339"/>
                  </a:lnTo>
                  <a:lnTo>
                    <a:pt x="312" y="339"/>
                  </a:lnTo>
                  <a:lnTo>
                    <a:pt x="312" y="337"/>
                  </a:lnTo>
                  <a:lnTo>
                    <a:pt x="311" y="339"/>
                  </a:lnTo>
                  <a:lnTo>
                    <a:pt x="309" y="339"/>
                  </a:lnTo>
                  <a:lnTo>
                    <a:pt x="309" y="340"/>
                  </a:lnTo>
                  <a:lnTo>
                    <a:pt x="307" y="340"/>
                  </a:lnTo>
                  <a:lnTo>
                    <a:pt x="305" y="342"/>
                  </a:lnTo>
                  <a:lnTo>
                    <a:pt x="303" y="342"/>
                  </a:lnTo>
                  <a:lnTo>
                    <a:pt x="303" y="344"/>
                  </a:lnTo>
                  <a:lnTo>
                    <a:pt x="301" y="344"/>
                  </a:lnTo>
                  <a:lnTo>
                    <a:pt x="300" y="344"/>
                  </a:lnTo>
                  <a:lnTo>
                    <a:pt x="296" y="344"/>
                  </a:lnTo>
                  <a:lnTo>
                    <a:pt x="294" y="342"/>
                  </a:lnTo>
                  <a:lnTo>
                    <a:pt x="292" y="342"/>
                  </a:lnTo>
                  <a:lnTo>
                    <a:pt x="290" y="342"/>
                  </a:lnTo>
                  <a:lnTo>
                    <a:pt x="288" y="342"/>
                  </a:lnTo>
                  <a:lnTo>
                    <a:pt x="287" y="340"/>
                  </a:lnTo>
                  <a:lnTo>
                    <a:pt x="285" y="340"/>
                  </a:lnTo>
                  <a:lnTo>
                    <a:pt x="283" y="339"/>
                  </a:lnTo>
                  <a:lnTo>
                    <a:pt x="283" y="337"/>
                  </a:lnTo>
                  <a:lnTo>
                    <a:pt x="285" y="337"/>
                  </a:lnTo>
                  <a:lnTo>
                    <a:pt x="285" y="335"/>
                  </a:lnTo>
                  <a:lnTo>
                    <a:pt x="287" y="333"/>
                  </a:lnTo>
                  <a:lnTo>
                    <a:pt x="285" y="333"/>
                  </a:lnTo>
                  <a:lnTo>
                    <a:pt x="285" y="331"/>
                  </a:lnTo>
                  <a:lnTo>
                    <a:pt x="285" y="329"/>
                  </a:lnTo>
                  <a:lnTo>
                    <a:pt x="285" y="328"/>
                  </a:lnTo>
                  <a:lnTo>
                    <a:pt x="285" y="326"/>
                  </a:lnTo>
                  <a:lnTo>
                    <a:pt x="283" y="324"/>
                  </a:lnTo>
                  <a:lnTo>
                    <a:pt x="283" y="322"/>
                  </a:lnTo>
                  <a:lnTo>
                    <a:pt x="283" y="320"/>
                  </a:lnTo>
                  <a:lnTo>
                    <a:pt x="283" y="318"/>
                  </a:lnTo>
                  <a:lnTo>
                    <a:pt x="281" y="316"/>
                  </a:lnTo>
                  <a:lnTo>
                    <a:pt x="281" y="315"/>
                  </a:lnTo>
                  <a:lnTo>
                    <a:pt x="279" y="315"/>
                  </a:lnTo>
                  <a:lnTo>
                    <a:pt x="277" y="313"/>
                  </a:lnTo>
                  <a:lnTo>
                    <a:pt x="277" y="311"/>
                  </a:lnTo>
                  <a:lnTo>
                    <a:pt x="277" y="309"/>
                  </a:lnTo>
                  <a:lnTo>
                    <a:pt x="275" y="309"/>
                  </a:lnTo>
                  <a:lnTo>
                    <a:pt x="275" y="307"/>
                  </a:lnTo>
                  <a:lnTo>
                    <a:pt x="275" y="305"/>
                  </a:lnTo>
                  <a:lnTo>
                    <a:pt x="274" y="307"/>
                  </a:lnTo>
                  <a:lnTo>
                    <a:pt x="272" y="309"/>
                  </a:lnTo>
                  <a:lnTo>
                    <a:pt x="270" y="307"/>
                  </a:lnTo>
                  <a:lnTo>
                    <a:pt x="268" y="311"/>
                  </a:lnTo>
                  <a:lnTo>
                    <a:pt x="264" y="313"/>
                  </a:lnTo>
                  <a:lnTo>
                    <a:pt x="266" y="315"/>
                  </a:lnTo>
                  <a:lnTo>
                    <a:pt x="263" y="315"/>
                  </a:lnTo>
                  <a:lnTo>
                    <a:pt x="259" y="316"/>
                  </a:lnTo>
                  <a:lnTo>
                    <a:pt x="257" y="316"/>
                  </a:lnTo>
                  <a:lnTo>
                    <a:pt x="255" y="316"/>
                  </a:lnTo>
                  <a:lnTo>
                    <a:pt x="253" y="316"/>
                  </a:lnTo>
                  <a:lnTo>
                    <a:pt x="253" y="318"/>
                  </a:lnTo>
                  <a:lnTo>
                    <a:pt x="251" y="318"/>
                  </a:lnTo>
                  <a:lnTo>
                    <a:pt x="251" y="320"/>
                  </a:lnTo>
                  <a:lnTo>
                    <a:pt x="250" y="320"/>
                  </a:lnTo>
                  <a:lnTo>
                    <a:pt x="250" y="322"/>
                  </a:lnTo>
                  <a:lnTo>
                    <a:pt x="248" y="324"/>
                  </a:lnTo>
                  <a:lnTo>
                    <a:pt x="248" y="326"/>
                  </a:lnTo>
                  <a:lnTo>
                    <a:pt x="246" y="328"/>
                  </a:lnTo>
                  <a:lnTo>
                    <a:pt x="246" y="329"/>
                  </a:lnTo>
                  <a:lnTo>
                    <a:pt x="244" y="329"/>
                  </a:lnTo>
                  <a:lnTo>
                    <a:pt x="242" y="329"/>
                  </a:lnTo>
                  <a:lnTo>
                    <a:pt x="242" y="331"/>
                  </a:lnTo>
                  <a:lnTo>
                    <a:pt x="240" y="331"/>
                  </a:lnTo>
                  <a:lnTo>
                    <a:pt x="239" y="333"/>
                  </a:lnTo>
                  <a:lnTo>
                    <a:pt x="239" y="335"/>
                  </a:lnTo>
                  <a:lnTo>
                    <a:pt x="237" y="335"/>
                  </a:lnTo>
                  <a:lnTo>
                    <a:pt x="237" y="337"/>
                  </a:lnTo>
                  <a:lnTo>
                    <a:pt x="235" y="337"/>
                  </a:lnTo>
                  <a:lnTo>
                    <a:pt x="231" y="333"/>
                  </a:lnTo>
                  <a:lnTo>
                    <a:pt x="227" y="339"/>
                  </a:lnTo>
                  <a:lnTo>
                    <a:pt x="222" y="350"/>
                  </a:lnTo>
                  <a:lnTo>
                    <a:pt x="222" y="348"/>
                  </a:lnTo>
                  <a:lnTo>
                    <a:pt x="220" y="348"/>
                  </a:lnTo>
                  <a:lnTo>
                    <a:pt x="222" y="346"/>
                  </a:lnTo>
                  <a:lnTo>
                    <a:pt x="222" y="342"/>
                  </a:lnTo>
                  <a:lnTo>
                    <a:pt x="222" y="340"/>
                  </a:lnTo>
                  <a:lnTo>
                    <a:pt x="224" y="339"/>
                  </a:lnTo>
                  <a:lnTo>
                    <a:pt x="224" y="337"/>
                  </a:lnTo>
                  <a:lnTo>
                    <a:pt x="222" y="335"/>
                  </a:lnTo>
                  <a:lnTo>
                    <a:pt x="222" y="333"/>
                  </a:lnTo>
                  <a:lnTo>
                    <a:pt x="222" y="329"/>
                  </a:lnTo>
                  <a:lnTo>
                    <a:pt x="224" y="328"/>
                  </a:lnTo>
                  <a:lnTo>
                    <a:pt x="224" y="326"/>
                  </a:lnTo>
                  <a:lnTo>
                    <a:pt x="226" y="326"/>
                  </a:lnTo>
                  <a:lnTo>
                    <a:pt x="226" y="324"/>
                  </a:lnTo>
                  <a:lnTo>
                    <a:pt x="226" y="322"/>
                  </a:lnTo>
                  <a:lnTo>
                    <a:pt x="227" y="320"/>
                  </a:lnTo>
                  <a:lnTo>
                    <a:pt x="229" y="318"/>
                  </a:lnTo>
                  <a:lnTo>
                    <a:pt x="231" y="316"/>
                  </a:lnTo>
                  <a:lnTo>
                    <a:pt x="233" y="316"/>
                  </a:lnTo>
                  <a:lnTo>
                    <a:pt x="233" y="315"/>
                  </a:lnTo>
                  <a:lnTo>
                    <a:pt x="235" y="315"/>
                  </a:lnTo>
                  <a:lnTo>
                    <a:pt x="235" y="313"/>
                  </a:lnTo>
                  <a:lnTo>
                    <a:pt x="235" y="311"/>
                  </a:lnTo>
                  <a:lnTo>
                    <a:pt x="233" y="311"/>
                  </a:lnTo>
                  <a:lnTo>
                    <a:pt x="233" y="309"/>
                  </a:lnTo>
                  <a:lnTo>
                    <a:pt x="231" y="309"/>
                  </a:lnTo>
                  <a:lnTo>
                    <a:pt x="231" y="307"/>
                  </a:lnTo>
                  <a:lnTo>
                    <a:pt x="231" y="305"/>
                  </a:lnTo>
                  <a:lnTo>
                    <a:pt x="229" y="305"/>
                  </a:lnTo>
                  <a:lnTo>
                    <a:pt x="229" y="303"/>
                  </a:lnTo>
                  <a:lnTo>
                    <a:pt x="229" y="302"/>
                  </a:lnTo>
                  <a:lnTo>
                    <a:pt x="231" y="302"/>
                  </a:lnTo>
                  <a:lnTo>
                    <a:pt x="231" y="300"/>
                  </a:lnTo>
                  <a:lnTo>
                    <a:pt x="229" y="298"/>
                  </a:lnTo>
                  <a:lnTo>
                    <a:pt x="229" y="296"/>
                  </a:lnTo>
                  <a:lnTo>
                    <a:pt x="227" y="296"/>
                  </a:lnTo>
                  <a:lnTo>
                    <a:pt x="226" y="296"/>
                  </a:lnTo>
                  <a:lnTo>
                    <a:pt x="224" y="296"/>
                  </a:lnTo>
                  <a:lnTo>
                    <a:pt x="222" y="296"/>
                  </a:lnTo>
                  <a:lnTo>
                    <a:pt x="220" y="296"/>
                  </a:lnTo>
                  <a:lnTo>
                    <a:pt x="218" y="296"/>
                  </a:lnTo>
                  <a:lnTo>
                    <a:pt x="218" y="298"/>
                  </a:lnTo>
                  <a:lnTo>
                    <a:pt x="216" y="300"/>
                  </a:lnTo>
                  <a:lnTo>
                    <a:pt x="216" y="302"/>
                  </a:lnTo>
                  <a:lnTo>
                    <a:pt x="214" y="302"/>
                  </a:lnTo>
                  <a:lnTo>
                    <a:pt x="214" y="303"/>
                  </a:lnTo>
                  <a:lnTo>
                    <a:pt x="214" y="305"/>
                  </a:lnTo>
                  <a:lnTo>
                    <a:pt x="214" y="307"/>
                  </a:lnTo>
                  <a:lnTo>
                    <a:pt x="214" y="309"/>
                  </a:lnTo>
                  <a:lnTo>
                    <a:pt x="214" y="311"/>
                  </a:lnTo>
                  <a:lnTo>
                    <a:pt x="213" y="311"/>
                  </a:lnTo>
                  <a:lnTo>
                    <a:pt x="211" y="311"/>
                  </a:lnTo>
                  <a:lnTo>
                    <a:pt x="209" y="311"/>
                  </a:lnTo>
                  <a:lnTo>
                    <a:pt x="207" y="311"/>
                  </a:lnTo>
                  <a:lnTo>
                    <a:pt x="207" y="313"/>
                  </a:lnTo>
                  <a:lnTo>
                    <a:pt x="207" y="315"/>
                  </a:lnTo>
                  <a:lnTo>
                    <a:pt x="205" y="316"/>
                  </a:lnTo>
                  <a:lnTo>
                    <a:pt x="205" y="318"/>
                  </a:lnTo>
                  <a:lnTo>
                    <a:pt x="203" y="320"/>
                  </a:lnTo>
                  <a:lnTo>
                    <a:pt x="203" y="322"/>
                  </a:lnTo>
                  <a:lnTo>
                    <a:pt x="205" y="322"/>
                  </a:lnTo>
                  <a:lnTo>
                    <a:pt x="205" y="324"/>
                  </a:lnTo>
                  <a:lnTo>
                    <a:pt x="205" y="326"/>
                  </a:lnTo>
                  <a:lnTo>
                    <a:pt x="207" y="326"/>
                  </a:lnTo>
                  <a:lnTo>
                    <a:pt x="207" y="328"/>
                  </a:lnTo>
                  <a:lnTo>
                    <a:pt x="209" y="328"/>
                  </a:lnTo>
                  <a:lnTo>
                    <a:pt x="211" y="328"/>
                  </a:lnTo>
                  <a:lnTo>
                    <a:pt x="213" y="328"/>
                  </a:lnTo>
                  <a:lnTo>
                    <a:pt x="214" y="328"/>
                  </a:lnTo>
                  <a:lnTo>
                    <a:pt x="216" y="328"/>
                  </a:lnTo>
                  <a:lnTo>
                    <a:pt x="216" y="329"/>
                  </a:lnTo>
                  <a:lnTo>
                    <a:pt x="216" y="331"/>
                  </a:lnTo>
                  <a:lnTo>
                    <a:pt x="216" y="333"/>
                  </a:lnTo>
                  <a:lnTo>
                    <a:pt x="216" y="335"/>
                  </a:lnTo>
                  <a:lnTo>
                    <a:pt x="216" y="340"/>
                  </a:lnTo>
                  <a:lnTo>
                    <a:pt x="216" y="342"/>
                  </a:lnTo>
                  <a:lnTo>
                    <a:pt x="216" y="344"/>
                  </a:lnTo>
                  <a:lnTo>
                    <a:pt x="214" y="344"/>
                  </a:lnTo>
                  <a:lnTo>
                    <a:pt x="214" y="346"/>
                  </a:lnTo>
                  <a:lnTo>
                    <a:pt x="213" y="346"/>
                  </a:lnTo>
                  <a:lnTo>
                    <a:pt x="213" y="348"/>
                  </a:lnTo>
                  <a:lnTo>
                    <a:pt x="214" y="348"/>
                  </a:lnTo>
                  <a:lnTo>
                    <a:pt x="214" y="350"/>
                  </a:lnTo>
                  <a:lnTo>
                    <a:pt x="214" y="352"/>
                  </a:lnTo>
                  <a:lnTo>
                    <a:pt x="214" y="353"/>
                  </a:lnTo>
                  <a:lnTo>
                    <a:pt x="216" y="355"/>
                  </a:lnTo>
                  <a:lnTo>
                    <a:pt x="216" y="357"/>
                  </a:lnTo>
                  <a:lnTo>
                    <a:pt x="216" y="361"/>
                  </a:lnTo>
                  <a:lnTo>
                    <a:pt x="216" y="363"/>
                  </a:lnTo>
                  <a:lnTo>
                    <a:pt x="216" y="364"/>
                  </a:lnTo>
                  <a:lnTo>
                    <a:pt x="216" y="366"/>
                  </a:lnTo>
                  <a:lnTo>
                    <a:pt x="216" y="368"/>
                  </a:lnTo>
                  <a:lnTo>
                    <a:pt x="218" y="370"/>
                  </a:lnTo>
                  <a:lnTo>
                    <a:pt x="216" y="374"/>
                  </a:lnTo>
                  <a:lnTo>
                    <a:pt x="216" y="377"/>
                  </a:lnTo>
                  <a:lnTo>
                    <a:pt x="218" y="377"/>
                  </a:lnTo>
                  <a:lnTo>
                    <a:pt x="218" y="379"/>
                  </a:lnTo>
                  <a:lnTo>
                    <a:pt x="218" y="381"/>
                  </a:lnTo>
                  <a:lnTo>
                    <a:pt x="220" y="381"/>
                  </a:lnTo>
                  <a:lnTo>
                    <a:pt x="220" y="383"/>
                  </a:lnTo>
                  <a:lnTo>
                    <a:pt x="222" y="383"/>
                  </a:lnTo>
                  <a:lnTo>
                    <a:pt x="222" y="385"/>
                  </a:lnTo>
                  <a:lnTo>
                    <a:pt x="222" y="387"/>
                  </a:lnTo>
                  <a:lnTo>
                    <a:pt x="222" y="389"/>
                  </a:lnTo>
                  <a:lnTo>
                    <a:pt x="224" y="389"/>
                  </a:lnTo>
                  <a:lnTo>
                    <a:pt x="224" y="390"/>
                  </a:lnTo>
                  <a:lnTo>
                    <a:pt x="224" y="392"/>
                  </a:lnTo>
                  <a:lnTo>
                    <a:pt x="226" y="392"/>
                  </a:lnTo>
                  <a:lnTo>
                    <a:pt x="226" y="394"/>
                  </a:lnTo>
                  <a:lnTo>
                    <a:pt x="226" y="396"/>
                  </a:lnTo>
                  <a:lnTo>
                    <a:pt x="226" y="398"/>
                  </a:lnTo>
                  <a:lnTo>
                    <a:pt x="226" y="400"/>
                  </a:lnTo>
                  <a:lnTo>
                    <a:pt x="227" y="400"/>
                  </a:lnTo>
                  <a:lnTo>
                    <a:pt x="227" y="401"/>
                  </a:lnTo>
                  <a:lnTo>
                    <a:pt x="226" y="401"/>
                  </a:lnTo>
                  <a:lnTo>
                    <a:pt x="226" y="403"/>
                  </a:lnTo>
                  <a:lnTo>
                    <a:pt x="226" y="405"/>
                  </a:lnTo>
                  <a:lnTo>
                    <a:pt x="224" y="405"/>
                  </a:lnTo>
                  <a:lnTo>
                    <a:pt x="224" y="407"/>
                  </a:lnTo>
                  <a:lnTo>
                    <a:pt x="224" y="409"/>
                  </a:lnTo>
                  <a:lnTo>
                    <a:pt x="224" y="411"/>
                  </a:lnTo>
                  <a:lnTo>
                    <a:pt x="224" y="413"/>
                  </a:lnTo>
                  <a:lnTo>
                    <a:pt x="222" y="413"/>
                  </a:lnTo>
                  <a:lnTo>
                    <a:pt x="222" y="414"/>
                  </a:lnTo>
                  <a:lnTo>
                    <a:pt x="224" y="414"/>
                  </a:lnTo>
                  <a:lnTo>
                    <a:pt x="226" y="414"/>
                  </a:lnTo>
                  <a:lnTo>
                    <a:pt x="227" y="414"/>
                  </a:lnTo>
                  <a:lnTo>
                    <a:pt x="229" y="416"/>
                  </a:lnTo>
                  <a:lnTo>
                    <a:pt x="229" y="418"/>
                  </a:lnTo>
                  <a:lnTo>
                    <a:pt x="231" y="418"/>
                  </a:lnTo>
                  <a:lnTo>
                    <a:pt x="233" y="418"/>
                  </a:lnTo>
                  <a:lnTo>
                    <a:pt x="233" y="420"/>
                  </a:lnTo>
                  <a:lnTo>
                    <a:pt x="235" y="420"/>
                  </a:lnTo>
                  <a:lnTo>
                    <a:pt x="237" y="420"/>
                  </a:lnTo>
                  <a:lnTo>
                    <a:pt x="239" y="420"/>
                  </a:lnTo>
                  <a:lnTo>
                    <a:pt x="239" y="422"/>
                  </a:lnTo>
                  <a:lnTo>
                    <a:pt x="240" y="422"/>
                  </a:lnTo>
                  <a:lnTo>
                    <a:pt x="242" y="422"/>
                  </a:lnTo>
                  <a:lnTo>
                    <a:pt x="242" y="424"/>
                  </a:lnTo>
                  <a:lnTo>
                    <a:pt x="242" y="426"/>
                  </a:lnTo>
                  <a:lnTo>
                    <a:pt x="242" y="427"/>
                  </a:lnTo>
                  <a:lnTo>
                    <a:pt x="242" y="429"/>
                  </a:lnTo>
                  <a:lnTo>
                    <a:pt x="242" y="431"/>
                  </a:lnTo>
                  <a:lnTo>
                    <a:pt x="240" y="433"/>
                  </a:lnTo>
                  <a:lnTo>
                    <a:pt x="240" y="435"/>
                  </a:lnTo>
                  <a:lnTo>
                    <a:pt x="239" y="437"/>
                  </a:lnTo>
                  <a:lnTo>
                    <a:pt x="239" y="438"/>
                  </a:lnTo>
                  <a:lnTo>
                    <a:pt x="237" y="440"/>
                  </a:lnTo>
                  <a:lnTo>
                    <a:pt x="239" y="440"/>
                  </a:lnTo>
                  <a:lnTo>
                    <a:pt x="240" y="440"/>
                  </a:lnTo>
                  <a:lnTo>
                    <a:pt x="240" y="442"/>
                  </a:lnTo>
                  <a:lnTo>
                    <a:pt x="242" y="442"/>
                  </a:lnTo>
                  <a:lnTo>
                    <a:pt x="242" y="444"/>
                  </a:lnTo>
                  <a:lnTo>
                    <a:pt x="244" y="444"/>
                  </a:lnTo>
                  <a:lnTo>
                    <a:pt x="246" y="446"/>
                  </a:lnTo>
                  <a:lnTo>
                    <a:pt x="253" y="457"/>
                  </a:lnTo>
                  <a:lnTo>
                    <a:pt x="255" y="457"/>
                  </a:lnTo>
                  <a:lnTo>
                    <a:pt x="259" y="457"/>
                  </a:lnTo>
                  <a:lnTo>
                    <a:pt x="261" y="457"/>
                  </a:lnTo>
                  <a:lnTo>
                    <a:pt x="263" y="457"/>
                  </a:lnTo>
                  <a:lnTo>
                    <a:pt x="264" y="459"/>
                  </a:lnTo>
                  <a:lnTo>
                    <a:pt x="264" y="461"/>
                  </a:lnTo>
                  <a:lnTo>
                    <a:pt x="266" y="461"/>
                  </a:lnTo>
                  <a:lnTo>
                    <a:pt x="266" y="463"/>
                  </a:lnTo>
                  <a:lnTo>
                    <a:pt x="268" y="463"/>
                  </a:lnTo>
                  <a:lnTo>
                    <a:pt x="268" y="464"/>
                  </a:lnTo>
                  <a:lnTo>
                    <a:pt x="270" y="466"/>
                  </a:lnTo>
                  <a:lnTo>
                    <a:pt x="272" y="466"/>
                  </a:lnTo>
                  <a:lnTo>
                    <a:pt x="274" y="466"/>
                  </a:lnTo>
                  <a:lnTo>
                    <a:pt x="275" y="468"/>
                  </a:lnTo>
                  <a:lnTo>
                    <a:pt x="279" y="468"/>
                  </a:lnTo>
                  <a:lnTo>
                    <a:pt x="281" y="468"/>
                  </a:lnTo>
                  <a:lnTo>
                    <a:pt x="283" y="468"/>
                  </a:lnTo>
                  <a:lnTo>
                    <a:pt x="285" y="468"/>
                  </a:lnTo>
                  <a:lnTo>
                    <a:pt x="287" y="470"/>
                  </a:lnTo>
                  <a:lnTo>
                    <a:pt x="287" y="472"/>
                  </a:lnTo>
                  <a:lnTo>
                    <a:pt x="287" y="474"/>
                  </a:lnTo>
                  <a:lnTo>
                    <a:pt x="287" y="475"/>
                  </a:lnTo>
                  <a:lnTo>
                    <a:pt x="288" y="477"/>
                  </a:lnTo>
                  <a:lnTo>
                    <a:pt x="290" y="477"/>
                  </a:lnTo>
                  <a:lnTo>
                    <a:pt x="290" y="479"/>
                  </a:lnTo>
                  <a:lnTo>
                    <a:pt x="292" y="481"/>
                  </a:lnTo>
                  <a:lnTo>
                    <a:pt x="292" y="483"/>
                  </a:lnTo>
                  <a:lnTo>
                    <a:pt x="292" y="485"/>
                  </a:lnTo>
                  <a:lnTo>
                    <a:pt x="294" y="485"/>
                  </a:lnTo>
                  <a:lnTo>
                    <a:pt x="294" y="487"/>
                  </a:lnTo>
                  <a:lnTo>
                    <a:pt x="294" y="492"/>
                  </a:lnTo>
                  <a:lnTo>
                    <a:pt x="296" y="492"/>
                  </a:lnTo>
                  <a:lnTo>
                    <a:pt x="296" y="494"/>
                  </a:lnTo>
                  <a:lnTo>
                    <a:pt x="296" y="500"/>
                  </a:lnTo>
                  <a:lnTo>
                    <a:pt x="283" y="490"/>
                  </a:lnTo>
                  <a:lnTo>
                    <a:pt x="253" y="505"/>
                  </a:lnTo>
                  <a:lnTo>
                    <a:pt x="248" y="492"/>
                  </a:lnTo>
                  <a:lnTo>
                    <a:pt x="246" y="492"/>
                  </a:lnTo>
                  <a:lnTo>
                    <a:pt x="244" y="492"/>
                  </a:lnTo>
                  <a:lnTo>
                    <a:pt x="242" y="492"/>
                  </a:lnTo>
                  <a:lnTo>
                    <a:pt x="240" y="492"/>
                  </a:lnTo>
                  <a:lnTo>
                    <a:pt x="239" y="490"/>
                  </a:lnTo>
                  <a:lnTo>
                    <a:pt x="237" y="490"/>
                  </a:lnTo>
                  <a:lnTo>
                    <a:pt x="235" y="488"/>
                  </a:lnTo>
                  <a:lnTo>
                    <a:pt x="235" y="487"/>
                  </a:lnTo>
                  <a:lnTo>
                    <a:pt x="233" y="487"/>
                  </a:lnTo>
                  <a:lnTo>
                    <a:pt x="233" y="485"/>
                  </a:lnTo>
                  <a:lnTo>
                    <a:pt x="231" y="483"/>
                  </a:lnTo>
                  <a:lnTo>
                    <a:pt x="229" y="481"/>
                  </a:lnTo>
                  <a:lnTo>
                    <a:pt x="229" y="479"/>
                  </a:lnTo>
                  <a:lnTo>
                    <a:pt x="227" y="477"/>
                  </a:lnTo>
                  <a:lnTo>
                    <a:pt x="226" y="477"/>
                  </a:lnTo>
                  <a:lnTo>
                    <a:pt x="226" y="475"/>
                  </a:lnTo>
                  <a:lnTo>
                    <a:pt x="224" y="475"/>
                  </a:lnTo>
                  <a:lnTo>
                    <a:pt x="222" y="474"/>
                  </a:lnTo>
                  <a:lnTo>
                    <a:pt x="220" y="472"/>
                  </a:lnTo>
                  <a:lnTo>
                    <a:pt x="218" y="472"/>
                  </a:lnTo>
                  <a:lnTo>
                    <a:pt x="216" y="472"/>
                  </a:lnTo>
                  <a:lnTo>
                    <a:pt x="216" y="470"/>
                  </a:lnTo>
                  <a:lnTo>
                    <a:pt x="214" y="470"/>
                  </a:lnTo>
                  <a:lnTo>
                    <a:pt x="213" y="468"/>
                  </a:lnTo>
                  <a:lnTo>
                    <a:pt x="213" y="466"/>
                  </a:lnTo>
                  <a:lnTo>
                    <a:pt x="211" y="466"/>
                  </a:lnTo>
                  <a:lnTo>
                    <a:pt x="209" y="464"/>
                  </a:lnTo>
                  <a:lnTo>
                    <a:pt x="207" y="463"/>
                  </a:lnTo>
                  <a:lnTo>
                    <a:pt x="205" y="463"/>
                  </a:lnTo>
                  <a:lnTo>
                    <a:pt x="205" y="461"/>
                  </a:lnTo>
                  <a:lnTo>
                    <a:pt x="203" y="461"/>
                  </a:lnTo>
                  <a:lnTo>
                    <a:pt x="202" y="461"/>
                  </a:lnTo>
                  <a:lnTo>
                    <a:pt x="202" y="459"/>
                  </a:lnTo>
                  <a:lnTo>
                    <a:pt x="200" y="459"/>
                  </a:lnTo>
                  <a:lnTo>
                    <a:pt x="198" y="459"/>
                  </a:lnTo>
                  <a:lnTo>
                    <a:pt x="196" y="459"/>
                  </a:lnTo>
                  <a:lnTo>
                    <a:pt x="194" y="459"/>
                  </a:lnTo>
                  <a:lnTo>
                    <a:pt x="194" y="457"/>
                  </a:lnTo>
                  <a:lnTo>
                    <a:pt x="192" y="457"/>
                  </a:lnTo>
                  <a:lnTo>
                    <a:pt x="192" y="455"/>
                  </a:lnTo>
                  <a:lnTo>
                    <a:pt x="190" y="455"/>
                  </a:lnTo>
                  <a:lnTo>
                    <a:pt x="189" y="455"/>
                  </a:lnTo>
                  <a:lnTo>
                    <a:pt x="189" y="453"/>
                  </a:lnTo>
                  <a:lnTo>
                    <a:pt x="187" y="453"/>
                  </a:lnTo>
                  <a:lnTo>
                    <a:pt x="185" y="451"/>
                  </a:lnTo>
                  <a:lnTo>
                    <a:pt x="185" y="450"/>
                  </a:lnTo>
                  <a:lnTo>
                    <a:pt x="183" y="450"/>
                  </a:lnTo>
                  <a:lnTo>
                    <a:pt x="183" y="448"/>
                  </a:lnTo>
                  <a:lnTo>
                    <a:pt x="181" y="448"/>
                  </a:lnTo>
                  <a:lnTo>
                    <a:pt x="179" y="446"/>
                  </a:lnTo>
                  <a:lnTo>
                    <a:pt x="179" y="444"/>
                  </a:lnTo>
                  <a:lnTo>
                    <a:pt x="179" y="442"/>
                  </a:lnTo>
                  <a:lnTo>
                    <a:pt x="179" y="440"/>
                  </a:lnTo>
                  <a:lnTo>
                    <a:pt x="179" y="438"/>
                  </a:lnTo>
                  <a:lnTo>
                    <a:pt x="176" y="438"/>
                  </a:lnTo>
                  <a:lnTo>
                    <a:pt x="174" y="437"/>
                  </a:lnTo>
                  <a:lnTo>
                    <a:pt x="172" y="435"/>
                  </a:lnTo>
                  <a:lnTo>
                    <a:pt x="172" y="433"/>
                  </a:lnTo>
                  <a:lnTo>
                    <a:pt x="170" y="431"/>
                  </a:lnTo>
                  <a:lnTo>
                    <a:pt x="168" y="431"/>
                  </a:lnTo>
                  <a:lnTo>
                    <a:pt x="168" y="429"/>
                  </a:lnTo>
                  <a:lnTo>
                    <a:pt x="166" y="429"/>
                  </a:lnTo>
                  <a:lnTo>
                    <a:pt x="165" y="427"/>
                  </a:lnTo>
                  <a:lnTo>
                    <a:pt x="165" y="426"/>
                  </a:lnTo>
                  <a:lnTo>
                    <a:pt x="163" y="426"/>
                  </a:lnTo>
                  <a:lnTo>
                    <a:pt x="163" y="424"/>
                  </a:lnTo>
                  <a:lnTo>
                    <a:pt x="163" y="422"/>
                  </a:lnTo>
                  <a:lnTo>
                    <a:pt x="161" y="422"/>
                  </a:lnTo>
                  <a:lnTo>
                    <a:pt x="159" y="420"/>
                  </a:lnTo>
                  <a:lnTo>
                    <a:pt x="157" y="420"/>
                  </a:lnTo>
                  <a:lnTo>
                    <a:pt x="155" y="418"/>
                  </a:lnTo>
                  <a:lnTo>
                    <a:pt x="155" y="416"/>
                  </a:lnTo>
                  <a:lnTo>
                    <a:pt x="155" y="414"/>
                  </a:lnTo>
                  <a:lnTo>
                    <a:pt x="153" y="414"/>
                  </a:lnTo>
                  <a:lnTo>
                    <a:pt x="152" y="413"/>
                  </a:lnTo>
                  <a:lnTo>
                    <a:pt x="152" y="411"/>
                  </a:lnTo>
                  <a:lnTo>
                    <a:pt x="150" y="411"/>
                  </a:lnTo>
                  <a:lnTo>
                    <a:pt x="152" y="411"/>
                  </a:lnTo>
                  <a:lnTo>
                    <a:pt x="152" y="409"/>
                  </a:lnTo>
                  <a:lnTo>
                    <a:pt x="150" y="409"/>
                  </a:lnTo>
                  <a:lnTo>
                    <a:pt x="150" y="407"/>
                  </a:lnTo>
                  <a:lnTo>
                    <a:pt x="150" y="405"/>
                  </a:lnTo>
                  <a:lnTo>
                    <a:pt x="150" y="403"/>
                  </a:lnTo>
                  <a:lnTo>
                    <a:pt x="152" y="403"/>
                  </a:lnTo>
                  <a:lnTo>
                    <a:pt x="152" y="401"/>
                  </a:lnTo>
                  <a:lnTo>
                    <a:pt x="153" y="401"/>
                  </a:lnTo>
                  <a:lnTo>
                    <a:pt x="153" y="400"/>
                  </a:lnTo>
                  <a:lnTo>
                    <a:pt x="155" y="400"/>
                  </a:lnTo>
                  <a:lnTo>
                    <a:pt x="157" y="398"/>
                  </a:lnTo>
                  <a:lnTo>
                    <a:pt x="159" y="398"/>
                  </a:lnTo>
                  <a:lnTo>
                    <a:pt x="161" y="398"/>
                  </a:lnTo>
                  <a:lnTo>
                    <a:pt x="161" y="396"/>
                  </a:lnTo>
                  <a:lnTo>
                    <a:pt x="163" y="396"/>
                  </a:lnTo>
                  <a:lnTo>
                    <a:pt x="165" y="394"/>
                  </a:lnTo>
                  <a:lnTo>
                    <a:pt x="166" y="392"/>
                  </a:lnTo>
                  <a:lnTo>
                    <a:pt x="168" y="390"/>
                  </a:lnTo>
                  <a:lnTo>
                    <a:pt x="168" y="389"/>
                  </a:lnTo>
                  <a:lnTo>
                    <a:pt x="166" y="387"/>
                  </a:lnTo>
                  <a:lnTo>
                    <a:pt x="166" y="385"/>
                  </a:lnTo>
                  <a:lnTo>
                    <a:pt x="168" y="383"/>
                  </a:lnTo>
                  <a:lnTo>
                    <a:pt x="168" y="381"/>
                  </a:lnTo>
                  <a:lnTo>
                    <a:pt x="166" y="379"/>
                  </a:lnTo>
                  <a:lnTo>
                    <a:pt x="163" y="379"/>
                  </a:lnTo>
                  <a:lnTo>
                    <a:pt x="163" y="372"/>
                  </a:lnTo>
                  <a:lnTo>
                    <a:pt x="163" y="366"/>
                  </a:lnTo>
                  <a:lnTo>
                    <a:pt x="161" y="366"/>
                  </a:lnTo>
                  <a:lnTo>
                    <a:pt x="161" y="364"/>
                  </a:lnTo>
                  <a:lnTo>
                    <a:pt x="161" y="363"/>
                  </a:lnTo>
                  <a:lnTo>
                    <a:pt x="159" y="363"/>
                  </a:lnTo>
                  <a:lnTo>
                    <a:pt x="159" y="361"/>
                  </a:lnTo>
                  <a:lnTo>
                    <a:pt x="159" y="359"/>
                  </a:lnTo>
                  <a:lnTo>
                    <a:pt x="157" y="359"/>
                  </a:lnTo>
                  <a:lnTo>
                    <a:pt x="157" y="357"/>
                  </a:lnTo>
                  <a:lnTo>
                    <a:pt x="157" y="355"/>
                  </a:lnTo>
                  <a:lnTo>
                    <a:pt x="157" y="353"/>
                  </a:lnTo>
                  <a:lnTo>
                    <a:pt x="157" y="350"/>
                  </a:lnTo>
                  <a:lnTo>
                    <a:pt x="159" y="350"/>
                  </a:lnTo>
                  <a:lnTo>
                    <a:pt x="159" y="348"/>
                  </a:lnTo>
                  <a:lnTo>
                    <a:pt x="159" y="344"/>
                  </a:lnTo>
                  <a:lnTo>
                    <a:pt x="161" y="344"/>
                  </a:lnTo>
                  <a:lnTo>
                    <a:pt x="161" y="342"/>
                  </a:lnTo>
                  <a:lnTo>
                    <a:pt x="161" y="340"/>
                  </a:lnTo>
                  <a:lnTo>
                    <a:pt x="159" y="339"/>
                  </a:lnTo>
                  <a:lnTo>
                    <a:pt x="161" y="333"/>
                  </a:lnTo>
                  <a:lnTo>
                    <a:pt x="165" y="326"/>
                  </a:lnTo>
                  <a:lnTo>
                    <a:pt x="166" y="324"/>
                  </a:lnTo>
                  <a:lnTo>
                    <a:pt x="165" y="322"/>
                  </a:lnTo>
                  <a:lnTo>
                    <a:pt x="166" y="320"/>
                  </a:lnTo>
                  <a:lnTo>
                    <a:pt x="165" y="318"/>
                  </a:lnTo>
                  <a:lnTo>
                    <a:pt x="165" y="316"/>
                  </a:lnTo>
                  <a:lnTo>
                    <a:pt x="165" y="315"/>
                  </a:lnTo>
                  <a:lnTo>
                    <a:pt x="165" y="313"/>
                  </a:lnTo>
                  <a:lnTo>
                    <a:pt x="165" y="311"/>
                  </a:lnTo>
                  <a:lnTo>
                    <a:pt x="165" y="309"/>
                  </a:lnTo>
                  <a:lnTo>
                    <a:pt x="163" y="309"/>
                  </a:lnTo>
                  <a:lnTo>
                    <a:pt x="161" y="307"/>
                  </a:lnTo>
                  <a:lnTo>
                    <a:pt x="161" y="305"/>
                  </a:lnTo>
                  <a:lnTo>
                    <a:pt x="159" y="303"/>
                  </a:lnTo>
                  <a:lnTo>
                    <a:pt x="159" y="302"/>
                  </a:lnTo>
                  <a:lnTo>
                    <a:pt x="159" y="300"/>
                  </a:lnTo>
                  <a:lnTo>
                    <a:pt x="159" y="298"/>
                  </a:lnTo>
                  <a:lnTo>
                    <a:pt x="157" y="294"/>
                  </a:lnTo>
                  <a:lnTo>
                    <a:pt x="157" y="291"/>
                  </a:lnTo>
                  <a:lnTo>
                    <a:pt x="159" y="289"/>
                  </a:lnTo>
                  <a:lnTo>
                    <a:pt x="159" y="287"/>
                  </a:lnTo>
                  <a:lnTo>
                    <a:pt x="161" y="285"/>
                  </a:lnTo>
                  <a:lnTo>
                    <a:pt x="163" y="283"/>
                  </a:lnTo>
                  <a:lnTo>
                    <a:pt x="163" y="281"/>
                  </a:lnTo>
                  <a:lnTo>
                    <a:pt x="163" y="279"/>
                  </a:lnTo>
                  <a:lnTo>
                    <a:pt x="163" y="278"/>
                  </a:lnTo>
                  <a:lnTo>
                    <a:pt x="163" y="276"/>
                  </a:lnTo>
                  <a:lnTo>
                    <a:pt x="163" y="274"/>
                  </a:lnTo>
                  <a:lnTo>
                    <a:pt x="163" y="272"/>
                  </a:lnTo>
                  <a:lnTo>
                    <a:pt x="165" y="272"/>
                  </a:lnTo>
                  <a:lnTo>
                    <a:pt x="165" y="270"/>
                  </a:lnTo>
                  <a:lnTo>
                    <a:pt x="166" y="270"/>
                  </a:lnTo>
                  <a:lnTo>
                    <a:pt x="166" y="268"/>
                  </a:lnTo>
                  <a:lnTo>
                    <a:pt x="168" y="268"/>
                  </a:lnTo>
                  <a:lnTo>
                    <a:pt x="168" y="266"/>
                  </a:lnTo>
                  <a:lnTo>
                    <a:pt x="170" y="265"/>
                  </a:lnTo>
                  <a:lnTo>
                    <a:pt x="170" y="263"/>
                  </a:lnTo>
                  <a:lnTo>
                    <a:pt x="170" y="261"/>
                  </a:lnTo>
                  <a:lnTo>
                    <a:pt x="170" y="259"/>
                  </a:lnTo>
                  <a:lnTo>
                    <a:pt x="170" y="257"/>
                  </a:lnTo>
                  <a:lnTo>
                    <a:pt x="170" y="255"/>
                  </a:lnTo>
                  <a:lnTo>
                    <a:pt x="170" y="254"/>
                  </a:lnTo>
                  <a:lnTo>
                    <a:pt x="170" y="252"/>
                  </a:lnTo>
                  <a:lnTo>
                    <a:pt x="170" y="250"/>
                  </a:lnTo>
                  <a:lnTo>
                    <a:pt x="170" y="248"/>
                  </a:lnTo>
                  <a:lnTo>
                    <a:pt x="170" y="246"/>
                  </a:lnTo>
                  <a:lnTo>
                    <a:pt x="168" y="246"/>
                  </a:lnTo>
                  <a:lnTo>
                    <a:pt x="168" y="244"/>
                  </a:lnTo>
                  <a:lnTo>
                    <a:pt x="168" y="242"/>
                  </a:lnTo>
                  <a:lnTo>
                    <a:pt x="168" y="241"/>
                  </a:lnTo>
                  <a:lnTo>
                    <a:pt x="168" y="239"/>
                  </a:lnTo>
                  <a:lnTo>
                    <a:pt x="166" y="239"/>
                  </a:lnTo>
                  <a:lnTo>
                    <a:pt x="168" y="237"/>
                  </a:lnTo>
                  <a:lnTo>
                    <a:pt x="168" y="235"/>
                  </a:lnTo>
                  <a:lnTo>
                    <a:pt x="168" y="233"/>
                  </a:lnTo>
                  <a:lnTo>
                    <a:pt x="168" y="231"/>
                  </a:lnTo>
                  <a:lnTo>
                    <a:pt x="170" y="231"/>
                  </a:lnTo>
                  <a:lnTo>
                    <a:pt x="172" y="229"/>
                  </a:lnTo>
                  <a:lnTo>
                    <a:pt x="172" y="228"/>
                  </a:lnTo>
                  <a:lnTo>
                    <a:pt x="174" y="228"/>
                  </a:lnTo>
                  <a:lnTo>
                    <a:pt x="174" y="224"/>
                  </a:lnTo>
                  <a:lnTo>
                    <a:pt x="176" y="220"/>
                  </a:lnTo>
                  <a:lnTo>
                    <a:pt x="176" y="218"/>
                  </a:lnTo>
                  <a:lnTo>
                    <a:pt x="178" y="215"/>
                  </a:lnTo>
                  <a:lnTo>
                    <a:pt x="174" y="209"/>
                  </a:lnTo>
                  <a:lnTo>
                    <a:pt x="172" y="207"/>
                  </a:lnTo>
                  <a:lnTo>
                    <a:pt x="170" y="207"/>
                  </a:lnTo>
                  <a:lnTo>
                    <a:pt x="170" y="205"/>
                  </a:lnTo>
                  <a:lnTo>
                    <a:pt x="172" y="204"/>
                  </a:lnTo>
                  <a:lnTo>
                    <a:pt x="172" y="202"/>
                  </a:lnTo>
                  <a:lnTo>
                    <a:pt x="172" y="200"/>
                  </a:lnTo>
                  <a:lnTo>
                    <a:pt x="172" y="198"/>
                  </a:lnTo>
                  <a:lnTo>
                    <a:pt x="172" y="196"/>
                  </a:lnTo>
                  <a:lnTo>
                    <a:pt x="172" y="194"/>
                  </a:lnTo>
                  <a:lnTo>
                    <a:pt x="172" y="192"/>
                  </a:lnTo>
                  <a:lnTo>
                    <a:pt x="174" y="192"/>
                  </a:lnTo>
                  <a:lnTo>
                    <a:pt x="174" y="191"/>
                  </a:lnTo>
                  <a:lnTo>
                    <a:pt x="172" y="189"/>
                  </a:lnTo>
                  <a:lnTo>
                    <a:pt x="172" y="187"/>
                  </a:lnTo>
                  <a:lnTo>
                    <a:pt x="168" y="185"/>
                  </a:lnTo>
                  <a:lnTo>
                    <a:pt x="165" y="187"/>
                  </a:lnTo>
                  <a:lnTo>
                    <a:pt x="155" y="191"/>
                  </a:lnTo>
                  <a:lnTo>
                    <a:pt x="153" y="191"/>
                  </a:lnTo>
                  <a:lnTo>
                    <a:pt x="152" y="191"/>
                  </a:lnTo>
                  <a:lnTo>
                    <a:pt x="152" y="192"/>
                  </a:lnTo>
                  <a:lnTo>
                    <a:pt x="150" y="192"/>
                  </a:lnTo>
                  <a:lnTo>
                    <a:pt x="148" y="192"/>
                  </a:lnTo>
                  <a:lnTo>
                    <a:pt x="146" y="192"/>
                  </a:lnTo>
                  <a:lnTo>
                    <a:pt x="146" y="194"/>
                  </a:lnTo>
                  <a:lnTo>
                    <a:pt x="144" y="194"/>
                  </a:lnTo>
                  <a:lnTo>
                    <a:pt x="142" y="194"/>
                  </a:lnTo>
                  <a:lnTo>
                    <a:pt x="141" y="194"/>
                  </a:lnTo>
                  <a:lnTo>
                    <a:pt x="139" y="194"/>
                  </a:lnTo>
                  <a:lnTo>
                    <a:pt x="137" y="196"/>
                  </a:lnTo>
                  <a:lnTo>
                    <a:pt x="137" y="194"/>
                  </a:lnTo>
                  <a:lnTo>
                    <a:pt x="135" y="194"/>
                  </a:lnTo>
                  <a:lnTo>
                    <a:pt x="135" y="192"/>
                  </a:lnTo>
                  <a:lnTo>
                    <a:pt x="133" y="194"/>
                  </a:lnTo>
                  <a:lnTo>
                    <a:pt x="131" y="194"/>
                  </a:lnTo>
                  <a:lnTo>
                    <a:pt x="129" y="194"/>
                  </a:lnTo>
                  <a:lnTo>
                    <a:pt x="129" y="196"/>
                  </a:lnTo>
                  <a:lnTo>
                    <a:pt x="129" y="194"/>
                  </a:lnTo>
                  <a:lnTo>
                    <a:pt x="128" y="194"/>
                  </a:lnTo>
                  <a:lnTo>
                    <a:pt x="128" y="192"/>
                  </a:lnTo>
                  <a:lnTo>
                    <a:pt x="126" y="192"/>
                  </a:lnTo>
                  <a:lnTo>
                    <a:pt x="124" y="192"/>
                  </a:lnTo>
                  <a:lnTo>
                    <a:pt x="124" y="191"/>
                  </a:lnTo>
                  <a:lnTo>
                    <a:pt x="122" y="191"/>
                  </a:lnTo>
                  <a:lnTo>
                    <a:pt x="120" y="189"/>
                  </a:lnTo>
                  <a:lnTo>
                    <a:pt x="118" y="189"/>
                  </a:lnTo>
                  <a:lnTo>
                    <a:pt x="118" y="187"/>
                  </a:lnTo>
                  <a:lnTo>
                    <a:pt x="117" y="187"/>
                  </a:lnTo>
                  <a:lnTo>
                    <a:pt x="117" y="185"/>
                  </a:lnTo>
                  <a:lnTo>
                    <a:pt x="117" y="183"/>
                  </a:lnTo>
                  <a:lnTo>
                    <a:pt x="115" y="183"/>
                  </a:lnTo>
                  <a:lnTo>
                    <a:pt x="113" y="183"/>
                  </a:lnTo>
                  <a:lnTo>
                    <a:pt x="111" y="181"/>
                  </a:lnTo>
                  <a:lnTo>
                    <a:pt x="109" y="181"/>
                  </a:lnTo>
                  <a:lnTo>
                    <a:pt x="107" y="180"/>
                  </a:lnTo>
                  <a:lnTo>
                    <a:pt x="105" y="180"/>
                  </a:lnTo>
                  <a:lnTo>
                    <a:pt x="104" y="180"/>
                  </a:lnTo>
                  <a:lnTo>
                    <a:pt x="102" y="178"/>
                  </a:lnTo>
                  <a:lnTo>
                    <a:pt x="100" y="176"/>
                  </a:lnTo>
                  <a:lnTo>
                    <a:pt x="100" y="174"/>
                  </a:lnTo>
                  <a:lnTo>
                    <a:pt x="102" y="172"/>
                  </a:lnTo>
                  <a:lnTo>
                    <a:pt x="102" y="170"/>
                  </a:lnTo>
                  <a:lnTo>
                    <a:pt x="102" y="168"/>
                  </a:lnTo>
                  <a:lnTo>
                    <a:pt x="104" y="168"/>
                  </a:lnTo>
                  <a:lnTo>
                    <a:pt x="104" y="167"/>
                  </a:lnTo>
                  <a:lnTo>
                    <a:pt x="104" y="165"/>
                  </a:lnTo>
                  <a:lnTo>
                    <a:pt x="105" y="163"/>
                  </a:lnTo>
                  <a:lnTo>
                    <a:pt x="107" y="161"/>
                  </a:lnTo>
                  <a:lnTo>
                    <a:pt x="109" y="159"/>
                  </a:lnTo>
                  <a:lnTo>
                    <a:pt x="109" y="157"/>
                  </a:lnTo>
                  <a:lnTo>
                    <a:pt x="111" y="157"/>
                  </a:lnTo>
                  <a:lnTo>
                    <a:pt x="111" y="155"/>
                  </a:lnTo>
                  <a:lnTo>
                    <a:pt x="113" y="154"/>
                  </a:lnTo>
                  <a:lnTo>
                    <a:pt x="113" y="152"/>
                  </a:lnTo>
                  <a:lnTo>
                    <a:pt x="115" y="150"/>
                  </a:lnTo>
                  <a:lnTo>
                    <a:pt x="117" y="150"/>
                  </a:lnTo>
                  <a:lnTo>
                    <a:pt x="117" y="148"/>
                  </a:lnTo>
                  <a:lnTo>
                    <a:pt x="118" y="148"/>
                  </a:lnTo>
                  <a:lnTo>
                    <a:pt x="118" y="146"/>
                  </a:lnTo>
                  <a:lnTo>
                    <a:pt x="120" y="146"/>
                  </a:lnTo>
                  <a:lnTo>
                    <a:pt x="120" y="144"/>
                  </a:lnTo>
                  <a:lnTo>
                    <a:pt x="122" y="144"/>
                  </a:lnTo>
                  <a:lnTo>
                    <a:pt x="124" y="143"/>
                  </a:lnTo>
                  <a:lnTo>
                    <a:pt x="126" y="141"/>
                  </a:lnTo>
                  <a:lnTo>
                    <a:pt x="128" y="141"/>
                  </a:lnTo>
                  <a:lnTo>
                    <a:pt x="128" y="139"/>
                  </a:lnTo>
                  <a:lnTo>
                    <a:pt x="129" y="139"/>
                  </a:lnTo>
                  <a:lnTo>
                    <a:pt x="128" y="137"/>
                  </a:lnTo>
                  <a:lnTo>
                    <a:pt x="126" y="135"/>
                  </a:lnTo>
                  <a:lnTo>
                    <a:pt x="124" y="131"/>
                  </a:lnTo>
                  <a:lnTo>
                    <a:pt x="128" y="115"/>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27" name="Freeform 176"/>
            <p:cNvSpPr>
              <a:spLocks noEditPoints="1"/>
            </p:cNvSpPr>
            <p:nvPr/>
          </p:nvSpPr>
          <p:spPr bwMode="auto">
            <a:xfrm>
              <a:off x="5290412" y="2103030"/>
              <a:ext cx="910076" cy="1136291"/>
            </a:xfrm>
            <a:custGeom>
              <a:avLst/>
              <a:gdLst>
                <a:gd name="T0" fmla="*/ 133 w 873"/>
                <a:gd name="T1" fmla="*/ 252 h 1090"/>
                <a:gd name="T2" fmla="*/ 155 w 873"/>
                <a:gd name="T3" fmla="*/ 228 h 1090"/>
                <a:gd name="T4" fmla="*/ 165 w 873"/>
                <a:gd name="T5" fmla="*/ 165 h 1090"/>
                <a:gd name="T6" fmla="*/ 216 w 873"/>
                <a:gd name="T7" fmla="*/ 126 h 1090"/>
                <a:gd name="T8" fmla="*/ 279 w 873"/>
                <a:gd name="T9" fmla="*/ 157 h 1090"/>
                <a:gd name="T10" fmla="*/ 270 w 873"/>
                <a:gd name="T11" fmla="*/ 207 h 1090"/>
                <a:gd name="T12" fmla="*/ 244 w 873"/>
                <a:gd name="T13" fmla="*/ 246 h 1090"/>
                <a:gd name="T14" fmla="*/ 290 w 873"/>
                <a:gd name="T15" fmla="*/ 255 h 1090"/>
                <a:gd name="T16" fmla="*/ 336 w 873"/>
                <a:gd name="T17" fmla="*/ 169 h 1090"/>
                <a:gd name="T18" fmla="*/ 340 w 873"/>
                <a:gd name="T19" fmla="*/ 87 h 1090"/>
                <a:gd name="T20" fmla="*/ 370 w 873"/>
                <a:gd name="T21" fmla="*/ 91 h 1090"/>
                <a:gd name="T22" fmla="*/ 366 w 873"/>
                <a:gd name="T23" fmla="*/ 30 h 1090"/>
                <a:gd name="T24" fmla="*/ 425 w 873"/>
                <a:gd name="T25" fmla="*/ 28 h 1090"/>
                <a:gd name="T26" fmla="*/ 453 w 873"/>
                <a:gd name="T27" fmla="*/ 91 h 1090"/>
                <a:gd name="T28" fmla="*/ 527 w 873"/>
                <a:gd name="T29" fmla="*/ 104 h 1090"/>
                <a:gd name="T30" fmla="*/ 577 w 873"/>
                <a:gd name="T31" fmla="*/ 85 h 1090"/>
                <a:gd name="T32" fmla="*/ 619 w 873"/>
                <a:gd name="T33" fmla="*/ 85 h 1090"/>
                <a:gd name="T34" fmla="*/ 625 w 873"/>
                <a:gd name="T35" fmla="*/ 132 h 1090"/>
                <a:gd name="T36" fmla="*/ 606 w 873"/>
                <a:gd name="T37" fmla="*/ 185 h 1090"/>
                <a:gd name="T38" fmla="*/ 555 w 873"/>
                <a:gd name="T39" fmla="*/ 154 h 1090"/>
                <a:gd name="T40" fmla="*/ 527 w 873"/>
                <a:gd name="T41" fmla="*/ 178 h 1090"/>
                <a:gd name="T42" fmla="*/ 634 w 873"/>
                <a:gd name="T43" fmla="*/ 246 h 1090"/>
                <a:gd name="T44" fmla="*/ 651 w 873"/>
                <a:gd name="T45" fmla="*/ 287 h 1090"/>
                <a:gd name="T46" fmla="*/ 702 w 873"/>
                <a:gd name="T47" fmla="*/ 329 h 1090"/>
                <a:gd name="T48" fmla="*/ 743 w 873"/>
                <a:gd name="T49" fmla="*/ 376 h 1090"/>
                <a:gd name="T50" fmla="*/ 727 w 873"/>
                <a:gd name="T51" fmla="*/ 444 h 1090"/>
                <a:gd name="T52" fmla="*/ 763 w 873"/>
                <a:gd name="T53" fmla="*/ 496 h 1090"/>
                <a:gd name="T54" fmla="*/ 795 w 873"/>
                <a:gd name="T55" fmla="*/ 524 h 1090"/>
                <a:gd name="T56" fmla="*/ 769 w 873"/>
                <a:gd name="T57" fmla="*/ 550 h 1090"/>
                <a:gd name="T58" fmla="*/ 775 w 873"/>
                <a:gd name="T59" fmla="*/ 594 h 1090"/>
                <a:gd name="T60" fmla="*/ 812 w 873"/>
                <a:gd name="T61" fmla="*/ 638 h 1090"/>
                <a:gd name="T62" fmla="*/ 847 w 873"/>
                <a:gd name="T63" fmla="*/ 685 h 1090"/>
                <a:gd name="T64" fmla="*/ 867 w 873"/>
                <a:gd name="T65" fmla="*/ 749 h 1090"/>
                <a:gd name="T66" fmla="*/ 826 w 873"/>
                <a:gd name="T67" fmla="*/ 805 h 1090"/>
                <a:gd name="T68" fmla="*/ 817 w 873"/>
                <a:gd name="T69" fmla="*/ 836 h 1090"/>
                <a:gd name="T70" fmla="*/ 804 w 873"/>
                <a:gd name="T71" fmla="*/ 881 h 1090"/>
                <a:gd name="T72" fmla="*/ 736 w 873"/>
                <a:gd name="T73" fmla="*/ 894 h 1090"/>
                <a:gd name="T74" fmla="*/ 688 w 873"/>
                <a:gd name="T75" fmla="*/ 901 h 1090"/>
                <a:gd name="T76" fmla="*/ 623 w 873"/>
                <a:gd name="T77" fmla="*/ 910 h 1090"/>
                <a:gd name="T78" fmla="*/ 460 w 873"/>
                <a:gd name="T79" fmla="*/ 1034 h 1090"/>
                <a:gd name="T80" fmla="*/ 449 w 873"/>
                <a:gd name="T81" fmla="*/ 1088 h 1090"/>
                <a:gd name="T82" fmla="*/ 394 w 873"/>
                <a:gd name="T83" fmla="*/ 1066 h 1090"/>
                <a:gd name="T84" fmla="*/ 362 w 873"/>
                <a:gd name="T85" fmla="*/ 1006 h 1090"/>
                <a:gd name="T86" fmla="*/ 322 w 873"/>
                <a:gd name="T87" fmla="*/ 988 h 1090"/>
                <a:gd name="T88" fmla="*/ 268 w 873"/>
                <a:gd name="T89" fmla="*/ 964 h 1090"/>
                <a:gd name="T90" fmla="*/ 214 w 873"/>
                <a:gd name="T91" fmla="*/ 981 h 1090"/>
                <a:gd name="T92" fmla="*/ 153 w 873"/>
                <a:gd name="T93" fmla="*/ 982 h 1090"/>
                <a:gd name="T94" fmla="*/ 94 w 873"/>
                <a:gd name="T95" fmla="*/ 962 h 1090"/>
                <a:gd name="T96" fmla="*/ 70 w 873"/>
                <a:gd name="T97" fmla="*/ 892 h 1090"/>
                <a:gd name="T98" fmla="*/ 68 w 873"/>
                <a:gd name="T99" fmla="*/ 827 h 1090"/>
                <a:gd name="T100" fmla="*/ 111 w 873"/>
                <a:gd name="T101" fmla="*/ 781 h 1090"/>
                <a:gd name="T102" fmla="*/ 122 w 873"/>
                <a:gd name="T103" fmla="*/ 747 h 1090"/>
                <a:gd name="T104" fmla="*/ 81 w 873"/>
                <a:gd name="T105" fmla="*/ 731 h 1090"/>
                <a:gd name="T106" fmla="*/ 68 w 873"/>
                <a:gd name="T107" fmla="*/ 679 h 1090"/>
                <a:gd name="T108" fmla="*/ 54 w 873"/>
                <a:gd name="T109" fmla="*/ 627 h 1090"/>
                <a:gd name="T110" fmla="*/ 9 w 873"/>
                <a:gd name="T111" fmla="*/ 603 h 1090"/>
                <a:gd name="T112" fmla="*/ 48 w 873"/>
                <a:gd name="T113" fmla="*/ 564 h 1090"/>
                <a:gd name="T114" fmla="*/ 37 w 873"/>
                <a:gd name="T115" fmla="*/ 524 h 1090"/>
                <a:gd name="T116" fmla="*/ 13 w 873"/>
                <a:gd name="T117" fmla="*/ 463 h 1090"/>
                <a:gd name="T118" fmla="*/ 2 w 873"/>
                <a:gd name="T119" fmla="*/ 409 h 1090"/>
                <a:gd name="T120" fmla="*/ 26 w 873"/>
                <a:gd name="T121" fmla="*/ 376 h 1090"/>
                <a:gd name="T122" fmla="*/ 61 w 873"/>
                <a:gd name="T123" fmla="*/ 326 h 10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873" h="1090">
                  <a:moveTo>
                    <a:pt x="81" y="307"/>
                  </a:moveTo>
                  <a:lnTo>
                    <a:pt x="80" y="305"/>
                  </a:lnTo>
                  <a:lnTo>
                    <a:pt x="78" y="304"/>
                  </a:lnTo>
                  <a:lnTo>
                    <a:pt x="78" y="302"/>
                  </a:lnTo>
                  <a:lnTo>
                    <a:pt x="78" y="300"/>
                  </a:lnTo>
                  <a:lnTo>
                    <a:pt x="80" y="300"/>
                  </a:lnTo>
                  <a:lnTo>
                    <a:pt x="80" y="298"/>
                  </a:lnTo>
                  <a:lnTo>
                    <a:pt x="80" y="296"/>
                  </a:lnTo>
                  <a:lnTo>
                    <a:pt x="78" y="296"/>
                  </a:lnTo>
                  <a:lnTo>
                    <a:pt x="78" y="294"/>
                  </a:lnTo>
                  <a:lnTo>
                    <a:pt x="78" y="292"/>
                  </a:lnTo>
                  <a:lnTo>
                    <a:pt x="78" y="291"/>
                  </a:lnTo>
                  <a:lnTo>
                    <a:pt x="76" y="291"/>
                  </a:lnTo>
                  <a:lnTo>
                    <a:pt x="78" y="291"/>
                  </a:lnTo>
                  <a:lnTo>
                    <a:pt x="78" y="289"/>
                  </a:lnTo>
                  <a:lnTo>
                    <a:pt x="78" y="287"/>
                  </a:lnTo>
                  <a:lnTo>
                    <a:pt x="80" y="283"/>
                  </a:lnTo>
                  <a:lnTo>
                    <a:pt x="81" y="281"/>
                  </a:lnTo>
                  <a:lnTo>
                    <a:pt x="81" y="280"/>
                  </a:lnTo>
                  <a:lnTo>
                    <a:pt x="81" y="278"/>
                  </a:lnTo>
                  <a:lnTo>
                    <a:pt x="80" y="276"/>
                  </a:lnTo>
                  <a:lnTo>
                    <a:pt x="81" y="274"/>
                  </a:lnTo>
                  <a:lnTo>
                    <a:pt x="81" y="272"/>
                  </a:lnTo>
                  <a:lnTo>
                    <a:pt x="81" y="270"/>
                  </a:lnTo>
                  <a:lnTo>
                    <a:pt x="81" y="268"/>
                  </a:lnTo>
                  <a:lnTo>
                    <a:pt x="83" y="268"/>
                  </a:lnTo>
                  <a:lnTo>
                    <a:pt x="89" y="265"/>
                  </a:lnTo>
                  <a:lnTo>
                    <a:pt x="91" y="263"/>
                  </a:lnTo>
                  <a:lnTo>
                    <a:pt x="92" y="263"/>
                  </a:lnTo>
                  <a:lnTo>
                    <a:pt x="94" y="263"/>
                  </a:lnTo>
                  <a:lnTo>
                    <a:pt x="96" y="265"/>
                  </a:lnTo>
                  <a:lnTo>
                    <a:pt x="98" y="265"/>
                  </a:lnTo>
                  <a:lnTo>
                    <a:pt x="100" y="265"/>
                  </a:lnTo>
                  <a:lnTo>
                    <a:pt x="102" y="265"/>
                  </a:lnTo>
                  <a:lnTo>
                    <a:pt x="104" y="265"/>
                  </a:lnTo>
                  <a:lnTo>
                    <a:pt x="107" y="263"/>
                  </a:lnTo>
                  <a:lnTo>
                    <a:pt x="109" y="263"/>
                  </a:lnTo>
                  <a:lnTo>
                    <a:pt x="111" y="263"/>
                  </a:lnTo>
                  <a:lnTo>
                    <a:pt x="120" y="257"/>
                  </a:lnTo>
                  <a:lnTo>
                    <a:pt x="122" y="257"/>
                  </a:lnTo>
                  <a:lnTo>
                    <a:pt x="124" y="257"/>
                  </a:lnTo>
                  <a:lnTo>
                    <a:pt x="124" y="255"/>
                  </a:lnTo>
                  <a:lnTo>
                    <a:pt x="126" y="255"/>
                  </a:lnTo>
                  <a:lnTo>
                    <a:pt x="128" y="255"/>
                  </a:lnTo>
                  <a:lnTo>
                    <a:pt x="129" y="255"/>
                  </a:lnTo>
                  <a:lnTo>
                    <a:pt x="129" y="254"/>
                  </a:lnTo>
                  <a:lnTo>
                    <a:pt x="133" y="252"/>
                  </a:lnTo>
                  <a:lnTo>
                    <a:pt x="135" y="252"/>
                  </a:lnTo>
                  <a:lnTo>
                    <a:pt x="141" y="254"/>
                  </a:lnTo>
                  <a:lnTo>
                    <a:pt x="142" y="254"/>
                  </a:lnTo>
                  <a:lnTo>
                    <a:pt x="144" y="254"/>
                  </a:lnTo>
                  <a:lnTo>
                    <a:pt x="144" y="252"/>
                  </a:lnTo>
                  <a:lnTo>
                    <a:pt x="146" y="252"/>
                  </a:lnTo>
                  <a:lnTo>
                    <a:pt x="148" y="252"/>
                  </a:lnTo>
                  <a:lnTo>
                    <a:pt x="150" y="250"/>
                  </a:lnTo>
                  <a:lnTo>
                    <a:pt x="152" y="250"/>
                  </a:lnTo>
                  <a:lnTo>
                    <a:pt x="152" y="248"/>
                  </a:lnTo>
                  <a:lnTo>
                    <a:pt x="153" y="246"/>
                  </a:lnTo>
                  <a:lnTo>
                    <a:pt x="155" y="246"/>
                  </a:lnTo>
                  <a:lnTo>
                    <a:pt x="159" y="243"/>
                  </a:lnTo>
                  <a:lnTo>
                    <a:pt x="161" y="243"/>
                  </a:lnTo>
                  <a:lnTo>
                    <a:pt x="161" y="241"/>
                  </a:lnTo>
                  <a:lnTo>
                    <a:pt x="163" y="241"/>
                  </a:lnTo>
                  <a:lnTo>
                    <a:pt x="165" y="241"/>
                  </a:lnTo>
                  <a:lnTo>
                    <a:pt x="166" y="241"/>
                  </a:lnTo>
                  <a:lnTo>
                    <a:pt x="170" y="243"/>
                  </a:lnTo>
                  <a:lnTo>
                    <a:pt x="172" y="243"/>
                  </a:lnTo>
                  <a:lnTo>
                    <a:pt x="174" y="243"/>
                  </a:lnTo>
                  <a:lnTo>
                    <a:pt x="176" y="243"/>
                  </a:lnTo>
                  <a:lnTo>
                    <a:pt x="176" y="241"/>
                  </a:lnTo>
                  <a:lnTo>
                    <a:pt x="178" y="239"/>
                  </a:lnTo>
                  <a:lnTo>
                    <a:pt x="179" y="239"/>
                  </a:lnTo>
                  <a:lnTo>
                    <a:pt x="179" y="237"/>
                  </a:lnTo>
                  <a:lnTo>
                    <a:pt x="181" y="237"/>
                  </a:lnTo>
                  <a:lnTo>
                    <a:pt x="181" y="235"/>
                  </a:lnTo>
                  <a:lnTo>
                    <a:pt x="183" y="235"/>
                  </a:lnTo>
                  <a:lnTo>
                    <a:pt x="185" y="235"/>
                  </a:lnTo>
                  <a:lnTo>
                    <a:pt x="187" y="233"/>
                  </a:lnTo>
                  <a:lnTo>
                    <a:pt x="187" y="231"/>
                  </a:lnTo>
                  <a:lnTo>
                    <a:pt x="185" y="228"/>
                  </a:lnTo>
                  <a:lnTo>
                    <a:pt x="183" y="228"/>
                  </a:lnTo>
                  <a:lnTo>
                    <a:pt x="181" y="226"/>
                  </a:lnTo>
                  <a:lnTo>
                    <a:pt x="181" y="224"/>
                  </a:lnTo>
                  <a:lnTo>
                    <a:pt x="178" y="220"/>
                  </a:lnTo>
                  <a:lnTo>
                    <a:pt x="176" y="220"/>
                  </a:lnTo>
                  <a:lnTo>
                    <a:pt x="170" y="222"/>
                  </a:lnTo>
                  <a:lnTo>
                    <a:pt x="168" y="224"/>
                  </a:lnTo>
                  <a:lnTo>
                    <a:pt x="168" y="226"/>
                  </a:lnTo>
                  <a:lnTo>
                    <a:pt x="166" y="226"/>
                  </a:lnTo>
                  <a:lnTo>
                    <a:pt x="165" y="226"/>
                  </a:lnTo>
                  <a:lnTo>
                    <a:pt x="163" y="226"/>
                  </a:lnTo>
                  <a:lnTo>
                    <a:pt x="161" y="228"/>
                  </a:lnTo>
                  <a:lnTo>
                    <a:pt x="157" y="228"/>
                  </a:lnTo>
                  <a:lnTo>
                    <a:pt x="155" y="228"/>
                  </a:lnTo>
                  <a:lnTo>
                    <a:pt x="153" y="228"/>
                  </a:lnTo>
                  <a:lnTo>
                    <a:pt x="152" y="228"/>
                  </a:lnTo>
                  <a:lnTo>
                    <a:pt x="150" y="230"/>
                  </a:lnTo>
                  <a:lnTo>
                    <a:pt x="150" y="228"/>
                  </a:lnTo>
                  <a:lnTo>
                    <a:pt x="148" y="228"/>
                  </a:lnTo>
                  <a:lnTo>
                    <a:pt x="146" y="224"/>
                  </a:lnTo>
                  <a:lnTo>
                    <a:pt x="146" y="220"/>
                  </a:lnTo>
                  <a:lnTo>
                    <a:pt x="142" y="220"/>
                  </a:lnTo>
                  <a:lnTo>
                    <a:pt x="139" y="220"/>
                  </a:lnTo>
                  <a:lnTo>
                    <a:pt x="139" y="217"/>
                  </a:lnTo>
                  <a:lnTo>
                    <a:pt x="139" y="215"/>
                  </a:lnTo>
                  <a:lnTo>
                    <a:pt x="141" y="215"/>
                  </a:lnTo>
                  <a:lnTo>
                    <a:pt x="141" y="213"/>
                  </a:lnTo>
                  <a:lnTo>
                    <a:pt x="141" y="211"/>
                  </a:lnTo>
                  <a:lnTo>
                    <a:pt x="139" y="209"/>
                  </a:lnTo>
                  <a:lnTo>
                    <a:pt x="139" y="207"/>
                  </a:lnTo>
                  <a:lnTo>
                    <a:pt x="139" y="206"/>
                  </a:lnTo>
                  <a:lnTo>
                    <a:pt x="137" y="204"/>
                  </a:lnTo>
                  <a:lnTo>
                    <a:pt x="135" y="202"/>
                  </a:lnTo>
                  <a:lnTo>
                    <a:pt x="133" y="196"/>
                  </a:lnTo>
                  <a:lnTo>
                    <a:pt x="133" y="191"/>
                  </a:lnTo>
                  <a:lnTo>
                    <a:pt x="137" y="193"/>
                  </a:lnTo>
                  <a:lnTo>
                    <a:pt x="141" y="193"/>
                  </a:lnTo>
                  <a:lnTo>
                    <a:pt x="142" y="191"/>
                  </a:lnTo>
                  <a:lnTo>
                    <a:pt x="148" y="191"/>
                  </a:lnTo>
                  <a:lnTo>
                    <a:pt x="150" y="189"/>
                  </a:lnTo>
                  <a:lnTo>
                    <a:pt x="150" y="187"/>
                  </a:lnTo>
                  <a:lnTo>
                    <a:pt x="150" y="185"/>
                  </a:lnTo>
                  <a:lnTo>
                    <a:pt x="152" y="185"/>
                  </a:lnTo>
                  <a:lnTo>
                    <a:pt x="153" y="183"/>
                  </a:lnTo>
                  <a:lnTo>
                    <a:pt x="153" y="181"/>
                  </a:lnTo>
                  <a:lnTo>
                    <a:pt x="153" y="180"/>
                  </a:lnTo>
                  <a:lnTo>
                    <a:pt x="152" y="180"/>
                  </a:lnTo>
                  <a:lnTo>
                    <a:pt x="152" y="178"/>
                  </a:lnTo>
                  <a:lnTo>
                    <a:pt x="153" y="178"/>
                  </a:lnTo>
                  <a:lnTo>
                    <a:pt x="155" y="178"/>
                  </a:lnTo>
                  <a:lnTo>
                    <a:pt x="157" y="178"/>
                  </a:lnTo>
                  <a:lnTo>
                    <a:pt x="157" y="180"/>
                  </a:lnTo>
                  <a:lnTo>
                    <a:pt x="159" y="180"/>
                  </a:lnTo>
                  <a:lnTo>
                    <a:pt x="159" y="178"/>
                  </a:lnTo>
                  <a:lnTo>
                    <a:pt x="161" y="178"/>
                  </a:lnTo>
                  <a:lnTo>
                    <a:pt x="161" y="176"/>
                  </a:lnTo>
                  <a:lnTo>
                    <a:pt x="163" y="174"/>
                  </a:lnTo>
                  <a:lnTo>
                    <a:pt x="163" y="172"/>
                  </a:lnTo>
                  <a:lnTo>
                    <a:pt x="163" y="170"/>
                  </a:lnTo>
                  <a:lnTo>
                    <a:pt x="163" y="169"/>
                  </a:lnTo>
                  <a:lnTo>
                    <a:pt x="165" y="165"/>
                  </a:lnTo>
                  <a:lnTo>
                    <a:pt x="166" y="165"/>
                  </a:lnTo>
                  <a:lnTo>
                    <a:pt x="168" y="167"/>
                  </a:lnTo>
                  <a:lnTo>
                    <a:pt x="170" y="167"/>
                  </a:lnTo>
                  <a:lnTo>
                    <a:pt x="170" y="169"/>
                  </a:lnTo>
                  <a:lnTo>
                    <a:pt x="172" y="167"/>
                  </a:lnTo>
                  <a:lnTo>
                    <a:pt x="172" y="165"/>
                  </a:lnTo>
                  <a:lnTo>
                    <a:pt x="176" y="167"/>
                  </a:lnTo>
                  <a:lnTo>
                    <a:pt x="178" y="165"/>
                  </a:lnTo>
                  <a:lnTo>
                    <a:pt x="181" y="165"/>
                  </a:lnTo>
                  <a:lnTo>
                    <a:pt x="183" y="167"/>
                  </a:lnTo>
                  <a:lnTo>
                    <a:pt x="185" y="165"/>
                  </a:lnTo>
                  <a:lnTo>
                    <a:pt x="187" y="165"/>
                  </a:lnTo>
                  <a:lnTo>
                    <a:pt x="189" y="165"/>
                  </a:lnTo>
                  <a:lnTo>
                    <a:pt x="190" y="163"/>
                  </a:lnTo>
                  <a:lnTo>
                    <a:pt x="194" y="161"/>
                  </a:lnTo>
                  <a:lnTo>
                    <a:pt x="196" y="161"/>
                  </a:lnTo>
                  <a:lnTo>
                    <a:pt x="198" y="159"/>
                  </a:lnTo>
                  <a:lnTo>
                    <a:pt x="200" y="159"/>
                  </a:lnTo>
                  <a:lnTo>
                    <a:pt x="202" y="159"/>
                  </a:lnTo>
                  <a:lnTo>
                    <a:pt x="205" y="159"/>
                  </a:lnTo>
                  <a:lnTo>
                    <a:pt x="203" y="157"/>
                  </a:lnTo>
                  <a:lnTo>
                    <a:pt x="205" y="157"/>
                  </a:lnTo>
                  <a:lnTo>
                    <a:pt x="203" y="156"/>
                  </a:lnTo>
                  <a:lnTo>
                    <a:pt x="203" y="150"/>
                  </a:lnTo>
                  <a:lnTo>
                    <a:pt x="203" y="146"/>
                  </a:lnTo>
                  <a:lnTo>
                    <a:pt x="207" y="148"/>
                  </a:lnTo>
                  <a:lnTo>
                    <a:pt x="211" y="148"/>
                  </a:lnTo>
                  <a:lnTo>
                    <a:pt x="213" y="146"/>
                  </a:lnTo>
                  <a:lnTo>
                    <a:pt x="214" y="148"/>
                  </a:lnTo>
                  <a:lnTo>
                    <a:pt x="213" y="144"/>
                  </a:lnTo>
                  <a:lnTo>
                    <a:pt x="211" y="144"/>
                  </a:lnTo>
                  <a:lnTo>
                    <a:pt x="211" y="143"/>
                  </a:lnTo>
                  <a:lnTo>
                    <a:pt x="211" y="141"/>
                  </a:lnTo>
                  <a:lnTo>
                    <a:pt x="213" y="141"/>
                  </a:lnTo>
                  <a:lnTo>
                    <a:pt x="214" y="139"/>
                  </a:lnTo>
                  <a:lnTo>
                    <a:pt x="213" y="139"/>
                  </a:lnTo>
                  <a:lnTo>
                    <a:pt x="213" y="137"/>
                  </a:lnTo>
                  <a:lnTo>
                    <a:pt x="214" y="137"/>
                  </a:lnTo>
                  <a:lnTo>
                    <a:pt x="214" y="135"/>
                  </a:lnTo>
                  <a:lnTo>
                    <a:pt x="213" y="135"/>
                  </a:lnTo>
                  <a:lnTo>
                    <a:pt x="213" y="133"/>
                  </a:lnTo>
                  <a:lnTo>
                    <a:pt x="213" y="132"/>
                  </a:lnTo>
                  <a:lnTo>
                    <a:pt x="214" y="132"/>
                  </a:lnTo>
                  <a:lnTo>
                    <a:pt x="214" y="130"/>
                  </a:lnTo>
                  <a:lnTo>
                    <a:pt x="214" y="128"/>
                  </a:lnTo>
                  <a:lnTo>
                    <a:pt x="214" y="126"/>
                  </a:lnTo>
                  <a:lnTo>
                    <a:pt x="216" y="126"/>
                  </a:lnTo>
                  <a:lnTo>
                    <a:pt x="218" y="126"/>
                  </a:lnTo>
                  <a:lnTo>
                    <a:pt x="220" y="126"/>
                  </a:lnTo>
                  <a:lnTo>
                    <a:pt x="222" y="124"/>
                  </a:lnTo>
                  <a:lnTo>
                    <a:pt x="222" y="126"/>
                  </a:lnTo>
                  <a:lnTo>
                    <a:pt x="226" y="128"/>
                  </a:lnTo>
                  <a:lnTo>
                    <a:pt x="226" y="130"/>
                  </a:lnTo>
                  <a:lnTo>
                    <a:pt x="227" y="130"/>
                  </a:lnTo>
                  <a:lnTo>
                    <a:pt x="229" y="130"/>
                  </a:lnTo>
                  <a:lnTo>
                    <a:pt x="231" y="130"/>
                  </a:lnTo>
                  <a:lnTo>
                    <a:pt x="233" y="130"/>
                  </a:lnTo>
                  <a:lnTo>
                    <a:pt x="235" y="130"/>
                  </a:lnTo>
                  <a:lnTo>
                    <a:pt x="237" y="130"/>
                  </a:lnTo>
                  <a:lnTo>
                    <a:pt x="237" y="132"/>
                  </a:lnTo>
                  <a:lnTo>
                    <a:pt x="239" y="132"/>
                  </a:lnTo>
                  <a:lnTo>
                    <a:pt x="240" y="132"/>
                  </a:lnTo>
                  <a:lnTo>
                    <a:pt x="242" y="132"/>
                  </a:lnTo>
                  <a:lnTo>
                    <a:pt x="244" y="132"/>
                  </a:lnTo>
                  <a:lnTo>
                    <a:pt x="246" y="132"/>
                  </a:lnTo>
                  <a:lnTo>
                    <a:pt x="246" y="133"/>
                  </a:lnTo>
                  <a:lnTo>
                    <a:pt x="246" y="135"/>
                  </a:lnTo>
                  <a:lnTo>
                    <a:pt x="246" y="137"/>
                  </a:lnTo>
                  <a:lnTo>
                    <a:pt x="246" y="139"/>
                  </a:lnTo>
                  <a:lnTo>
                    <a:pt x="246" y="141"/>
                  </a:lnTo>
                  <a:lnTo>
                    <a:pt x="250" y="141"/>
                  </a:lnTo>
                  <a:lnTo>
                    <a:pt x="251" y="139"/>
                  </a:lnTo>
                  <a:lnTo>
                    <a:pt x="253" y="141"/>
                  </a:lnTo>
                  <a:lnTo>
                    <a:pt x="253" y="143"/>
                  </a:lnTo>
                  <a:lnTo>
                    <a:pt x="255" y="143"/>
                  </a:lnTo>
                  <a:lnTo>
                    <a:pt x="257" y="143"/>
                  </a:lnTo>
                  <a:lnTo>
                    <a:pt x="259" y="143"/>
                  </a:lnTo>
                  <a:lnTo>
                    <a:pt x="261" y="143"/>
                  </a:lnTo>
                  <a:lnTo>
                    <a:pt x="263" y="143"/>
                  </a:lnTo>
                  <a:lnTo>
                    <a:pt x="264" y="143"/>
                  </a:lnTo>
                  <a:lnTo>
                    <a:pt x="264" y="144"/>
                  </a:lnTo>
                  <a:lnTo>
                    <a:pt x="266" y="144"/>
                  </a:lnTo>
                  <a:lnTo>
                    <a:pt x="268" y="144"/>
                  </a:lnTo>
                  <a:lnTo>
                    <a:pt x="270" y="144"/>
                  </a:lnTo>
                  <a:lnTo>
                    <a:pt x="272" y="144"/>
                  </a:lnTo>
                  <a:lnTo>
                    <a:pt x="274" y="144"/>
                  </a:lnTo>
                  <a:lnTo>
                    <a:pt x="274" y="146"/>
                  </a:lnTo>
                  <a:lnTo>
                    <a:pt x="274" y="148"/>
                  </a:lnTo>
                  <a:lnTo>
                    <a:pt x="274" y="150"/>
                  </a:lnTo>
                  <a:lnTo>
                    <a:pt x="275" y="152"/>
                  </a:lnTo>
                  <a:lnTo>
                    <a:pt x="277" y="152"/>
                  </a:lnTo>
                  <a:lnTo>
                    <a:pt x="277" y="154"/>
                  </a:lnTo>
                  <a:lnTo>
                    <a:pt x="279" y="156"/>
                  </a:lnTo>
                  <a:lnTo>
                    <a:pt x="279" y="157"/>
                  </a:lnTo>
                  <a:lnTo>
                    <a:pt x="279" y="159"/>
                  </a:lnTo>
                  <a:lnTo>
                    <a:pt x="281" y="159"/>
                  </a:lnTo>
                  <a:lnTo>
                    <a:pt x="283" y="159"/>
                  </a:lnTo>
                  <a:lnTo>
                    <a:pt x="285" y="159"/>
                  </a:lnTo>
                  <a:lnTo>
                    <a:pt x="287" y="159"/>
                  </a:lnTo>
                  <a:lnTo>
                    <a:pt x="288" y="159"/>
                  </a:lnTo>
                  <a:lnTo>
                    <a:pt x="290" y="161"/>
                  </a:lnTo>
                  <a:lnTo>
                    <a:pt x="290" y="163"/>
                  </a:lnTo>
                  <a:lnTo>
                    <a:pt x="290" y="165"/>
                  </a:lnTo>
                  <a:lnTo>
                    <a:pt x="292" y="165"/>
                  </a:lnTo>
                  <a:lnTo>
                    <a:pt x="292" y="167"/>
                  </a:lnTo>
                  <a:lnTo>
                    <a:pt x="290" y="167"/>
                  </a:lnTo>
                  <a:lnTo>
                    <a:pt x="290" y="169"/>
                  </a:lnTo>
                  <a:lnTo>
                    <a:pt x="294" y="169"/>
                  </a:lnTo>
                  <a:lnTo>
                    <a:pt x="296" y="169"/>
                  </a:lnTo>
                  <a:lnTo>
                    <a:pt x="296" y="170"/>
                  </a:lnTo>
                  <a:lnTo>
                    <a:pt x="294" y="170"/>
                  </a:lnTo>
                  <a:lnTo>
                    <a:pt x="294" y="172"/>
                  </a:lnTo>
                  <a:lnTo>
                    <a:pt x="292" y="172"/>
                  </a:lnTo>
                  <a:lnTo>
                    <a:pt x="290" y="172"/>
                  </a:lnTo>
                  <a:lnTo>
                    <a:pt x="288" y="172"/>
                  </a:lnTo>
                  <a:lnTo>
                    <a:pt x="287" y="174"/>
                  </a:lnTo>
                  <a:lnTo>
                    <a:pt x="285" y="174"/>
                  </a:lnTo>
                  <a:lnTo>
                    <a:pt x="285" y="176"/>
                  </a:lnTo>
                  <a:lnTo>
                    <a:pt x="285" y="178"/>
                  </a:lnTo>
                  <a:lnTo>
                    <a:pt x="285" y="181"/>
                  </a:lnTo>
                  <a:lnTo>
                    <a:pt x="285" y="183"/>
                  </a:lnTo>
                  <a:lnTo>
                    <a:pt x="283" y="185"/>
                  </a:lnTo>
                  <a:lnTo>
                    <a:pt x="283" y="187"/>
                  </a:lnTo>
                  <a:lnTo>
                    <a:pt x="281" y="189"/>
                  </a:lnTo>
                  <a:lnTo>
                    <a:pt x="279" y="191"/>
                  </a:lnTo>
                  <a:lnTo>
                    <a:pt x="279" y="194"/>
                  </a:lnTo>
                  <a:lnTo>
                    <a:pt x="281" y="194"/>
                  </a:lnTo>
                  <a:lnTo>
                    <a:pt x="279" y="196"/>
                  </a:lnTo>
                  <a:lnTo>
                    <a:pt x="277" y="196"/>
                  </a:lnTo>
                  <a:lnTo>
                    <a:pt x="275" y="196"/>
                  </a:lnTo>
                  <a:lnTo>
                    <a:pt x="274" y="198"/>
                  </a:lnTo>
                  <a:lnTo>
                    <a:pt x="272" y="198"/>
                  </a:lnTo>
                  <a:lnTo>
                    <a:pt x="272" y="200"/>
                  </a:lnTo>
                  <a:lnTo>
                    <a:pt x="272" y="198"/>
                  </a:lnTo>
                  <a:lnTo>
                    <a:pt x="272" y="200"/>
                  </a:lnTo>
                  <a:lnTo>
                    <a:pt x="270" y="200"/>
                  </a:lnTo>
                  <a:lnTo>
                    <a:pt x="270" y="202"/>
                  </a:lnTo>
                  <a:lnTo>
                    <a:pt x="270" y="206"/>
                  </a:lnTo>
                  <a:lnTo>
                    <a:pt x="270" y="207"/>
                  </a:lnTo>
                  <a:lnTo>
                    <a:pt x="270" y="206"/>
                  </a:lnTo>
                  <a:lnTo>
                    <a:pt x="270" y="207"/>
                  </a:lnTo>
                  <a:lnTo>
                    <a:pt x="268" y="207"/>
                  </a:lnTo>
                  <a:lnTo>
                    <a:pt x="266" y="207"/>
                  </a:lnTo>
                  <a:lnTo>
                    <a:pt x="266" y="209"/>
                  </a:lnTo>
                  <a:lnTo>
                    <a:pt x="264" y="209"/>
                  </a:lnTo>
                  <a:lnTo>
                    <a:pt x="263" y="209"/>
                  </a:lnTo>
                  <a:lnTo>
                    <a:pt x="261" y="209"/>
                  </a:lnTo>
                  <a:lnTo>
                    <a:pt x="259" y="209"/>
                  </a:lnTo>
                  <a:lnTo>
                    <a:pt x="257" y="211"/>
                  </a:lnTo>
                  <a:lnTo>
                    <a:pt x="255" y="211"/>
                  </a:lnTo>
                  <a:lnTo>
                    <a:pt x="255" y="213"/>
                  </a:lnTo>
                  <a:lnTo>
                    <a:pt x="253" y="213"/>
                  </a:lnTo>
                  <a:lnTo>
                    <a:pt x="251" y="215"/>
                  </a:lnTo>
                  <a:lnTo>
                    <a:pt x="250" y="215"/>
                  </a:lnTo>
                  <a:lnTo>
                    <a:pt x="250" y="217"/>
                  </a:lnTo>
                  <a:lnTo>
                    <a:pt x="248" y="217"/>
                  </a:lnTo>
                  <a:lnTo>
                    <a:pt x="248" y="218"/>
                  </a:lnTo>
                  <a:lnTo>
                    <a:pt x="246" y="218"/>
                  </a:lnTo>
                  <a:lnTo>
                    <a:pt x="246" y="220"/>
                  </a:lnTo>
                  <a:lnTo>
                    <a:pt x="244" y="220"/>
                  </a:lnTo>
                  <a:lnTo>
                    <a:pt x="242" y="220"/>
                  </a:lnTo>
                  <a:lnTo>
                    <a:pt x="244" y="224"/>
                  </a:lnTo>
                  <a:lnTo>
                    <a:pt x="244" y="226"/>
                  </a:lnTo>
                  <a:lnTo>
                    <a:pt x="244" y="228"/>
                  </a:lnTo>
                  <a:lnTo>
                    <a:pt x="244" y="230"/>
                  </a:lnTo>
                  <a:lnTo>
                    <a:pt x="242" y="230"/>
                  </a:lnTo>
                  <a:lnTo>
                    <a:pt x="240" y="230"/>
                  </a:lnTo>
                  <a:lnTo>
                    <a:pt x="240" y="231"/>
                  </a:lnTo>
                  <a:lnTo>
                    <a:pt x="242" y="231"/>
                  </a:lnTo>
                  <a:lnTo>
                    <a:pt x="242" y="233"/>
                  </a:lnTo>
                  <a:lnTo>
                    <a:pt x="244" y="233"/>
                  </a:lnTo>
                  <a:lnTo>
                    <a:pt x="244" y="235"/>
                  </a:lnTo>
                  <a:lnTo>
                    <a:pt x="244" y="237"/>
                  </a:lnTo>
                  <a:lnTo>
                    <a:pt x="246" y="237"/>
                  </a:lnTo>
                  <a:lnTo>
                    <a:pt x="248" y="237"/>
                  </a:lnTo>
                  <a:lnTo>
                    <a:pt x="248" y="239"/>
                  </a:lnTo>
                  <a:lnTo>
                    <a:pt x="250" y="239"/>
                  </a:lnTo>
                  <a:lnTo>
                    <a:pt x="250" y="241"/>
                  </a:lnTo>
                  <a:lnTo>
                    <a:pt x="248" y="241"/>
                  </a:lnTo>
                  <a:lnTo>
                    <a:pt x="248" y="239"/>
                  </a:lnTo>
                  <a:lnTo>
                    <a:pt x="246" y="239"/>
                  </a:lnTo>
                  <a:lnTo>
                    <a:pt x="246" y="241"/>
                  </a:lnTo>
                  <a:lnTo>
                    <a:pt x="244" y="241"/>
                  </a:lnTo>
                  <a:lnTo>
                    <a:pt x="246" y="243"/>
                  </a:lnTo>
                  <a:lnTo>
                    <a:pt x="244" y="243"/>
                  </a:lnTo>
                  <a:lnTo>
                    <a:pt x="242" y="244"/>
                  </a:lnTo>
                  <a:lnTo>
                    <a:pt x="244" y="244"/>
                  </a:lnTo>
                  <a:lnTo>
                    <a:pt x="244" y="246"/>
                  </a:lnTo>
                  <a:lnTo>
                    <a:pt x="248" y="246"/>
                  </a:lnTo>
                  <a:lnTo>
                    <a:pt x="250" y="246"/>
                  </a:lnTo>
                  <a:lnTo>
                    <a:pt x="251" y="246"/>
                  </a:lnTo>
                  <a:lnTo>
                    <a:pt x="253" y="246"/>
                  </a:lnTo>
                  <a:lnTo>
                    <a:pt x="255" y="246"/>
                  </a:lnTo>
                  <a:lnTo>
                    <a:pt x="257" y="246"/>
                  </a:lnTo>
                  <a:lnTo>
                    <a:pt x="259" y="246"/>
                  </a:lnTo>
                  <a:lnTo>
                    <a:pt x="259" y="248"/>
                  </a:lnTo>
                  <a:lnTo>
                    <a:pt x="257" y="248"/>
                  </a:lnTo>
                  <a:lnTo>
                    <a:pt x="257" y="250"/>
                  </a:lnTo>
                  <a:lnTo>
                    <a:pt x="259" y="250"/>
                  </a:lnTo>
                  <a:lnTo>
                    <a:pt x="259" y="252"/>
                  </a:lnTo>
                  <a:lnTo>
                    <a:pt x="259" y="254"/>
                  </a:lnTo>
                  <a:lnTo>
                    <a:pt x="257" y="254"/>
                  </a:lnTo>
                  <a:lnTo>
                    <a:pt x="255" y="254"/>
                  </a:lnTo>
                  <a:lnTo>
                    <a:pt x="253" y="254"/>
                  </a:lnTo>
                  <a:lnTo>
                    <a:pt x="253" y="255"/>
                  </a:lnTo>
                  <a:lnTo>
                    <a:pt x="251" y="255"/>
                  </a:lnTo>
                  <a:lnTo>
                    <a:pt x="253" y="257"/>
                  </a:lnTo>
                  <a:lnTo>
                    <a:pt x="257" y="259"/>
                  </a:lnTo>
                  <a:lnTo>
                    <a:pt x="259" y="263"/>
                  </a:lnTo>
                  <a:lnTo>
                    <a:pt x="261" y="267"/>
                  </a:lnTo>
                  <a:lnTo>
                    <a:pt x="261" y="268"/>
                  </a:lnTo>
                  <a:lnTo>
                    <a:pt x="263" y="270"/>
                  </a:lnTo>
                  <a:lnTo>
                    <a:pt x="263" y="272"/>
                  </a:lnTo>
                  <a:lnTo>
                    <a:pt x="264" y="276"/>
                  </a:lnTo>
                  <a:lnTo>
                    <a:pt x="264" y="280"/>
                  </a:lnTo>
                  <a:lnTo>
                    <a:pt x="264" y="281"/>
                  </a:lnTo>
                  <a:lnTo>
                    <a:pt x="264" y="283"/>
                  </a:lnTo>
                  <a:lnTo>
                    <a:pt x="264" y="285"/>
                  </a:lnTo>
                  <a:lnTo>
                    <a:pt x="266" y="285"/>
                  </a:lnTo>
                  <a:lnTo>
                    <a:pt x="270" y="291"/>
                  </a:lnTo>
                  <a:lnTo>
                    <a:pt x="272" y="291"/>
                  </a:lnTo>
                  <a:lnTo>
                    <a:pt x="274" y="291"/>
                  </a:lnTo>
                  <a:lnTo>
                    <a:pt x="275" y="291"/>
                  </a:lnTo>
                  <a:lnTo>
                    <a:pt x="277" y="289"/>
                  </a:lnTo>
                  <a:lnTo>
                    <a:pt x="277" y="287"/>
                  </a:lnTo>
                  <a:lnTo>
                    <a:pt x="279" y="285"/>
                  </a:lnTo>
                  <a:lnTo>
                    <a:pt x="281" y="281"/>
                  </a:lnTo>
                  <a:lnTo>
                    <a:pt x="283" y="278"/>
                  </a:lnTo>
                  <a:lnTo>
                    <a:pt x="285" y="276"/>
                  </a:lnTo>
                  <a:lnTo>
                    <a:pt x="287" y="272"/>
                  </a:lnTo>
                  <a:lnTo>
                    <a:pt x="288" y="270"/>
                  </a:lnTo>
                  <a:lnTo>
                    <a:pt x="288" y="268"/>
                  </a:lnTo>
                  <a:lnTo>
                    <a:pt x="290" y="263"/>
                  </a:lnTo>
                  <a:lnTo>
                    <a:pt x="290" y="261"/>
                  </a:lnTo>
                  <a:lnTo>
                    <a:pt x="290" y="255"/>
                  </a:lnTo>
                  <a:lnTo>
                    <a:pt x="290" y="254"/>
                  </a:lnTo>
                  <a:lnTo>
                    <a:pt x="292" y="250"/>
                  </a:lnTo>
                  <a:lnTo>
                    <a:pt x="292" y="248"/>
                  </a:lnTo>
                  <a:lnTo>
                    <a:pt x="294" y="246"/>
                  </a:lnTo>
                  <a:lnTo>
                    <a:pt x="294" y="244"/>
                  </a:lnTo>
                  <a:lnTo>
                    <a:pt x="296" y="244"/>
                  </a:lnTo>
                  <a:lnTo>
                    <a:pt x="298" y="243"/>
                  </a:lnTo>
                  <a:lnTo>
                    <a:pt x="301" y="243"/>
                  </a:lnTo>
                  <a:lnTo>
                    <a:pt x="303" y="243"/>
                  </a:lnTo>
                  <a:lnTo>
                    <a:pt x="303" y="241"/>
                  </a:lnTo>
                  <a:lnTo>
                    <a:pt x="305" y="241"/>
                  </a:lnTo>
                  <a:lnTo>
                    <a:pt x="305" y="239"/>
                  </a:lnTo>
                  <a:lnTo>
                    <a:pt x="305" y="237"/>
                  </a:lnTo>
                  <a:lnTo>
                    <a:pt x="301" y="233"/>
                  </a:lnTo>
                  <a:lnTo>
                    <a:pt x="301" y="231"/>
                  </a:lnTo>
                  <a:lnTo>
                    <a:pt x="301" y="228"/>
                  </a:lnTo>
                  <a:lnTo>
                    <a:pt x="300" y="226"/>
                  </a:lnTo>
                  <a:lnTo>
                    <a:pt x="300" y="222"/>
                  </a:lnTo>
                  <a:lnTo>
                    <a:pt x="301" y="218"/>
                  </a:lnTo>
                  <a:lnTo>
                    <a:pt x="303" y="215"/>
                  </a:lnTo>
                  <a:lnTo>
                    <a:pt x="305" y="211"/>
                  </a:lnTo>
                  <a:lnTo>
                    <a:pt x="305" y="209"/>
                  </a:lnTo>
                  <a:lnTo>
                    <a:pt x="309" y="207"/>
                  </a:lnTo>
                  <a:lnTo>
                    <a:pt x="312" y="206"/>
                  </a:lnTo>
                  <a:lnTo>
                    <a:pt x="314" y="206"/>
                  </a:lnTo>
                  <a:lnTo>
                    <a:pt x="320" y="204"/>
                  </a:lnTo>
                  <a:lnTo>
                    <a:pt x="322" y="202"/>
                  </a:lnTo>
                  <a:lnTo>
                    <a:pt x="324" y="202"/>
                  </a:lnTo>
                  <a:lnTo>
                    <a:pt x="324" y="200"/>
                  </a:lnTo>
                  <a:lnTo>
                    <a:pt x="324" y="198"/>
                  </a:lnTo>
                  <a:lnTo>
                    <a:pt x="325" y="198"/>
                  </a:lnTo>
                  <a:lnTo>
                    <a:pt x="324" y="196"/>
                  </a:lnTo>
                  <a:lnTo>
                    <a:pt x="324" y="194"/>
                  </a:lnTo>
                  <a:lnTo>
                    <a:pt x="324" y="193"/>
                  </a:lnTo>
                  <a:lnTo>
                    <a:pt x="324" y="191"/>
                  </a:lnTo>
                  <a:lnTo>
                    <a:pt x="324" y="183"/>
                  </a:lnTo>
                  <a:lnTo>
                    <a:pt x="325" y="183"/>
                  </a:lnTo>
                  <a:lnTo>
                    <a:pt x="325" y="181"/>
                  </a:lnTo>
                  <a:lnTo>
                    <a:pt x="325" y="180"/>
                  </a:lnTo>
                  <a:lnTo>
                    <a:pt x="327" y="180"/>
                  </a:lnTo>
                  <a:lnTo>
                    <a:pt x="329" y="178"/>
                  </a:lnTo>
                  <a:lnTo>
                    <a:pt x="331" y="178"/>
                  </a:lnTo>
                  <a:lnTo>
                    <a:pt x="331" y="176"/>
                  </a:lnTo>
                  <a:lnTo>
                    <a:pt x="335" y="172"/>
                  </a:lnTo>
                  <a:lnTo>
                    <a:pt x="335" y="170"/>
                  </a:lnTo>
                  <a:lnTo>
                    <a:pt x="336" y="170"/>
                  </a:lnTo>
                  <a:lnTo>
                    <a:pt x="336" y="169"/>
                  </a:lnTo>
                  <a:lnTo>
                    <a:pt x="336" y="167"/>
                  </a:lnTo>
                  <a:lnTo>
                    <a:pt x="338" y="167"/>
                  </a:lnTo>
                  <a:lnTo>
                    <a:pt x="338" y="165"/>
                  </a:lnTo>
                  <a:lnTo>
                    <a:pt x="338" y="163"/>
                  </a:lnTo>
                  <a:lnTo>
                    <a:pt x="338" y="161"/>
                  </a:lnTo>
                  <a:lnTo>
                    <a:pt x="338" y="159"/>
                  </a:lnTo>
                  <a:lnTo>
                    <a:pt x="336" y="159"/>
                  </a:lnTo>
                  <a:lnTo>
                    <a:pt x="336" y="157"/>
                  </a:lnTo>
                  <a:lnTo>
                    <a:pt x="336" y="156"/>
                  </a:lnTo>
                  <a:lnTo>
                    <a:pt x="333" y="150"/>
                  </a:lnTo>
                  <a:lnTo>
                    <a:pt x="329" y="144"/>
                  </a:lnTo>
                  <a:lnTo>
                    <a:pt x="329" y="143"/>
                  </a:lnTo>
                  <a:lnTo>
                    <a:pt x="329" y="141"/>
                  </a:lnTo>
                  <a:lnTo>
                    <a:pt x="327" y="139"/>
                  </a:lnTo>
                  <a:lnTo>
                    <a:pt x="327" y="137"/>
                  </a:lnTo>
                  <a:lnTo>
                    <a:pt x="327" y="135"/>
                  </a:lnTo>
                  <a:lnTo>
                    <a:pt x="327" y="132"/>
                  </a:lnTo>
                  <a:lnTo>
                    <a:pt x="325" y="132"/>
                  </a:lnTo>
                  <a:lnTo>
                    <a:pt x="325" y="128"/>
                  </a:lnTo>
                  <a:lnTo>
                    <a:pt x="325" y="126"/>
                  </a:lnTo>
                  <a:lnTo>
                    <a:pt x="325" y="122"/>
                  </a:lnTo>
                  <a:lnTo>
                    <a:pt x="325" y="120"/>
                  </a:lnTo>
                  <a:lnTo>
                    <a:pt x="325" y="119"/>
                  </a:lnTo>
                  <a:lnTo>
                    <a:pt x="325" y="117"/>
                  </a:lnTo>
                  <a:lnTo>
                    <a:pt x="324" y="113"/>
                  </a:lnTo>
                  <a:lnTo>
                    <a:pt x="324" y="111"/>
                  </a:lnTo>
                  <a:lnTo>
                    <a:pt x="324" y="109"/>
                  </a:lnTo>
                  <a:lnTo>
                    <a:pt x="324" y="107"/>
                  </a:lnTo>
                  <a:lnTo>
                    <a:pt x="324" y="106"/>
                  </a:lnTo>
                  <a:lnTo>
                    <a:pt x="325" y="106"/>
                  </a:lnTo>
                  <a:lnTo>
                    <a:pt x="325" y="104"/>
                  </a:lnTo>
                  <a:lnTo>
                    <a:pt x="327" y="104"/>
                  </a:lnTo>
                  <a:lnTo>
                    <a:pt x="329" y="102"/>
                  </a:lnTo>
                  <a:lnTo>
                    <a:pt x="331" y="100"/>
                  </a:lnTo>
                  <a:lnTo>
                    <a:pt x="333" y="100"/>
                  </a:lnTo>
                  <a:lnTo>
                    <a:pt x="333" y="98"/>
                  </a:lnTo>
                  <a:lnTo>
                    <a:pt x="333" y="96"/>
                  </a:lnTo>
                  <a:lnTo>
                    <a:pt x="335" y="96"/>
                  </a:lnTo>
                  <a:lnTo>
                    <a:pt x="335" y="95"/>
                  </a:lnTo>
                  <a:lnTo>
                    <a:pt x="335" y="93"/>
                  </a:lnTo>
                  <a:lnTo>
                    <a:pt x="335" y="91"/>
                  </a:lnTo>
                  <a:lnTo>
                    <a:pt x="335" y="89"/>
                  </a:lnTo>
                  <a:lnTo>
                    <a:pt x="336" y="87"/>
                  </a:lnTo>
                  <a:lnTo>
                    <a:pt x="338" y="87"/>
                  </a:lnTo>
                  <a:lnTo>
                    <a:pt x="338" y="85"/>
                  </a:lnTo>
                  <a:lnTo>
                    <a:pt x="340" y="85"/>
                  </a:lnTo>
                  <a:lnTo>
                    <a:pt x="340" y="87"/>
                  </a:lnTo>
                  <a:lnTo>
                    <a:pt x="342" y="87"/>
                  </a:lnTo>
                  <a:lnTo>
                    <a:pt x="344" y="87"/>
                  </a:lnTo>
                  <a:lnTo>
                    <a:pt x="344" y="89"/>
                  </a:lnTo>
                  <a:lnTo>
                    <a:pt x="346" y="91"/>
                  </a:lnTo>
                  <a:lnTo>
                    <a:pt x="348" y="91"/>
                  </a:lnTo>
                  <a:lnTo>
                    <a:pt x="348" y="93"/>
                  </a:lnTo>
                  <a:lnTo>
                    <a:pt x="348" y="95"/>
                  </a:lnTo>
                  <a:lnTo>
                    <a:pt x="349" y="98"/>
                  </a:lnTo>
                  <a:lnTo>
                    <a:pt x="349" y="100"/>
                  </a:lnTo>
                  <a:lnTo>
                    <a:pt x="349" y="102"/>
                  </a:lnTo>
                  <a:lnTo>
                    <a:pt x="349" y="104"/>
                  </a:lnTo>
                  <a:lnTo>
                    <a:pt x="348" y="104"/>
                  </a:lnTo>
                  <a:lnTo>
                    <a:pt x="348" y="106"/>
                  </a:lnTo>
                  <a:lnTo>
                    <a:pt x="348" y="107"/>
                  </a:lnTo>
                  <a:lnTo>
                    <a:pt x="346" y="107"/>
                  </a:lnTo>
                  <a:lnTo>
                    <a:pt x="344" y="107"/>
                  </a:lnTo>
                  <a:lnTo>
                    <a:pt x="342" y="107"/>
                  </a:lnTo>
                  <a:lnTo>
                    <a:pt x="342" y="109"/>
                  </a:lnTo>
                  <a:lnTo>
                    <a:pt x="340" y="109"/>
                  </a:lnTo>
                  <a:lnTo>
                    <a:pt x="338" y="109"/>
                  </a:lnTo>
                  <a:lnTo>
                    <a:pt x="336" y="109"/>
                  </a:lnTo>
                  <a:lnTo>
                    <a:pt x="335" y="109"/>
                  </a:lnTo>
                  <a:lnTo>
                    <a:pt x="335" y="111"/>
                  </a:lnTo>
                  <a:lnTo>
                    <a:pt x="335" y="113"/>
                  </a:lnTo>
                  <a:lnTo>
                    <a:pt x="335" y="115"/>
                  </a:lnTo>
                  <a:lnTo>
                    <a:pt x="336" y="117"/>
                  </a:lnTo>
                  <a:lnTo>
                    <a:pt x="338" y="117"/>
                  </a:lnTo>
                  <a:lnTo>
                    <a:pt x="340" y="119"/>
                  </a:lnTo>
                  <a:lnTo>
                    <a:pt x="342" y="117"/>
                  </a:lnTo>
                  <a:lnTo>
                    <a:pt x="344" y="117"/>
                  </a:lnTo>
                  <a:lnTo>
                    <a:pt x="351" y="117"/>
                  </a:lnTo>
                  <a:lnTo>
                    <a:pt x="353" y="115"/>
                  </a:lnTo>
                  <a:lnTo>
                    <a:pt x="357" y="115"/>
                  </a:lnTo>
                  <a:lnTo>
                    <a:pt x="357" y="113"/>
                  </a:lnTo>
                  <a:lnTo>
                    <a:pt x="359" y="113"/>
                  </a:lnTo>
                  <a:lnTo>
                    <a:pt x="361" y="111"/>
                  </a:lnTo>
                  <a:lnTo>
                    <a:pt x="362" y="109"/>
                  </a:lnTo>
                  <a:lnTo>
                    <a:pt x="362" y="107"/>
                  </a:lnTo>
                  <a:lnTo>
                    <a:pt x="364" y="107"/>
                  </a:lnTo>
                  <a:lnTo>
                    <a:pt x="364" y="106"/>
                  </a:lnTo>
                  <a:lnTo>
                    <a:pt x="366" y="104"/>
                  </a:lnTo>
                  <a:lnTo>
                    <a:pt x="366" y="102"/>
                  </a:lnTo>
                  <a:lnTo>
                    <a:pt x="366" y="98"/>
                  </a:lnTo>
                  <a:lnTo>
                    <a:pt x="368" y="96"/>
                  </a:lnTo>
                  <a:lnTo>
                    <a:pt x="368" y="95"/>
                  </a:lnTo>
                  <a:lnTo>
                    <a:pt x="370" y="93"/>
                  </a:lnTo>
                  <a:lnTo>
                    <a:pt x="370" y="91"/>
                  </a:lnTo>
                  <a:lnTo>
                    <a:pt x="370" y="87"/>
                  </a:lnTo>
                  <a:lnTo>
                    <a:pt x="370" y="85"/>
                  </a:lnTo>
                  <a:lnTo>
                    <a:pt x="368" y="83"/>
                  </a:lnTo>
                  <a:lnTo>
                    <a:pt x="366" y="82"/>
                  </a:lnTo>
                  <a:lnTo>
                    <a:pt x="364" y="80"/>
                  </a:lnTo>
                  <a:lnTo>
                    <a:pt x="359" y="74"/>
                  </a:lnTo>
                  <a:lnTo>
                    <a:pt x="357" y="72"/>
                  </a:lnTo>
                  <a:lnTo>
                    <a:pt x="355" y="72"/>
                  </a:lnTo>
                  <a:lnTo>
                    <a:pt x="353" y="69"/>
                  </a:lnTo>
                  <a:lnTo>
                    <a:pt x="351" y="69"/>
                  </a:lnTo>
                  <a:lnTo>
                    <a:pt x="349" y="67"/>
                  </a:lnTo>
                  <a:lnTo>
                    <a:pt x="348" y="69"/>
                  </a:lnTo>
                  <a:lnTo>
                    <a:pt x="346" y="69"/>
                  </a:lnTo>
                  <a:lnTo>
                    <a:pt x="346" y="67"/>
                  </a:lnTo>
                  <a:lnTo>
                    <a:pt x="344" y="67"/>
                  </a:lnTo>
                  <a:lnTo>
                    <a:pt x="342" y="63"/>
                  </a:lnTo>
                  <a:lnTo>
                    <a:pt x="340" y="63"/>
                  </a:lnTo>
                  <a:lnTo>
                    <a:pt x="340" y="59"/>
                  </a:lnTo>
                  <a:lnTo>
                    <a:pt x="338" y="58"/>
                  </a:lnTo>
                  <a:lnTo>
                    <a:pt x="338" y="54"/>
                  </a:lnTo>
                  <a:lnTo>
                    <a:pt x="338" y="52"/>
                  </a:lnTo>
                  <a:lnTo>
                    <a:pt x="338" y="50"/>
                  </a:lnTo>
                  <a:lnTo>
                    <a:pt x="338" y="48"/>
                  </a:lnTo>
                  <a:lnTo>
                    <a:pt x="340" y="46"/>
                  </a:lnTo>
                  <a:lnTo>
                    <a:pt x="340" y="45"/>
                  </a:lnTo>
                  <a:lnTo>
                    <a:pt x="340" y="46"/>
                  </a:lnTo>
                  <a:lnTo>
                    <a:pt x="342" y="46"/>
                  </a:lnTo>
                  <a:lnTo>
                    <a:pt x="344" y="41"/>
                  </a:lnTo>
                  <a:lnTo>
                    <a:pt x="344" y="39"/>
                  </a:lnTo>
                  <a:lnTo>
                    <a:pt x="346" y="37"/>
                  </a:lnTo>
                  <a:lnTo>
                    <a:pt x="346" y="35"/>
                  </a:lnTo>
                  <a:lnTo>
                    <a:pt x="348" y="34"/>
                  </a:lnTo>
                  <a:lnTo>
                    <a:pt x="349" y="34"/>
                  </a:lnTo>
                  <a:lnTo>
                    <a:pt x="351" y="34"/>
                  </a:lnTo>
                  <a:lnTo>
                    <a:pt x="351" y="35"/>
                  </a:lnTo>
                  <a:lnTo>
                    <a:pt x="351" y="37"/>
                  </a:lnTo>
                  <a:lnTo>
                    <a:pt x="353" y="37"/>
                  </a:lnTo>
                  <a:lnTo>
                    <a:pt x="353" y="39"/>
                  </a:lnTo>
                  <a:lnTo>
                    <a:pt x="355" y="39"/>
                  </a:lnTo>
                  <a:lnTo>
                    <a:pt x="355" y="41"/>
                  </a:lnTo>
                  <a:lnTo>
                    <a:pt x="357" y="39"/>
                  </a:lnTo>
                  <a:lnTo>
                    <a:pt x="362" y="37"/>
                  </a:lnTo>
                  <a:lnTo>
                    <a:pt x="364" y="35"/>
                  </a:lnTo>
                  <a:lnTo>
                    <a:pt x="364" y="34"/>
                  </a:lnTo>
                  <a:lnTo>
                    <a:pt x="366" y="34"/>
                  </a:lnTo>
                  <a:lnTo>
                    <a:pt x="366" y="32"/>
                  </a:lnTo>
                  <a:lnTo>
                    <a:pt x="366" y="30"/>
                  </a:lnTo>
                  <a:lnTo>
                    <a:pt x="366" y="28"/>
                  </a:lnTo>
                  <a:lnTo>
                    <a:pt x="366" y="26"/>
                  </a:lnTo>
                  <a:lnTo>
                    <a:pt x="364" y="24"/>
                  </a:lnTo>
                  <a:lnTo>
                    <a:pt x="362" y="11"/>
                  </a:lnTo>
                  <a:lnTo>
                    <a:pt x="362" y="9"/>
                  </a:lnTo>
                  <a:lnTo>
                    <a:pt x="362" y="8"/>
                  </a:lnTo>
                  <a:lnTo>
                    <a:pt x="362" y="6"/>
                  </a:lnTo>
                  <a:lnTo>
                    <a:pt x="364" y="8"/>
                  </a:lnTo>
                  <a:lnTo>
                    <a:pt x="364" y="6"/>
                  </a:lnTo>
                  <a:lnTo>
                    <a:pt x="366" y="6"/>
                  </a:lnTo>
                  <a:lnTo>
                    <a:pt x="368" y="6"/>
                  </a:lnTo>
                  <a:lnTo>
                    <a:pt x="370" y="6"/>
                  </a:lnTo>
                  <a:lnTo>
                    <a:pt x="373" y="4"/>
                  </a:lnTo>
                  <a:lnTo>
                    <a:pt x="375" y="4"/>
                  </a:lnTo>
                  <a:lnTo>
                    <a:pt x="379" y="2"/>
                  </a:lnTo>
                  <a:lnTo>
                    <a:pt x="381" y="2"/>
                  </a:lnTo>
                  <a:lnTo>
                    <a:pt x="383" y="2"/>
                  </a:lnTo>
                  <a:lnTo>
                    <a:pt x="385" y="0"/>
                  </a:lnTo>
                  <a:lnTo>
                    <a:pt x="386" y="0"/>
                  </a:lnTo>
                  <a:lnTo>
                    <a:pt x="388" y="0"/>
                  </a:lnTo>
                  <a:lnTo>
                    <a:pt x="390" y="0"/>
                  </a:lnTo>
                  <a:lnTo>
                    <a:pt x="390" y="2"/>
                  </a:lnTo>
                  <a:lnTo>
                    <a:pt x="392" y="2"/>
                  </a:lnTo>
                  <a:lnTo>
                    <a:pt x="399" y="8"/>
                  </a:lnTo>
                  <a:lnTo>
                    <a:pt x="401" y="9"/>
                  </a:lnTo>
                  <a:lnTo>
                    <a:pt x="403" y="11"/>
                  </a:lnTo>
                  <a:lnTo>
                    <a:pt x="410" y="15"/>
                  </a:lnTo>
                  <a:lnTo>
                    <a:pt x="412" y="17"/>
                  </a:lnTo>
                  <a:lnTo>
                    <a:pt x="416" y="19"/>
                  </a:lnTo>
                  <a:lnTo>
                    <a:pt x="416" y="17"/>
                  </a:lnTo>
                  <a:lnTo>
                    <a:pt x="418" y="17"/>
                  </a:lnTo>
                  <a:lnTo>
                    <a:pt x="420" y="17"/>
                  </a:lnTo>
                  <a:lnTo>
                    <a:pt x="420" y="19"/>
                  </a:lnTo>
                  <a:lnTo>
                    <a:pt x="422" y="19"/>
                  </a:lnTo>
                  <a:lnTo>
                    <a:pt x="423" y="19"/>
                  </a:lnTo>
                  <a:lnTo>
                    <a:pt x="423" y="21"/>
                  </a:lnTo>
                  <a:lnTo>
                    <a:pt x="423" y="22"/>
                  </a:lnTo>
                  <a:lnTo>
                    <a:pt x="425" y="22"/>
                  </a:lnTo>
                  <a:lnTo>
                    <a:pt x="423" y="22"/>
                  </a:lnTo>
                  <a:lnTo>
                    <a:pt x="425" y="22"/>
                  </a:lnTo>
                  <a:lnTo>
                    <a:pt x="425" y="24"/>
                  </a:lnTo>
                  <a:lnTo>
                    <a:pt x="423" y="24"/>
                  </a:lnTo>
                  <a:lnTo>
                    <a:pt x="425" y="24"/>
                  </a:lnTo>
                  <a:lnTo>
                    <a:pt x="425" y="26"/>
                  </a:lnTo>
                  <a:lnTo>
                    <a:pt x="423" y="26"/>
                  </a:lnTo>
                  <a:lnTo>
                    <a:pt x="425" y="26"/>
                  </a:lnTo>
                  <a:lnTo>
                    <a:pt x="425" y="28"/>
                  </a:lnTo>
                  <a:lnTo>
                    <a:pt x="423" y="28"/>
                  </a:lnTo>
                  <a:lnTo>
                    <a:pt x="423" y="30"/>
                  </a:lnTo>
                  <a:lnTo>
                    <a:pt x="423" y="32"/>
                  </a:lnTo>
                  <a:lnTo>
                    <a:pt x="423" y="34"/>
                  </a:lnTo>
                  <a:lnTo>
                    <a:pt x="422" y="35"/>
                  </a:lnTo>
                  <a:lnTo>
                    <a:pt x="423" y="35"/>
                  </a:lnTo>
                  <a:lnTo>
                    <a:pt x="423" y="37"/>
                  </a:lnTo>
                  <a:lnTo>
                    <a:pt x="423" y="39"/>
                  </a:lnTo>
                  <a:lnTo>
                    <a:pt x="425" y="39"/>
                  </a:lnTo>
                  <a:lnTo>
                    <a:pt x="427" y="41"/>
                  </a:lnTo>
                  <a:lnTo>
                    <a:pt x="429" y="43"/>
                  </a:lnTo>
                  <a:lnTo>
                    <a:pt x="431" y="43"/>
                  </a:lnTo>
                  <a:lnTo>
                    <a:pt x="433" y="45"/>
                  </a:lnTo>
                  <a:lnTo>
                    <a:pt x="434" y="45"/>
                  </a:lnTo>
                  <a:lnTo>
                    <a:pt x="434" y="46"/>
                  </a:lnTo>
                  <a:lnTo>
                    <a:pt x="434" y="48"/>
                  </a:lnTo>
                  <a:lnTo>
                    <a:pt x="434" y="50"/>
                  </a:lnTo>
                  <a:lnTo>
                    <a:pt x="436" y="50"/>
                  </a:lnTo>
                  <a:lnTo>
                    <a:pt x="436" y="52"/>
                  </a:lnTo>
                  <a:lnTo>
                    <a:pt x="438" y="52"/>
                  </a:lnTo>
                  <a:lnTo>
                    <a:pt x="438" y="54"/>
                  </a:lnTo>
                  <a:lnTo>
                    <a:pt x="438" y="56"/>
                  </a:lnTo>
                  <a:lnTo>
                    <a:pt x="438" y="58"/>
                  </a:lnTo>
                  <a:lnTo>
                    <a:pt x="436" y="58"/>
                  </a:lnTo>
                  <a:lnTo>
                    <a:pt x="436" y="61"/>
                  </a:lnTo>
                  <a:lnTo>
                    <a:pt x="436" y="63"/>
                  </a:lnTo>
                  <a:lnTo>
                    <a:pt x="436" y="65"/>
                  </a:lnTo>
                  <a:lnTo>
                    <a:pt x="438" y="67"/>
                  </a:lnTo>
                  <a:lnTo>
                    <a:pt x="438" y="69"/>
                  </a:lnTo>
                  <a:lnTo>
                    <a:pt x="438" y="71"/>
                  </a:lnTo>
                  <a:lnTo>
                    <a:pt x="440" y="71"/>
                  </a:lnTo>
                  <a:lnTo>
                    <a:pt x="440" y="72"/>
                  </a:lnTo>
                  <a:lnTo>
                    <a:pt x="440" y="74"/>
                  </a:lnTo>
                  <a:lnTo>
                    <a:pt x="442" y="74"/>
                  </a:lnTo>
                  <a:lnTo>
                    <a:pt x="444" y="74"/>
                  </a:lnTo>
                  <a:lnTo>
                    <a:pt x="444" y="76"/>
                  </a:lnTo>
                  <a:lnTo>
                    <a:pt x="444" y="78"/>
                  </a:lnTo>
                  <a:lnTo>
                    <a:pt x="446" y="80"/>
                  </a:lnTo>
                  <a:lnTo>
                    <a:pt x="446" y="82"/>
                  </a:lnTo>
                  <a:lnTo>
                    <a:pt x="446" y="83"/>
                  </a:lnTo>
                  <a:lnTo>
                    <a:pt x="447" y="83"/>
                  </a:lnTo>
                  <a:lnTo>
                    <a:pt x="447" y="82"/>
                  </a:lnTo>
                  <a:lnTo>
                    <a:pt x="449" y="82"/>
                  </a:lnTo>
                  <a:lnTo>
                    <a:pt x="451" y="87"/>
                  </a:lnTo>
                  <a:lnTo>
                    <a:pt x="451" y="89"/>
                  </a:lnTo>
                  <a:lnTo>
                    <a:pt x="451" y="91"/>
                  </a:lnTo>
                  <a:lnTo>
                    <a:pt x="453" y="91"/>
                  </a:lnTo>
                  <a:lnTo>
                    <a:pt x="455" y="91"/>
                  </a:lnTo>
                  <a:lnTo>
                    <a:pt x="457" y="93"/>
                  </a:lnTo>
                  <a:lnTo>
                    <a:pt x="458" y="93"/>
                  </a:lnTo>
                  <a:lnTo>
                    <a:pt x="460" y="95"/>
                  </a:lnTo>
                  <a:lnTo>
                    <a:pt x="460" y="93"/>
                  </a:lnTo>
                  <a:lnTo>
                    <a:pt x="462" y="93"/>
                  </a:lnTo>
                  <a:lnTo>
                    <a:pt x="462" y="95"/>
                  </a:lnTo>
                  <a:lnTo>
                    <a:pt x="464" y="95"/>
                  </a:lnTo>
                  <a:lnTo>
                    <a:pt x="466" y="95"/>
                  </a:lnTo>
                  <a:lnTo>
                    <a:pt x="468" y="95"/>
                  </a:lnTo>
                  <a:lnTo>
                    <a:pt x="468" y="96"/>
                  </a:lnTo>
                  <a:lnTo>
                    <a:pt x="470" y="98"/>
                  </a:lnTo>
                  <a:lnTo>
                    <a:pt x="471" y="100"/>
                  </a:lnTo>
                  <a:lnTo>
                    <a:pt x="471" y="102"/>
                  </a:lnTo>
                  <a:lnTo>
                    <a:pt x="473" y="102"/>
                  </a:lnTo>
                  <a:lnTo>
                    <a:pt x="479" y="106"/>
                  </a:lnTo>
                  <a:lnTo>
                    <a:pt x="481" y="106"/>
                  </a:lnTo>
                  <a:lnTo>
                    <a:pt x="481" y="104"/>
                  </a:lnTo>
                  <a:lnTo>
                    <a:pt x="483" y="104"/>
                  </a:lnTo>
                  <a:lnTo>
                    <a:pt x="483" y="102"/>
                  </a:lnTo>
                  <a:lnTo>
                    <a:pt x="484" y="102"/>
                  </a:lnTo>
                  <a:lnTo>
                    <a:pt x="486" y="100"/>
                  </a:lnTo>
                  <a:lnTo>
                    <a:pt x="488" y="104"/>
                  </a:lnTo>
                  <a:lnTo>
                    <a:pt x="490" y="104"/>
                  </a:lnTo>
                  <a:lnTo>
                    <a:pt x="492" y="106"/>
                  </a:lnTo>
                  <a:lnTo>
                    <a:pt x="494" y="106"/>
                  </a:lnTo>
                  <a:lnTo>
                    <a:pt x="495" y="107"/>
                  </a:lnTo>
                  <a:lnTo>
                    <a:pt x="495" y="106"/>
                  </a:lnTo>
                  <a:lnTo>
                    <a:pt x="497" y="106"/>
                  </a:lnTo>
                  <a:lnTo>
                    <a:pt x="499" y="106"/>
                  </a:lnTo>
                  <a:lnTo>
                    <a:pt x="499" y="104"/>
                  </a:lnTo>
                  <a:lnTo>
                    <a:pt x="501" y="104"/>
                  </a:lnTo>
                  <a:lnTo>
                    <a:pt x="503" y="104"/>
                  </a:lnTo>
                  <a:lnTo>
                    <a:pt x="508" y="104"/>
                  </a:lnTo>
                  <a:lnTo>
                    <a:pt x="510" y="104"/>
                  </a:lnTo>
                  <a:lnTo>
                    <a:pt x="510" y="106"/>
                  </a:lnTo>
                  <a:lnTo>
                    <a:pt x="512" y="106"/>
                  </a:lnTo>
                  <a:lnTo>
                    <a:pt x="514" y="106"/>
                  </a:lnTo>
                  <a:lnTo>
                    <a:pt x="516" y="106"/>
                  </a:lnTo>
                  <a:lnTo>
                    <a:pt x="518" y="106"/>
                  </a:lnTo>
                  <a:lnTo>
                    <a:pt x="516" y="104"/>
                  </a:lnTo>
                  <a:lnTo>
                    <a:pt x="518" y="104"/>
                  </a:lnTo>
                  <a:lnTo>
                    <a:pt x="519" y="106"/>
                  </a:lnTo>
                  <a:lnTo>
                    <a:pt x="521" y="106"/>
                  </a:lnTo>
                  <a:lnTo>
                    <a:pt x="523" y="104"/>
                  </a:lnTo>
                  <a:lnTo>
                    <a:pt x="525" y="104"/>
                  </a:lnTo>
                  <a:lnTo>
                    <a:pt x="527" y="104"/>
                  </a:lnTo>
                  <a:lnTo>
                    <a:pt x="527" y="102"/>
                  </a:lnTo>
                  <a:lnTo>
                    <a:pt x="527" y="104"/>
                  </a:lnTo>
                  <a:lnTo>
                    <a:pt x="527" y="106"/>
                  </a:lnTo>
                  <a:lnTo>
                    <a:pt x="527" y="107"/>
                  </a:lnTo>
                  <a:lnTo>
                    <a:pt x="527" y="109"/>
                  </a:lnTo>
                  <a:lnTo>
                    <a:pt x="529" y="109"/>
                  </a:lnTo>
                  <a:lnTo>
                    <a:pt x="531" y="109"/>
                  </a:lnTo>
                  <a:lnTo>
                    <a:pt x="531" y="111"/>
                  </a:lnTo>
                  <a:lnTo>
                    <a:pt x="532" y="111"/>
                  </a:lnTo>
                  <a:lnTo>
                    <a:pt x="532" y="109"/>
                  </a:lnTo>
                  <a:lnTo>
                    <a:pt x="534" y="109"/>
                  </a:lnTo>
                  <a:lnTo>
                    <a:pt x="534" y="107"/>
                  </a:lnTo>
                  <a:lnTo>
                    <a:pt x="534" y="106"/>
                  </a:lnTo>
                  <a:lnTo>
                    <a:pt x="536" y="106"/>
                  </a:lnTo>
                  <a:lnTo>
                    <a:pt x="538" y="106"/>
                  </a:lnTo>
                  <a:lnTo>
                    <a:pt x="540" y="106"/>
                  </a:lnTo>
                  <a:lnTo>
                    <a:pt x="540" y="104"/>
                  </a:lnTo>
                  <a:lnTo>
                    <a:pt x="544" y="104"/>
                  </a:lnTo>
                  <a:lnTo>
                    <a:pt x="544" y="102"/>
                  </a:lnTo>
                  <a:lnTo>
                    <a:pt x="545" y="102"/>
                  </a:lnTo>
                  <a:lnTo>
                    <a:pt x="547" y="102"/>
                  </a:lnTo>
                  <a:lnTo>
                    <a:pt x="549" y="100"/>
                  </a:lnTo>
                  <a:lnTo>
                    <a:pt x="549" y="98"/>
                  </a:lnTo>
                  <a:lnTo>
                    <a:pt x="549" y="96"/>
                  </a:lnTo>
                  <a:lnTo>
                    <a:pt x="553" y="96"/>
                  </a:lnTo>
                  <a:lnTo>
                    <a:pt x="553" y="95"/>
                  </a:lnTo>
                  <a:lnTo>
                    <a:pt x="556" y="91"/>
                  </a:lnTo>
                  <a:lnTo>
                    <a:pt x="558" y="91"/>
                  </a:lnTo>
                  <a:lnTo>
                    <a:pt x="558" y="89"/>
                  </a:lnTo>
                  <a:lnTo>
                    <a:pt x="560" y="89"/>
                  </a:lnTo>
                  <a:lnTo>
                    <a:pt x="560" y="87"/>
                  </a:lnTo>
                  <a:lnTo>
                    <a:pt x="562" y="87"/>
                  </a:lnTo>
                  <a:lnTo>
                    <a:pt x="564" y="87"/>
                  </a:lnTo>
                  <a:lnTo>
                    <a:pt x="566" y="87"/>
                  </a:lnTo>
                  <a:lnTo>
                    <a:pt x="566" y="89"/>
                  </a:lnTo>
                  <a:lnTo>
                    <a:pt x="566" y="87"/>
                  </a:lnTo>
                  <a:lnTo>
                    <a:pt x="568" y="87"/>
                  </a:lnTo>
                  <a:lnTo>
                    <a:pt x="568" y="89"/>
                  </a:lnTo>
                  <a:lnTo>
                    <a:pt x="569" y="89"/>
                  </a:lnTo>
                  <a:lnTo>
                    <a:pt x="569" y="91"/>
                  </a:lnTo>
                  <a:lnTo>
                    <a:pt x="571" y="91"/>
                  </a:lnTo>
                  <a:lnTo>
                    <a:pt x="573" y="91"/>
                  </a:lnTo>
                  <a:lnTo>
                    <a:pt x="573" y="89"/>
                  </a:lnTo>
                  <a:lnTo>
                    <a:pt x="573" y="87"/>
                  </a:lnTo>
                  <a:lnTo>
                    <a:pt x="575" y="87"/>
                  </a:lnTo>
                  <a:lnTo>
                    <a:pt x="575" y="85"/>
                  </a:lnTo>
                  <a:lnTo>
                    <a:pt x="577" y="85"/>
                  </a:lnTo>
                  <a:lnTo>
                    <a:pt x="579" y="83"/>
                  </a:lnTo>
                  <a:lnTo>
                    <a:pt x="580" y="83"/>
                  </a:lnTo>
                  <a:lnTo>
                    <a:pt x="580" y="82"/>
                  </a:lnTo>
                  <a:lnTo>
                    <a:pt x="582" y="80"/>
                  </a:lnTo>
                  <a:lnTo>
                    <a:pt x="584" y="78"/>
                  </a:lnTo>
                  <a:lnTo>
                    <a:pt x="584" y="76"/>
                  </a:lnTo>
                  <a:lnTo>
                    <a:pt x="586" y="76"/>
                  </a:lnTo>
                  <a:lnTo>
                    <a:pt x="586" y="72"/>
                  </a:lnTo>
                  <a:lnTo>
                    <a:pt x="586" y="71"/>
                  </a:lnTo>
                  <a:lnTo>
                    <a:pt x="586" y="69"/>
                  </a:lnTo>
                  <a:lnTo>
                    <a:pt x="586" y="65"/>
                  </a:lnTo>
                  <a:lnTo>
                    <a:pt x="588" y="63"/>
                  </a:lnTo>
                  <a:lnTo>
                    <a:pt x="588" y="61"/>
                  </a:lnTo>
                  <a:lnTo>
                    <a:pt x="588" y="56"/>
                  </a:lnTo>
                  <a:lnTo>
                    <a:pt x="592" y="58"/>
                  </a:lnTo>
                  <a:lnTo>
                    <a:pt x="595" y="58"/>
                  </a:lnTo>
                  <a:lnTo>
                    <a:pt x="597" y="58"/>
                  </a:lnTo>
                  <a:lnTo>
                    <a:pt x="599" y="58"/>
                  </a:lnTo>
                  <a:lnTo>
                    <a:pt x="601" y="56"/>
                  </a:lnTo>
                  <a:lnTo>
                    <a:pt x="603" y="56"/>
                  </a:lnTo>
                  <a:lnTo>
                    <a:pt x="603" y="58"/>
                  </a:lnTo>
                  <a:lnTo>
                    <a:pt x="605" y="58"/>
                  </a:lnTo>
                  <a:lnTo>
                    <a:pt x="605" y="56"/>
                  </a:lnTo>
                  <a:lnTo>
                    <a:pt x="606" y="56"/>
                  </a:lnTo>
                  <a:lnTo>
                    <a:pt x="608" y="56"/>
                  </a:lnTo>
                  <a:lnTo>
                    <a:pt x="610" y="56"/>
                  </a:lnTo>
                  <a:lnTo>
                    <a:pt x="612" y="58"/>
                  </a:lnTo>
                  <a:lnTo>
                    <a:pt x="610" y="59"/>
                  </a:lnTo>
                  <a:lnTo>
                    <a:pt x="610" y="61"/>
                  </a:lnTo>
                  <a:lnTo>
                    <a:pt x="610" y="63"/>
                  </a:lnTo>
                  <a:lnTo>
                    <a:pt x="610" y="65"/>
                  </a:lnTo>
                  <a:lnTo>
                    <a:pt x="612" y="65"/>
                  </a:lnTo>
                  <a:lnTo>
                    <a:pt x="612" y="67"/>
                  </a:lnTo>
                  <a:lnTo>
                    <a:pt x="612" y="69"/>
                  </a:lnTo>
                  <a:lnTo>
                    <a:pt x="612" y="71"/>
                  </a:lnTo>
                  <a:lnTo>
                    <a:pt x="612" y="72"/>
                  </a:lnTo>
                  <a:lnTo>
                    <a:pt x="610" y="74"/>
                  </a:lnTo>
                  <a:lnTo>
                    <a:pt x="610" y="76"/>
                  </a:lnTo>
                  <a:lnTo>
                    <a:pt x="612" y="78"/>
                  </a:lnTo>
                  <a:lnTo>
                    <a:pt x="612" y="80"/>
                  </a:lnTo>
                  <a:lnTo>
                    <a:pt x="612" y="82"/>
                  </a:lnTo>
                  <a:lnTo>
                    <a:pt x="612" y="83"/>
                  </a:lnTo>
                  <a:lnTo>
                    <a:pt x="614" y="83"/>
                  </a:lnTo>
                  <a:lnTo>
                    <a:pt x="616" y="83"/>
                  </a:lnTo>
                  <a:lnTo>
                    <a:pt x="617" y="83"/>
                  </a:lnTo>
                  <a:lnTo>
                    <a:pt x="619" y="83"/>
                  </a:lnTo>
                  <a:lnTo>
                    <a:pt x="619" y="85"/>
                  </a:lnTo>
                  <a:lnTo>
                    <a:pt x="621" y="85"/>
                  </a:lnTo>
                  <a:lnTo>
                    <a:pt x="623" y="85"/>
                  </a:lnTo>
                  <a:lnTo>
                    <a:pt x="623" y="87"/>
                  </a:lnTo>
                  <a:lnTo>
                    <a:pt x="625" y="87"/>
                  </a:lnTo>
                  <a:lnTo>
                    <a:pt x="627" y="87"/>
                  </a:lnTo>
                  <a:lnTo>
                    <a:pt x="627" y="89"/>
                  </a:lnTo>
                  <a:lnTo>
                    <a:pt x="627" y="87"/>
                  </a:lnTo>
                  <a:lnTo>
                    <a:pt x="629" y="87"/>
                  </a:lnTo>
                  <a:lnTo>
                    <a:pt x="630" y="89"/>
                  </a:lnTo>
                  <a:lnTo>
                    <a:pt x="632" y="89"/>
                  </a:lnTo>
                  <a:lnTo>
                    <a:pt x="634" y="89"/>
                  </a:lnTo>
                  <a:lnTo>
                    <a:pt x="636" y="89"/>
                  </a:lnTo>
                  <a:lnTo>
                    <a:pt x="638" y="91"/>
                  </a:lnTo>
                  <a:lnTo>
                    <a:pt x="640" y="91"/>
                  </a:lnTo>
                  <a:lnTo>
                    <a:pt x="640" y="93"/>
                  </a:lnTo>
                  <a:lnTo>
                    <a:pt x="641" y="93"/>
                  </a:lnTo>
                  <a:lnTo>
                    <a:pt x="641" y="95"/>
                  </a:lnTo>
                  <a:lnTo>
                    <a:pt x="641" y="96"/>
                  </a:lnTo>
                  <a:lnTo>
                    <a:pt x="641" y="98"/>
                  </a:lnTo>
                  <a:lnTo>
                    <a:pt x="641" y="100"/>
                  </a:lnTo>
                  <a:lnTo>
                    <a:pt x="641" y="102"/>
                  </a:lnTo>
                  <a:lnTo>
                    <a:pt x="643" y="102"/>
                  </a:lnTo>
                  <a:lnTo>
                    <a:pt x="643" y="104"/>
                  </a:lnTo>
                  <a:lnTo>
                    <a:pt x="643" y="106"/>
                  </a:lnTo>
                  <a:lnTo>
                    <a:pt x="643" y="107"/>
                  </a:lnTo>
                  <a:lnTo>
                    <a:pt x="643" y="109"/>
                  </a:lnTo>
                  <a:lnTo>
                    <a:pt x="641" y="109"/>
                  </a:lnTo>
                  <a:lnTo>
                    <a:pt x="641" y="111"/>
                  </a:lnTo>
                  <a:lnTo>
                    <a:pt x="640" y="111"/>
                  </a:lnTo>
                  <a:lnTo>
                    <a:pt x="640" y="113"/>
                  </a:lnTo>
                  <a:lnTo>
                    <a:pt x="640" y="117"/>
                  </a:lnTo>
                  <a:lnTo>
                    <a:pt x="638" y="119"/>
                  </a:lnTo>
                  <a:lnTo>
                    <a:pt x="640" y="119"/>
                  </a:lnTo>
                  <a:lnTo>
                    <a:pt x="640" y="120"/>
                  </a:lnTo>
                  <a:lnTo>
                    <a:pt x="638" y="120"/>
                  </a:lnTo>
                  <a:lnTo>
                    <a:pt x="636" y="120"/>
                  </a:lnTo>
                  <a:lnTo>
                    <a:pt x="636" y="122"/>
                  </a:lnTo>
                  <a:lnTo>
                    <a:pt x="636" y="124"/>
                  </a:lnTo>
                  <a:lnTo>
                    <a:pt x="634" y="124"/>
                  </a:lnTo>
                  <a:lnTo>
                    <a:pt x="634" y="126"/>
                  </a:lnTo>
                  <a:lnTo>
                    <a:pt x="634" y="128"/>
                  </a:lnTo>
                  <a:lnTo>
                    <a:pt x="630" y="128"/>
                  </a:lnTo>
                  <a:lnTo>
                    <a:pt x="630" y="132"/>
                  </a:lnTo>
                  <a:lnTo>
                    <a:pt x="629" y="130"/>
                  </a:lnTo>
                  <a:lnTo>
                    <a:pt x="627" y="130"/>
                  </a:lnTo>
                  <a:lnTo>
                    <a:pt x="627" y="132"/>
                  </a:lnTo>
                  <a:lnTo>
                    <a:pt x="625" y="132"/>
                  </a:lnTo>
                  <a:lnTo>
                    <a:pt x="625" y="133"/>
                  </a:lnTo>
                  <a:lnTo>
                    <a:pt x="623" y="133"/>
                  </a:lnTo>
                  <a:lnTo>
                    <a:pt x="623" y="137"/>
                  </a:lnTo>
                  <a:lnTo>
                    <a:pt x="625" y="137"/>
                  </a:lnTo>
                  <a:lnTo>
                    <a:pt x="625" y="139"/>
                  </a:lnTo>
                  <a:lnTo>
                    <a:pt x="623" y="139"/>
                  </a:lnTo>
                  <a:lnTo>
                    <a:pt x="621" y="143"/>
                  </a:lnTo>
                  <a:lnTo>
                    <a:pt x="625" y="143"/>
                  </a:lnTo>
                  <a:lnTo>
                    <a:pt x="623" y="144"/>
                  </a:lnTo>
                  <a:lnTo>
                    <a:pt x="625" y="144"/>
                  </a:lnTo>
                  <a:lnTo>
                    <a:pt x="625" y="146"/>
                  </a:lnTo>
                  <a:lnTo>
                    <a:pt x="623" y="146"/>
                  </a:lnTo>
                  <a:lnTo>
                    <a:pt x="623" y="148"/>
                  </a:lnTo>
                  <a:lnTo>
                    <a:pt x="621" y="150"/>
                  </a:lnTo>
                  <a:lnTo>
                    <a:pt x="623" y="152"/>
                  </a:lnTo>
                  <a:lnTo>
                    <a:pt x="623" y="154"/>
                  </a:lnTo>
                  <a:lnTo>
                    <a:pt x="625" y="154"/>
                  </a:lnTo>
                  <a:lnTo>
                    <a:pt x="625" y="156"/>
                  </a:lnTo>
                  <a:lnTo>
                    <a:pt x="623" y="156"/>
                  </a:lnTo>
                  <a:lnTo>
                    <a:pt x="621" y="156"/>
                  </a:lnTo>
                  <a:lnTo>
                    <a:pt x="621" y="157"/>
                  </a:lnTo>
                  <a:lnTo>
                    <a:pt x="617" y="157"/>
                  </a:lnTo>
                  <a:lnTo>
                    <a:pt x="617" y="159"/>
                  </a:lnTo>
                  <a:lnTo>
                    <a:pt x="616" y="159"/>
                  </a:lnTo>
                  <a:lnTo>
                    <a:pt x="614" y="161"/>
                  </a:lnTo>
                  <a:lnTo>
                    <a:pt x="612" y="161"/>
                  </a:lnTo>
                  <a:lnTo>
                    <a:pt x="612" y="163"/>
                  </a:lnTo>
                  <a:lnTo>
                    <a:pt x="612" y="165"/>
                  </a:lnTo>
                  <a:lnTo>
                    <a:pt x="612" y="167"/>
                  </a:lnTo>
                  <a:lnTo>
                    <a:pt x="612" y="169"/>
                  </a:lnTo>
                  <a:lnTo>
                    <a:pt x="612" y="170"/>
                  </a:lnTo>
                  <a:lnTo>
                    <a:pt x="610" y="172"/>
                  </a:lnTo>
                  <a:lnTo>
                    <a:pt x="612" y="172"/>
                  </a:lnTo>
                  <a:lnTo>
                    <a:pt x="612" y="174"/>
                  </a:lnTo>
                  <a:lnTo>
                    <a:pt x="610" y="174"/>
                  </a:lnTo>
                  <a:lnTo>
                    <a:pt x="610" y="176"/>
                  </a:lnTo>
                  <a:lnTo>
                    <a:pt x="610" y="178"/>
                  </a:lnTo>
                  <a:lnTo>
                    <a:pt x="610" y="180"/>
                  </a:lnTo>
                  <a:lnTo>
                    <a:pt x="610" y="181"/>
                  </a:lnTo>
                  <a:lnTo>
                    <a:pt x="608" y="181"/>
                  </a:lnTo>
                  <a:lnTo>
                    <a:pt x="608" y="183"/>
                  </a:lnTo>
                  <a:lnTo>
                    <a:pt x="610" y="183"/>
                  </a:lnTo>
                  <a:lnTo>
                    <a:pt x="610" y="185"/>
                  </a:lnTo>
                  <a:lnTo>
                    <a:pt x="610" y="187"/>
                  </a:lnTo>
                  <a:lnTo>
                    <a:pt x="608" y="187"/>
                  </a:lnTo>
                  <a:lnTo>
                    <a:pt x="608" y="185"/>
                  </a:lnTo>
                  <a:lnTo>
                    <a:pt x="606" y="185"/>
                  </a:lnTo>
                  <a:lnTo>
                    <a:pt x="605" y="185"/>
                  </a:lnTo>
                  <a:lnTo>
                    <a:pt x="605" y="183"/>
                  </a:lnTo>
                  <a:lnTo>
                    <a:pt x="603" y="183"/>
                  </a:lnTo>
                  <a:lnTo>
                    <a:pt x="601" y="183"/>
                  </a:lnTo>
                  <a:lnTo>
                    <a:pt x="599" y="183"/>
                  </a:lnTo>
                  <a:lnTo>
                    <a:pt x="597" y="183"/>
                  </a:lnTo>
                  <a:lnTo>
                    <a:pt x="595" y="183"/>
                  </a:lnTo>
                  <a:lnTo>
                    <a:pt x="592" y="181"/>
                  </a:lnTo>
                  <a:lnTo>
                    <a:pt x="590" y="181"/>
                  </a:lnTo>
                  <a:lnTo>
                    <a:pt x="590" y="180"/>
                  </a:lnTo>
                  <a:lnTo>
                    <a:pt x="590" y="178"/>
                  </a:lnTo>
                  <a:lnTo>
                    <a:pt x="592" y="176"/>
                  </a:lnTo>
                  <a:lnTo>
                    <a:pt x="592" y="174"/>
                  </a:lnTo>
                  <a:lnTo>
                    <a:pt x="592" y="172"/>
                  </a:lnTo>
                  <a:lnTo>
                    <a:pt x="593" y="172"/>
                  </a:lnTo>
                  <a:lnTo>
                    <a:pt x="592" y="170"/>
                  </a:lnTo>
                  <a:lnTo>
                    <a:pt x="590" y="170"/>
                  </a:lnTo>
                  <a:lnTo>
                    <a:pt x="588" y="170"/>
                  </a:lnTo>
                  <a:lnTo>
                    <a:pt x="588" y="169"/>
                  </a:lnTo>
                  <a:lnTo>
                    <a:pt x="586" y="169"/>
                  </a:lnTo>
                  <a:lnTo>
                    <a:pt x="584" y="169"/>
                  </a:lnTo>
                  <a:lnTo>
                    <a:pt x="584" y="167"/>
                  </a:lnTo>
                  <a:lnTo>
                    <a:pt x="582" y="167"/>
                  </a:lnTo>
                  <a:lnTo>
                    <a:pt x="582" y="165"/>
                  </a:lnTo>
                  <a:lnTo>
                    <a:pt x="580" y="165"/>
                  </a:lnTo>
                  <a:lnTo>
                    <a:pt x="579" y="165"/>
                  </a:lnTo>
                  <a:lnTo>
                    <a:pt x="579" y="163"/>
                  </a:lnTo>
                  <a:lnTo>
                    <a:pt x="577" y="163"/>
                  </a:lnTo>
                  <a:lnTo>
                    <a:pt x="575" y="163"/>
                  </a:lnTo>
                  <a:lnTo>
                    <a:pt x="573" y="163"/>
                  </a:lnTo>
                  <a:lnTo>
                    <a:pt x="575" y="163"/>
                  </a:lnTo>
                  <a:lnTo>
                    <a:pt x="573" y="163"/>
                  </a:lnTo>
                  <a:lnTo>
                    <a:pt x="573" y="161"/>
                  </a:lnTo>
                  <a:lnTo>
                    <a:pt x="571" y="161"/>
                  </a:lnTo>
                  <a:lnTo>
                    <a:pt x="573" y="161"/>
                  </a:lnTo>
                  <a:lnTo>
                    <a:pt x="571" y="161"/>
                  </a:lnTo>
                  <a:lnTo>
                    <a:pt x="571" y="159"/>
                  </a:lnTo>
                  <a:lnTo>
                    <a:pt x="569" y="159"/>
                  </a:lnTo>
                  <a:lnTo>
                    <a:pt x="568" y="159"/>
                  </a:lnTo>
                  <a:lnTo>
                    <a:pt x="566" y="159"/>
                  </a:lnTo>
                  <a:lnTo>
                    <a:pt x="564" y="159"/>
                  </a:lnTo>
                  <a:lnTo>
                    <a:pt x="562" y="157"/>
                  </a:lnTo>
                  <a:lnTo>
                    <a:pt x="560" y="157"/>
                  </a:lnTo>
                  <a:lnTo>
                    <a:pt x="560" y="156"/>
                  </a:lnTo>
                  <a:lnTo>
                    <a:pt x="558" y="156"/>
                  </a:lnTo>
                  <a:lnTo>
                    <a:pt x="556" y="154"/>
                  </a:lnTo>
                  <a:lnTo>
                    <a:pt x="555" y="154"/>
                  </a:lnTo>
                  <a:lnTo>
                    <a:pt x="553" y="154"/>
                  </a:lnTo>
                  <a:lnTo>
                    <a:pt x="553" y="152"/>
                  </a:lnTo>
                  <a:lnTo>
                    <a:pt x="551" y="152"/>
                  </a:lnTo>
                  <a:lnTo>
                    <a:pt x="551" y="154"/>
                  </a:lnTo>
                  <a:lnTo>
                    <a:pt x="549" y="152"/>
                  </a:lnTo>
                  <a:lnTo>
                    <a:pt x="549" y="154"/>
                  </a:lnTo>
                  <a:lnTo>
                    <a:pt x="547" y="154"/>
                  </a:lnTo>
                  <a:lnTo>
                    <a:pt x="547" y="156"/>
                  </a:lnTo>
                  <a:lnTo>
                    <a:pt x="545" y="156"/>
                  </a:lnTo>
                  <a:lnTo>
                    <a:pt x="544" y="156"/>
                  </a:lnTo>
                  <a:lnTo>
                    <a:pt x="544" y="154"/>
                  </a:lnTo>
                  <a:lnTo>
                    <a:pt x="542" y="152"/>
                  </a:lnTo>
                  <a:lnTo>
                    <a:pt x="540" y="152"/>
                  </a:lnTo>
                  <a:lnTo>
                    <a:pt x="540" y="150"/>
                  </a:lnTo>
                  <a:lnTo>
                    <a:pt x="538" y="150"/>
                  </a:lnTo>
                  <a:lnTo>
                    <a:pt x="538" y="148"/>
                  </a:lnTo>
                  <a:lnTo>
                    <a:pt x="536" y="148"/>
                  </a:lnTo>
                  <a:lnTo>
                    <a:pt x="536" y="146"/>
                  </a:lnTo>
                  <a:lnTo>
                    <a:pt x="534" y="143"/>
                  </a:lnTo>
                  <a:lnTo>
                    <a:pt x="534" y="144"/>
                  </a:lnTo>
                  <a:lnTo>
                    <a:pt x="532" y="144"/>
                  </a:lnTo>
                  <a:lnTo>
                    <a:pt x="532" y="146"/>
                  </a:lnTo>
                  <a:lnTo>
                    <a:pt x="531" y="146"/>
                  </a:lnTo>
                  <a:lnTo>
                    <a:pt x="531" y="148"/>
                  </a:lnTo>
                  <a:lnTo>
                    <a:pt x="531" y="150"/>
                  </a:lnTo>
                  <a:lnTo>
                    <a:pt x="532" y="150"/>
                  </a:lnTo>
                  <a:lnTo>
                    <a:pt x="532" y="152"/>
                  </a:lnTo>
                  <a:lnTo>
                    <a:pt x="532" y="154"/>
                  </a:lnTo>
                  <a:lnTo>
                    <a:pt x="532" y="156"/>
                  </a:lnTo>
                  <a:lnTo>
                    <a:pt x="531" y="156"/>
                  </a:lnTo>
                  <a:lnTo>
                    <a:pt x="531" y="157"/>
                  </a:lnTo>
                  <a:lnTo>
                    <a:pt x="531" y="159"/>
                  </a:lnTo>
                  <a:lnTo>
                    <a:pt x="532" y="161"/>
                  </a:lnTo>
                  <a:lnTo>
                    <a:pt x="532" y="163"/>
                  </a:lnTo>
                  <a:lnTo>
                    <a:pt x="531" y="163"/>
                  </a:lnTo>
                  <a:lnTo>
                    <a:pt x="529" y="163"/>
                  </a:lnTo>
                  <a:lnTo>
                    <a:pt x="527" y="165"/>
                  </a:lnTo>
                  <a:lnTo>
                    <a:pt x="527" y="167"/>
                  </a:lnTo>
                  <a:lnTo>
                    <a:pt x="527" y="165"/>
                  </a:lnTo>
                  <a:lnTo>
                    <a:pt x="525" y="167"/>
                  </a:lnTo>
                  <a:lnTo>
                    <a:pt x="523" y="167"/>
                  </a:lnTo>
                  <a:lnTo>
                    <a:pt x="523" y="172"/>
                  </a:lnTo>
                  <a:lnTo>
                    <a:pt x="523" y="174"/>
                  </a:lnTo>
                  <a:lnTo>
                    <a:pt x="525" y="174"/>
                  </a:lnTo>
                  <a:lnTo>
                    <a:pt x="525" y="176"/>
                  </a:lnTo>
                  <a:lnTo>
                    <a:pt x="527" y="176"/>
                  </a:lnTo>
                  <a:lnTo>
                    <a:pt x="527" y="178"/>
                  </a:lnTo>
                  <a:lnTo>
                    <a:pt x="527" y="180"/>
                  </a:lnTo>
                  <a:lnTo>
                    <a:pt x="527" y="181"/>
                  </a:lnTo>
                  <a:lnTo>
                    <a:pt x="529" y="183"/>
                  </a:lnTo>
                  <a:lnTo>
                    <a:pt x="529" y="185"/>
                  </a:lnTo>
                  <a:lnTo>
                    <a:pt x="531" y="185"/>
                  </a:lnTo>
                  <a:lnTo>
                    <a:pt x="532" y="187"/>
                  </a:lnTo>
                  <a:lnTo>
                    <a:pt x="532" y="189"/>
                  </a:lnTo>
                  <a:lnTo>
                    <a:pt x="534" y="189"/>
                  </a:lnTo>
                  <a:lnTo>
                    <a:pt x="536" y="191"/>
                  </a:lnTo>
                  <a:lnTo>
                    <a:pt x="534" y="191"/>
                  </a:lnTo>
                  <a:lnTo>
                    <a:pt x="536" y="193"/>
                  </a:lnTo>
                  <a:lnTo>
                    <a:pt x="534" y="193"/>
                  </a:lnTo>
                  <a:lnTo>
                    <a:pt x="534" y="194"/>
                  </a:lnTo>
                  <a:lnTo>
                    <a:pt x="532" y="196"/>
                  </a:lnTo>
                  <a:lnTo>
                    <a:pt x="532" y="198"/>
                  </a:lnTo>
                  <a:lnTo>
                    <a:pt x="534" y="198"/>
                  </a:lnTo>
                  <a:lnTo>
                    <a:pt x="534" y="200"/>
                  </a:lnTo>
                  <a:lnTo>
                    <a:pt x="536" y="206"/>
                  </a:lnTo>
                  <a:lnTo>
                    <a:pt x="538" y="206"/>
                  </a:lnTo>
                  <a:lnTo>
                    <a:pt x="542" y="206"/>
                  </a:lnTo>
                  <a:lnTo>
                    <a:pt x="545" y="206"/>
                  </a:lnTo>
                  <a:lnTo>
                    <a:pt x="545" y="204"/>
                  </a:lnTo>
                  <a:lnTo>
                    <a:pt x="547" y="204"/>
                  </a:lnTo>
                  <a:lnTo>
                    <a:pt x="549" y="204"/>
                  </a:lnTo>
                  <a:lnTo>
                    <a:pt x="553" y="204"/>
                  </a:lnTo>
                  <a:lnTo>
                    <a:pt x="555" y="204"/>
                  </a:lnTo>
                  <a:lnTo>
                    <a:pt x="556" y="204"/>
                  </a:lnTo>
                  <a:lnTo>
                    <a:pt x="558" y="206"/>
                  </a:lnTo>
                  <a:lnTo>
                    <a:pt x="560" y="206"/>
                  </a:lnTo>
                  <a:lnTo>
                    <a:pt x="562" y="206"/>
                  </a:lnTo>
                  <a:lnTo>
                    <a:pt x="605" y="220"/>
                  </a:lnTo>
                  <a:lnTo>
                    <a:pt x="616" y="224"/>
                  </a:lnTo>
                  <a:lnTo>
                    <a:pt x="616" y="226"/>
                  </a:lnTo>
                  <a:lnTo>
                    <a:pt x="614" y="224"/>
                  </a:lnTo>
                  <a:lnTo>
                    <a:pt x="610" y="224"/>
                  </a:lnTo>
                  <a:lnTo>
                    <a:pt x="608" y="228"/>
                  </a:lnTo>
                  <a:lnTo>
                    <a:pt x="616" y="231"/>
                  </a:lnTo>
                  <a:lnTo>
                    <a:pt x="616" y="235"/>
                  </a:lnTo>
                  <a:lnTo>
                    <a:pt x="614" y="239"/>
                  </a:lnTo>
                  <a:lnTo>
                    <a:pt x="614" y="241"/>
                  </a:lnTo>
                  <a:lnTo>
                    <a:pt x="619" y="241"/>
                  </a:lnTo>
                  <a:lnTo>
                    <a:pt x="617" y="246"/>
                  </a:lnTo>
                  <a:lnTo>
                    <a:pt x="621" y="248"/>
                  </a:lnTo>
                  <a:lnTo>
                    <a:pt x="627" y="250"/>
                  </a:lnTo>
                  <a:lnTo>
                    <a:pt x="630" y="250"/>
                  </a:lnTo>
                  <a:lnTo>
                    <a:pt x="632" y="246"/>
                  </a:lnTo>
                  <a:lnTo>
                    <a:pt x="634" y="246"/>
                  </a:lnTo>
                  <a:lnTo>
                    <a:pt x="636" y="244"/>
                  </a:lnTo>
                  <a:lnTo>
                    <a:pt x="638" y="246"/>
                  </a:lnTo>
                  <a:lnTo>
                    <a:pt x="638" y="243"/>
                  </a:lnTo>
                  <a:lnTo>
                    <a:pt x="640" y="244"/>
                  </a:lnTo>
                  <a:lnTo>
                    <a:pt x="649" y="246"/>
                  </a:lnTo>
                  <a:lnTo>
                    <a:pt x="651" y="244"/>
                  </a:lnTo>
                  <a:lnTo>
                    <a:pt x="651" y="243"/>
                  </a:lnTo>
                  <a:lnTo>
                    <a:pt x="662" y="246"/>
                  </a:lnTo>
                  <a:lnTo>
                    <a:pt x="660" y="252"/>
                  </a:lnTo>
                  <a:lnTo>
                    <a:pt x="662" y="252"/>
                  </a:lnTo>
                  <a:lnTo>
                    <a:pt x="662" y="259"/>
                  </a:lnTo>
                  <a:lnTo>
                    <a:pt x="666" y="257"/>
                  </a:lnTo>
                  <a:lnTo>
                    <a:pt x="669" y="257"/>
                  </a:lnTo>
                  <a:lnTo>
                    <a:pt x="669" y="263"/>
                  </a:lnTo>
                  <a:lnTo>
                    <a:pt x="678" y="261"/>
                  </a:lnTo>
                  <a:lnTo>
                    <a:pt x="678" y="263"/>
                  </a:lnTo>
                  <a:lnTo>
                    <a:pt x="678" y="265"/>
                  </a:lnTo>
                  <a:lnTo>
                    <a:pt x="678" y="267"/>
                  </a:lnTo>
                  <a:lnTo>
                    <a:pt x="678" y="268"/>
                  </a:lnTo>
                  <a:lnTo>
                    <a:pt x="677" y="268"/>
                  </a:lnTo>
                  <a:lnTo>
                    <a:pt x="675" y="268"/>
                  </a:lnTo>
                  <a:lnTo>
                    <a:pt x="673" y="268"/>
                  </a:lnTo>
                  <a:lnTo>
                    <a:pt x="671" y="268"/>
                  </a:lnTo>
                  <a:lnTo>
                    <a:pt x="669" y="268"/>
                  </a:lnTo>
                  <a:lnTo>
                    <a:pt x="667" y="268"/>
                  </a:lnTo>
                  <a:lnTo>
                    <a:pt x="666" y="270"/>
                  </a:lnTo>
                  <a:lnTo>
                    <a:pt x="664" y="270"/>
                  </a:lnTo>
                  <a:lnTo>
                    <a:pt x="664" y="272"/>
                  </a:lnTo>
                  <a:lnTo>
                    <a:pt x="664" y="274"/>
                  </a:lnTo>
                  <a:lnTo>
                    <a:pt x="662" y="276"/>
                  </a:lnTo>
                  <a:lnTo>
                    <a:pt x="660" y="276"/>
                  </a:lnTo>
                  <a:lnTo>
                    <a:pt x="658" y="276"/>
                  </a:lnTo>
                  <a:lnTo>
                    <a:pt x="658" y="274"/>
                  </a:lnTo>
                  <a:lnTo>
                    <a:pt x="656" y="274"/>
                  </a:lnTo>
                  <a:lnTo>
                    <a:pt x="653" y="274"/>
                  </a:lnTo>
                  <a:lnTo>
                    <a:pt x="651" y="274"/>
                  </a:lnTo>
                  <a:lnTo>
                    <a:pt x="649" y="274"/>
                  </a:lnTo>
                  <a:lnTo>
                    <a:pt x="649" y="276"/>
                  </a:lnTo>
                  <a:lnTo>
                    <a:pt x="649" y="278"/>
                  </a:lnTo>
                  <a:lnTo>
                    <a:pt x="647" y="278"/>
                  </a:lnTo>
                  <a:lnTo>
                    <a:pt x="647" y="280"/>
                  </a:lnTo>
                  <a:lnTo>
                    <a:pt x="647" y="281"/>
                  </a:lnTo>
                  <a:lnTo>
                    <a:pt x="649" y="281"/>
                  </a:lnTo>
                  <a:lnTo>
                    <a:pt x="649" y="283"/>
                  </a:lnTo>
                  <a:lnTo>
                    <a:pt x="651" y="285"/>
                  </a:lnTo>
                  <a:lnTo>
                    <a:pt x="649" y="287"/>
                  </a:lnTo>
                  <a:lnTo>
                    <a:pt x="651" y="287"/>
                  </a:lnTo>
                  <a:lnTo>
                    <a:pt x="651" y="289"/>
                  </a:lnTo>
                  <a:lnTo>
                    <a:pt x="651" y="291"/>
                  </a:lnTo>
                  <a:lnTo>
                    <a:pt x="653" y="291"/>
                  </a:lnTo>
                  <a:lnTo>
                    <a:pt x="653" y="292"/>
                  </a:lnTo>
                  <a:lnTo>
                    <a:pt x="654" y="292"/>
                  </a:lnTo>
                  <a:lnTo>
                    <a:pt x="653" y="292"/>
                  </a:lnTo>
                  <a:lnTo>
                    <a:pt x="653" y="294"/>
                  </a:lnTo>
                  <a:lnTo>
                    <a:pt x="653" y="296"/>
                  </a:lnTo>
                  <a:lnTo>
                    <a:pt x="654" y="296"/>
                  </a:lnTo>
                  <a:lnTo>
                    <a:pt x="654" y="298"/>
                  </a:lnTo>
                  <a:lnTo>
                    <a:pt x="656" y="300"/>
                  </a:lnTo>
                  <a:lnTo>
                    <a:pt x="656" y="302"/>
                  </a:lnTo>
                  <a:lnTo>
                    <a:pt x="654" y="302"/>
                  </a:lnTo>
                  <a:lnTo>
                    <a:pt x="656" y="302"/>
                  </a:lnTo>
                  <a:lnTo>
                    <a:pt x="656" y="304"/>
                  </a:lnTo>
                  <a:lnTo>
                    <a:pt x="658" y="304"/>
                  </a:lnTo>
                  <a:lnTo>
                    <a:pt x="660" y="307"/>
                  </a:lnTo>
                  <a:lnTo>
                    <a:pt x="662" y="309"/>
                  </a:lnTo>
                  <a:lnTo>
                    <a:pt x="662" y="311"/>
                  </a:lnTo>
                  <a:lnTo>
                    <a:pt x="664" y="311"/>
                  </a:lnTo>
                  <a:lnTo>
                    <a:pt x="664" y="313"/>
                  </a:lnTo>
                  <a:lnTo>
                    <a:pt x="664" y="315"/>
                  </a:lnTo>
                  <a:lnTo>
                    <a:pt x="664" y="317"/>
                  </a:lnTo>
                  <a:lnTo>
                    <a:pt x="666" y="315"/>
                  </a:lnTo>
                  <a:lnTo>
                    <a:pt x="666" y="317"/>
                  </a:lnTo>
                  <a:lnTo>
                    <a:pt x="666" y="318"/>
                  </a:lnTo>
                  <a:lnTo>
                    <a:pt x="666" y="320"/>
                  </a:lnTo>
                  <a:lnTo>
                    <a:pt x="666" y="324"/>
                  </a:lnTo>
                  <a:lnTo>
                    <a:pt x="666" y="326"/>
                  </a:lnTo>
                  <a:lnTo>
                    <a:pt x="669" y="326"/>
                  </a:lnTo>
                  <a:lnTo>
                    <a:pt x="669" y="328"/>
                  </a:lnTo>
                  <a:lnTo>
                    <a:pt x="671" y="328"/>
                  </a:lnTo>
                  <a:lnTo>
                    <a:pt x="675" y="328"/>
                  </a:lnTo>
                  <a:lnTo>
                    <a:pt x="677" y="328"/>
                  </a:lnTo>
                  <a:lnTo>
                    <a:pt x="678" y="328"/>
                  </a:lnTo>
                  <a:lnTo>
                    <a:pt x="680" y="328"/>
                  </a:lnTo>
                  <a:lnTo>
                    <a:pt x="682" y="328"/>
                  </a:lnTo>
                  <a:lnTo>
                    <a:pt x="686" y="328"/>
                  </a:lnTo>
                  <a:lnTo>
                    <a:pt x="686" y="329"/>
                  </a:lnTo>
                  <a:lnTo>
                    <a:pt x="688" y="329"/>
                  </a:lnTo>
                  <a:lnTo>
                    <a:pt x="690" y="329"/>
                  </a:lnTo>
                  <a:lnTo>
                    <a:pt x="691" y="329"/>
                  </a:lnTo>
                  <a:lnTo>
                    <a:pt x="693" y="329"/>
                  </a:lnTo>
                  <a:lnTo>
                    <a:pt x="697" y="329"/>
                  </a:lnTo>
                  <a:lnTo>
                    <a:pt x="699" y="329"/>
                  </a:lnTo>
                  <a:lnTo>
                    <a:pt x="701" y="329"/>
                  </a:lnTo>
                  <a:lnTo>
                    <a:pt x="702" y="329"/>
                  </a:lnTo>
                  <a:lnTo>
                    <a:pt x="704" y="329"/>
                  </a:lnTo>
                  <a:lnTo>
                    <a:pt x="706" y="329"/>
                  </a:lnTo>
                  <a:lnTo>
                    <a:pt x="708" y="329"/>
                  </a:lnTo>
                  <a:lnTo>
                    <a:pt x="710" y="329"/>
                  </a:lnTo>
                  <a:lnTo>
                    <a:pt x="710" y="331"/>
                  </a:lnTo>
                  <a:lnTo>
                    <a:pt x="712" y="331"/>
                  </a:lnTo>
                  <a:lnTo>
                    <a:pt x="714" y="331"/>
                  </a:lnTo>
                  <a:lnTo>
                    <a:pt x="714" y="333"/>
                  </a:lnTo>
                  <a:lnTo>
                    <a:pt x="715" y="333"/>
                  </a:lnTo>
                  <a:lnTo>
                    <a:pt x="717" y="333"/>
                  </a:lnTo>
                  <a:lnTo>
                    <a:pt x="717" y="335"/>
                  </a:lnTo>
                  <a:lnTo>
                    <a:pt x="721" y="335"/>
                  </a:lnTo>
                  <a:lnTo>
                    <a:pt x="719" y="335"/>
                  </a:lnTo>
                  <a:lnTo>
                    <a:pt x="721" y="333"/>
                  </a:lnTo>
                  <a:lnTo>
                    <a:pt x="723" y="333"/>
                  </a:lnTo>
                  <a:lnTo>
                    <a:pt x="723" y="331"/>
                  </a:lnTo>
                  <a:lnTo>
                    <a:pt x="725" y="331"/>
                  </a:lnTo>
                  <a:lnTo>
                    <a:pt x="727" y="333"/>
                  </a:lnTo>
                  <a:lnTo>
                    <a:pt x="728" y="333"/>
                  </a:lnTo>
                  <a:lnTo>
                    <a:pt x="730" y="333"/>
                  </a:lnTo>
                  <a:lnTo>
                    <a:pt x="730" y="335"/>
                  </a:lnTo>
                  <a:lnTo>
                    <a:pt x="732" y="335"/>
                  </a:lnTo>
                  <a:lnTo>
                    <a:pt x="734" y="335"/>
                  </a:lnTo>
                  <a:lnTo>
                    <a:pt x="736" y="335"/>
                  </a:lnTo>
                  <a:lnTo>
                    <a:pt x="738" y="337"/>
                  </a:lnTo>
                  <a:lnTo>
                    <a:pt x="739" y="337"/>
                  </a:lnTo>
                  <a:lnTo>
                    <a:pt x="741" y="337"/>
                  </a:lnTo>
                  <a:lnTo>
                    <a:pt x="743" y="339"/>
                  </a:lnTo>
                  <a:lnTo>
                    <a:pt x="745" y="341"/>
                  </a:lnTo>
                  <a:lnTo>
                    <a:pt x="743" y="346"/>
                  </a:lnTo>
                  <a:lnTo>
                    <a:pt x="743" y="348"/>
                  </a:lnTo>
                  <a:lnTo>
                    <a:pt x="743" y="350"/>
                  </a:lnTo>
                  <a:lnTo>
                    <a:pt x="741" y="352"/>
                  </a:lnTo>
                  <a:lnTo>
                    <a:pt x="743" y="354"/>
                  </a:lnTo>
                  <a:lnTo>
                    <a:pt x="743" y="355"/>
                  </a:lnTo>
                  <a:lnTo>
                    <a:pt x="743" y="357"/>
                  </a:lnTo>
                  <a:lnTo>
                    <a:pt x="743" y="359"/>
                  </a:lnTo>
                  <a:lnTo>
                    <a:pt x="743" y="361"/>
                  </a:lnTo>
                  <a:lnTo>
                    <a:pt x="743" y="363"/>
                  </a:lnTo>
                  <a:lnTo>
                    <a:pt x="743" y="365"/>
                  </a:lnTo>
                  <a:lnTo>
                    <a:pt x="743" y="366"/>
                  </a:lnTo>
                  <a:lnTo>
                    <a:pt x="745" y="368"/>
                  </a:lnTo>
                  <a:lnTo>
                    <a:pt x="745" y="370"/>
                  </a:lnTo>
                  <a:lnTo>
                    <a:pt x="745" y="372"/>
                  </a:lnTo>
                  <a:lnTo>
                    <a:pt x="745" y="374"/>
                  </a:lnTo>
                  <a:lnTo>
                    <a:pt x="743" y="374"/>
                  </a:lnTo>
                  <a:lnTo>
                    <a:pt x="743" y="376"/>
                  </a:lnTo>
                  <a:lnTo>
                    <a:pt x="743" y="378"/>
                  </a:lnTo>
                  <a:lnTo>
                    <a:pt x="743" y="379"/>
                  </a:lnTo>
                  <a:lnTo>
                    <a:pt x="743" y="381"/>
                  </a:lnTo>
                  <a:lnTo>
                    <a:pt x="743" y="383"/>
                  </a:lnTo>
                  <a:lnTo>
                    <a:pt x="741" y="383"/>
                  </a:lnTo>
                  <a:lnTo>
                    <a:pt x="741" y="385"/>
                  </a:lnTo>
                  <a:lnTo>
                    <a:pt x="739" y="389"/>
                  </a:lnTo>
                  <a:lnTo>
                    <a:pt x="738" y="389"/>
                  </a:lnTo>
                  <a:lnTo>
                    <a:pt x="738" y="391"/>
                  </a:lnTo>
                  <a:lnTo>
                    <a:pt x="738" y="392"/>
                  </a:lnTo>
                  <a:lnTo>
                    <a:pt x="738" y="394"/>
                  </a:lnTo>
                  <a:lnTo>
                    <a:pt x="738" y="396"/>
                  </a:lnTo>
                  <a:lnTo>
                    <a:pt x="739" y="396"/>
                  </a:lnTo>
                  <a:lnTo>
                    <a:pt x="739" y="402"/>
                  </a:lnTo>
                  <a:lnTo>
                    <a:pt x="739" y="407"/>
                  </a:lnTo>
                  <a:lnTo>
                    <a:pt x="739" y="409"/>
                  </a:lnTo>
                  <a:lnTo>
                    <a:pt x="739" y="415"/>
                  </a:lnTo>
                  <a:lnTo>
                    <a:pt x="741" y="415"/>
                  </a:lnTo>
                  <a:lnTo>
                    <a:pt x="743" y="415"/>
                  </a:lnTo>
                  <a:lnTo>
                    <a:pt x="745" y="415"/>
                  </a:lnTo>
                  <a:lnTo>
                    <a:pt x="745" y="416"/>
                  </a:lnTo>
                  <a:lnTo>
                    <a:pt x="745" y="418"/>
                  </a:lnTo>
                  <a:lnTo>
                    <a:pt x="745" y="420"/>
                  </a:lnTo>
                  <a:lnTo>
                    <a:pt x="745" y="422"/>
                  </a:lnTo>
                  <a:lnTo>
                    <a:pt x="741" y="422"/>
                  </a:lnTo>
                  <a:lnTo>
                    <a:pt x="741" y="424"/>
                  </a:lnTo>
                  <a:lnTo>
                    <a:pt x="739" y="424"/>
                  </a:lnTo>
                  <a:lnTo>
                    <a:pt x="736" y="426"/>
                  </a:lnTo>
                  <a:lnTo>
                    <a:pt x="736" y="424"/>
                  </a:lnTo>
                  <a:lnTo>
                    <a:pt x="736" y="426"/>
                  </a:lnTo>
                  <a:lnTo>
                    <a:pt x="734" y="426"/>
                  </a:lnTo>
                  <a:lnTo>
                    <a:pt x="734" y="427"/>
                  </a:lnTo>
                  <a:lnTo>
                    <a:pt x="732" y="426"/>
                  </a:lnTo>
                  <a:lnTo>
                    <a:pt x="730" y="427"/>
                  </a:lnTo>
                  <a:lnTo>
                    <a:pt x="728" y="427"/>
                  </a:lnTo>
                  <a:lnTo>
                    <a:pt x="728" y="429"/>
                  </a:lnTo>
                  <a:lnTo>
                    <a:pt x="728" y="431"/>
                  </a:lnTo>
                  <a:lnTo>
                    <a:pt x="728" y="433"/>
                  </a:lnTo>
                  <a:lnTo>
                    <a:pt x="728" y="435"/>
                  </a:lnTo>
                  <a:lnTo>
                    <a:pt x="728" y="437"/>
                  </a:lnTo>
                  <a:lnTo>
                    <a:pt x="728" y="439"/>
                  </a:lnTo>
                  <a:lnTo>
                    <a:pt x="727" y="440"/>
                  </a:lnTo>
                  <a:lnTo>
                    <a:pt x="725" y="440"/>
                  </a:lnTo>
                  <a:lnTo>
                    <a:pt x="725" y="442"/>
                  </a:lnTo>
                  <a:lnTo>
                    <a:pt x="723" y="442"/>
                  </a:lnTo>
                  <a:lnTo>
                    <a:pt x="725" y="442"/>
                  </a:lnTo>
                  <a:lnTo>
                    <a:pt x="727" y="444"/>
                  </a:lnTo>
                  <a:lnTo>
                    <a:pt x="728" y="444"/>
                  </a:lnTo>
                  <a:lnTo>
                    <a:pt x="728" y="446"/>
                  </a:lnTo>
                  <a:lnTo>
                    <a:pt x="728" y="448"/>
                  </a:lnTo>
                  <a:lnTo>
                    <a:pt x="727" y="448"/>
                  </a:lnTo>
                  <a:lnTo>
                    <a:pt x="727" y="450"/>
                  </a:lnTo>
                  <a:lnTo>
                    <a:pt x="727" y="452"/>
                  </a:lnTo>
                  <a:lnTo>
                    <a:pt x="728" y="452"/>
                  </a:lnTo>
                  <a:lnTo>
                    <a:pt x="728" y="453"/>
                  </a:lnTo>
                  <a:lnTo>
                    <a:pt x="728" y="452"/>
                  </a:lnTo>
                  <a:lnTo>
                    <a:pt x="730" y="452"/>
                  </a:lnTo>
                  <a:lnTo>
                    <a:pt x="732" y="453"/>
                  </a:lnTo>
                  <a:lnTo>
                    <a:pt x="734" y="453"/>
                  </a:lnTo>
                  <a:lnTo>
                    <a:pt x="736" y="453"/>
                  </a:lnTo>
                  <a:lnTo>
                    <a:pt x="736" y="455"/>
                  </a:lnTo>
                  <a:lnTo>
                    <a:pt x="738" y="455"/>
                  </a:lnTo>
                  <a:lnTo>
                    <a:pt x="738" y="457"/>
                  </a:lnTo>
                  <a:lnTo>
                    <a:pt x="738" y="459"/>
                  </a:lnTo>
                  <a:lnTo>
                    <a:pt x="738" y="461"/>
                  </a:lnTo>
                  <a:lnTo>
                    <a:pt x="739" y="461"/>
                  </a:lnTo>
                  <a:lnTo>
                    <a:pt x="741" y="461"/>
                  </a:lnTo>
                  <a:lnTo>
                    <a:pt x="741" y="463"/>
                  </a:lnTo>
                  <a:lnTo>
                    <a:pt x="739" y="463"/>
                  </a:lnTo>
                  <a:lnTo>
                    <a:pt x="738" y="463"/>
                  </a:lnTo>
                  <a:lnTo>
                    <a:pt x="741" y="464"/>
                  </a:lnTo>
                  <a:lnTo>
                    <a:pt x="741" y="466"/>
                  </a:lnTo>
                  <a:lnTo>
                    <a:pt x="743" y="466"/>
                  </a:lnTo>
                  <a:lnTo>
                    <a:pt x="745" y="470"/>
                  </a:lnTo>
                  <a:lnTo>
                    <a:pt x="745" y="472"/>
                  </a:lnTo>
                  <a:lnTo>
                    <a:pt x="743" y="472"/>
                  </a:lnTo>
                  <a:lnTo>
                    <a:pt x="743" y="474"/>
                  </a:lnTo>
                  <a:lnTo>
                    <a:pt x="747" y="474"/>
                  </a:lnTo>
                  <a:lnTo>
                    <a:pt x="747" y="476"/>
                  </a:lnTo>
                  <a:lnTo>
                    <a:pt x="749" y="479"/>
                  </a:lnTo>
                  <a:lnTo>
                    <a:pt x="749" y="481"/>
                  </a:lnTo>
                  <a:lnTo>
                    <a:pt x="751" y="481"/>
                  </a:lnTo>
                  <a:lnTo>
                    <a:pt x="751" y="483"/>
                  </a:lnTo>
                  <a:lnTo>
                    <a:pt x="752" y="483"/>
                  </a:lnTo>
                  <a:lnTo>
                    <a:pt x="752" y="485"/>
                  </a:lnTo>
                  <a:lnTo>
                    <a:pt x="754" y="485"/>
                  </a:lnTo>
                  <a:lnTo>
                    <a:pt x="756" y="487"/>
                  </a:lnTo>
                  <a:lnTo>
                    <a:pt x="758" y="489"/>
                  </a:lnTo>
                  <a:lnTo>
                    <a:pt x="758" y="490"/>
                  </a:lnTo>
                  <a:lnTo>
                    <a:pt x="760" y="490"/>
                  </a:lnTo>
                  <a:lnTo>
                    <a:pt x="760" y="492"/>
                  </a:lnTo>
                  <a:lnTo>
                    <a:pt x="762" y="494"/>
                  </a:lnTo>
                  <a:lnTo>
                    <a:pt x="762" y="496"/>
                  </a:lnTo>
                  <a:lnTo>
                    <a:pt x="763" y="496"/>
                  </a:lnTo>
                  <a:lnTo>
                    <a:pt x="762" y="496"/>
                  </a:lnTo>
                  <a:lnTo>
                    <a:pt x="762" y="498"/>
                  </a:lnTo>
                  <a:lnTo>
                    <a:pt x="760" y="498"/>
                  </a:lnTo>
                  <a:lnTo>
                    <a:pt x="758" y="498"/>
                  </a:lnTo>
                  <a:lnTo>
                    <a:pt x="758" y="500"/>
                  </a:lnTo>
                  <a:lnTo>
                    <a:pt x="758" y="498"/>
                  </a:lnTo>
                  <a:lnTo>
                    <a:pt x="758" y="500"/>
                  </a:lnTo>
                  <a:lnTo>
                    <a:pt x="758" y="501"/>
                  </a:lnTo>
                  <a:lnTo>
                    <a:pt x="756" y="501"/>
                  </a:lnTo>
                  <a:lnTo>
                    <a:pt x="756" y="503"/>
                  </a:lnTo>
                  <a:lnTo>
                    <a:pt x="754" y="503"/>
                  </a:lnTo>
                  <a:lnTo>
                    <a:pt x="754" y="505"/>
                  </a:lnTo>
                  <a:lnTo>
                    <a:pt x="756" y="505"/>
                  </a:lnTo>
                  <a:lnTo>
                    <a:pt x="756" y="507"/>
                  </a:lnTo>
                  <a:lnTo>
                    <a:pt x="758" y="507"/>
                  </a:lnTo>
                  <a:lnTo>
                    <a:pt x="758" y="509"/>
                  </a:lnTo>
                  <a:lnTo>
                    <a:pt x="758" y="511"/>
                  </a:lnTo>
                  <a:lnTo>
                    <a:pt x="760" y="513"/>
                  </a:lnTo>
                  <a:lnTo>
                    <a:pt x="760" y="514"/>
                  </a:lnTo>
                  <a:lnTo>
                    <a:pt x="762" y="514"/>
                  </a:lnTo>
                  <a:lnTo>
                    <a:pt x="762" y="516"/>
                  </a:lnTo>
                  <a:lnTo>
                    <a:pt x="763" y="516"/>
                  </a:lnTo>
                  <a:lnTo>
                    <a:pt x="763" y="518"/>
                  </a:lnTo>
                  <a:lnTo>
                    <a:pt x="765" y="518"/>
                  </a:lnTo>
                  <a:lnTo>
                    <a:pt x="765" y="520"/>
                  </a:lnTo>
                  <a:lnTo>
                    <a:pt x="767" y="520"/>
                  </a:lnTo>
                  <a:lnTo>
                    <a:pt x="769" y="520"/>
                  </a:lnTo>
                  <a:lnTo>
                    <a:pt x="771" y="518"/>
                  </a:lnTo>
                  <a:lnTo>
                    <a:pt x="773" y="520"/>
                  </a:lnTo>
                  <a:lnTo>
                    <a:pt x="775" y="520"/>
                  </a:lnTo>
                  <a:lnTo>
                    <a:pt x="776" y="520"/>
                  </a:lnTo>
                  <a:lnTo>
                    <a:pt x="778" y="520"/>
                  </a:lnTo>
                  <a:lnTo>
                    <a:pt x="778" y="522"/>
                  </a:lnTo>
                  <a:lnTo>
                    <a:pt x="780" y="522"/>
                  </a:lnTo>
                  <a:lnTo>
                    <a:pt x="782" y="522"/>
                  </a:lnTo>
                  <a:lnTo>
                    <a:pt x="784" y="522"/>
                  </a:lnTo>
                  <a:lnTo>
                    <a:pt x="786" y="522"/>
                  </a:lnTo>
                  <a:lnTo>
                    <a:pt x="788" y="522"/>
                  </a:lnTo>
                  <a:lnTo>
                    <a:pt x="789" y="522"/>
                  </a:lnTo>
                  <a:lnTo>
                    <a:pt x="791" y="522"/>
                  </a:lnTo>
                  <a:lnTo>
                    <a:pt x="793" y="522"/>
                  </a:lnTo>
                  <a:lnTo>
                    <a:pt x="795" y="522"/>
                  </a:lnTo>
                  <a:lnTo>
                    <a:pt x="797" y="520"/>
                  </a:lnTo>
                  <a:lnTo>
                    <a:pt x="797" y="522"/>
                  </a:lnTo>
                  <a:lnTo>
                    <a:pt x="795" y="522"/>
                  </a:lnTo>
                  <a:lnTo>
                    <a:pt x="797" y="524"/>
                  </a:lnTo>
                  <a:lnTo>
                    <a:pt x="795" y="524"/>
                  </a:lnTo>
                  <a:lnTo>
                    <a:pt x="795" y="526"/>
                  </a:lnTo>
                  <a:lnTo>
                    <a:pt x="795" y="527"/>
                  </a:lnTo>
                  <a:lnTo>
                    <a:pt x="793" y="527"/>
                  </a:lnTo>
                  <a:lnTo>
                    <a:pt x="793" y="529"/>
                  </a:lnTo>
                  <a:lnTo>
                    <a:pt x="791" y="529"/>
                  </a:lnTo>
                  <a:lnTo>
                    <a:pt x="791" y="527"/>
                  </a:lnTo>
                  <a:lnTo>
                    <a:pt x="789" y="529"/>
                  </a:lnTo>
                  <a:lnTo>
                    <a:pt x="788" y="529"/>
                  </a:lnTo>
                  <a:lnTo>
                    <a:pt x="786" y="529"/>
                  </a:lnTo>
                  <a:lnTo>
                    <a:pt x="786" y="527"/>
                  </a:lnTo>
                  <a:lnTo>
                    <a:pt x="784" y="527"/>
                  </a:lnTo>
                  <a:lnTo>
                    <a:pt x="782" y="527"/>
                  </a:lnTo>
                  <a:lnTo>
                    <a:pt x="782" y="526"/>
                  </a:lnTo>
                  <a:lnTo>
                    <a:pt x="780" y="526"/>
                  </a:lnTo>
                  <a:lnTo>
                    <a:pt x="778" y="526"/>
                  </a:lnTo>
                  <a:lnTo>
                    <a:pt x="778" y="527"/>
                  </a:lnTo>
                  <a:lnTo>
                    <a:pt x="776" y="527"/>
                  </a:lnTo>
                  <a:lnTo>
                    <a:pt x="775" y="527"/>
                  </a:lnTo>
                  <a:lnTo>
                    <a:pt x="775" y="526"/>
                  </a:lnTo>
                  <a:lnTo>
                    <a:pt x="773" y="527"/>
                  </a:lnTo>
                  <a:lnTo>
                    <a:pt x="771" y="527"/>
                  </a:lnTo>
                  <a:lnTo>
                    <a:pt x="771" y="529"/>
                  </a:lnTo>
                  <a:lnTo>
                    <a:pt x="769" y="529"/>
                  </a:lnTo>
                  <a:lnTo>
                    <a:pt x="769" y="527"/>
                  </a:lnTo>
                  <a:lnTo>
                    <a:pt x="767" y="526"/>
                  </a:lnTo>
                  <a:lnTo>
                    <a:pt x="765" y="526"/>
                  </a:lnTo>
                  <a:lnTo>
                    <a:pt x="763" y="526"/>
                  </a:lnTo>
                  <a:lnTo>
                    <a:pt x="763" y="527"/>
                  </a:lnTo>
                  <a:lnTo>
                    <a:pt x="763" y="529"/>
                  </a:lnTo>
                  <a:lnTo>
                    <a:pt x="762" y="529"/>
                  </a:lnTo>
                  <a:lnTo>
                    <a:pt x="762" y="531"/>
                  </a:lnTo>
                  <a:lnTo>
                    <a:pt x="762" y="533"/>
                  </a:lnTo>
                  <a:lnTo>
                    <a:pt x="763" y="533"/>
                  </a:lnTo>
                  <a:lnTo>
                    <a:pt x="763" y="535"/>
                  </a:lnTo>
                  <a:lnTo>
                    <a:pt x="765" y="535"/>
                  </a:lnTo>
                  <a:lnTo>
                    <a:pt x="767" y="535"/>
                  </a:lnTo>
                  <a:lnTo>
                    <a:pt x="769" y="537"/>
                  </a:lnTo>
                  <a:lnTo>
                    <a:pt x="771" y="537"/>
                  </a:lnTo>
                  <a:lnTo>
                    <a:pt x="771" y="538"/>
                  </a:lnTo>
                  <a:lnTo>
                    <a:pt x="769" y="540"/>
                  </a:lnTo>
                  <a:lnTo>
                    <a:pt x="767" y="540"/>
                  </a:lnTo>
                  <a:lnTo>
                    <a:pt x="767" y="542"/>
                  </a:lnTo>
                  <a:lnTo>
                    <a:pt x="767" y="544"/>
                  </a:lnTo>
                  <a:lnTo>
                    <a:pt x="767" y="546"/>
                  </a:lnTo>
                  <a:lnTo>
                    <a:pt x="767" y="548"/>
                  </a:lnTo>
                  <a:lnTo>
                    <a:pt x="767" y="550"/>
                  </a:lnTo>
                  <a:lnTo>
                    <a:pt x="769" y="550"/>
                  </a:lnTo>
                  <a:lnTo>
                    <a:pt x="769" y="551"/>
                  </a:lnTo>
                  <a:lnTo>
                    <a:pt x="769" y="553"/>
                  </a:lnTo>
                  <a:lnTo>
                    <a:pt x="769" y="555"/>
                  </a:lnTo>
                  <a:lnTo>
                    <a:pt x="771" y="555"/>
                  </a:lnTo>
                  <a:lnTo>
                    <a:pt x="771" y="557"/>
                  </a:lnTo>
                  <a:lnTo>
                    <a:pt x="769" y="559"/>
                  </a:lnTo>
                  <a:lnTo>
                    <a:pt x="769" y="561"/>
                  </a:lnTo>
                  <a:lnTo>
                    <a:pt x="769" y="563"/>
                  </a:lnTo>
                  <a:lnTo>
                    <a:pt x="769" y="564"/>
                  </a:lnTo>
                  <a:lnTo>
                    <a:pt x="769" y="566"/>
                  </a:lnTo>
                  <a:lnTo>
                    <a:pt x="769" y="568"/>
                  </a:lnTo>
                  <a:lnTo>
                    <a:pt x="767" y="568"/>
                  </a:lnTo>
                  <a:lnTo>
                    <a:pt x="767" y="570"/>
                  </a:lnTo>
                  <a:lnTo>
                    <a:pt x="765" y="570"/>
                  </a:lnTo>
                  <a:lnTo>
                    <a:pt x="765" y="572"/>
                  </a:lnTo>
                  <a:lnTo>
                    <a:pt x="765" y="574"/>
                  </a:lnTo>
                  <a:lnTo>
                    <a:pt x="765" y="575"/>
                  </a:lnTo>
                  <a:lnTo>
                    <a:pt x="763" y="575"/>
                  </a:lnTo>
                  <a:lnTo>
                    <a:pt x="763" y="577"/>
                  </a:lnTo>
                  <a:lnTo>
                    <a:pt x="762" y="579"/>
                  </a:lnTo>
                  <a:lnTo>
                    <a:pt x="760" y="579"/>
                  </a:lnTo>
                  <a:lnTo>
                    <a:pt x="760" y="581"/>
                  </a:lnTo>
                  <a:lnTo>
                    <a:pt x="760" y="583"/>
                  </a:lnTo>
                  <a:lnTo>
                    <a:pt x="758" y="583"/>
                  </a:lnTo>
                  <a:lnTo>
                    <a:pt x="758" y="585"/>
                  </a:lnTo>
                  <a:lnTo>
                    <a:pt x="758" y="587"/>
                  </a:lnTo>
                  <a:lnTo>
                    <a:pt x="758" y="588"/>
                  </a:lnTo>
                  <a:lnTo>
                    <a:pt x="756" y="588"/>
                  </a:lnTo>
                  <a:lnTo>
                    <a:pt x="756" y="590"/>
                  </a:lnTo>
                  <a:lnTo>
                    <a:pt x="758" y="590"/>
                  </a:lnTo>
                  <a:lnTo>
                    <a:pt x="760" y="590"/>
                  </a:lnTo>
                  <a:lnTo>
                    <a:pt x="762" y="590"/>
                  </a:lnTo>
                  <a:lnTo>
                    <a:pt x="762" y="592"/>
                  </a:lnTo>
                  <a:lnTo>
                    <a:pt x="763" y="592"/>
                  </a:lnTo>
                  <a:lnTo>
                    <a:pt x="765" y="592"/>
                  </a:lnTo>
                  <a:lnTo>
                    <a:pt x="765" y="590"/>
                  </a:lnTo>
                  <a:lnTo>
                    <a:pt x="765" y="592"/>
                  </a:lnTo>
                  <a:lnTo>
                    <a:pt x="767" y="592"/>
                  </a:lnTo>
                  <a:lnTo>
                    <a:pt x="767" y="590"/>
                  </a:lnTo>
                  <a:lnTo>
                    <a:pt x="767" y="592"/>
                  </a:lnTo>
                  <a:lnTo>
                    <a:pt x="769" y="592"/>
                  </a:lnTo>
                  <a:lnTo>
                    <a:pt x="771" y="592"/>
                  </a:lnTo>
                  <a:lnTo>
                    <a:pt x="773" y="592"/>
                  </a:lnTo>
                  <a:lnTo>
                    <a:pt x="773" y="594"/>
                  </a:lnTo>
                  <a:lnTo>
                    <a:pt x="773" y="592"/>
                  </a:lnTo>
                  <a:lnTo>
                    <a:pt x="773" y="594"/>
                  </a:lnTo>
                  <a:lnTo>
                    <a:pt x="775" y="594"/>
                  </a:lnTo>
                  <a:lnTo>
                    <a:pt x="776" y="594"/>
                  </a:lnTo>
                  <a:lnTo>
                    <a:pt x="778" y="594"/>
                  </a:lnTo>
                  <a:lnTo>
                    <a:pt x="780" y="594"/>
                  </a:lnTo>
                  <a:lnTo>
                    <a:pt x="782" y="594"/>
                  </a:lnTo>
                  <a:lnTo>
                    <a:pt x="782" y="596"/>
                  </a:lnTo>
                  <a:lnTo>
                    <a:pt x="784" y="596"/>
                  </a:lnTo>
                  <a:lnTo>
                    <a:pt x="784" y="598"/>
                  </a:lnTo>
                  <a:lnTo>
                    <a:pt x="786" y="598"/>
                  </a:lnTo>
                  <a:lnTo>
                    <a:pt x="788" y="600"/>
                  </a:lnTo>
                  <a:lnTo>
                    <a:pt x="789" y="601"/>
                  </a:lnTo>
                  <a:lnTo>
                    <a:pt x="789" y="603"/>
                  </a:lnTo>
                  <a:lnTo>
                    <a:pt x="789" y="605"/>
                  </a:lnTo>
                  <a:lnTo>
                    <a:pt x="791" y="605"/>
                  </a:lnTo>
                  <a:lnTo>
                    <a:pt x="793" y="605"/>
                  </a:lnTo>
                  <a:lnTo>
                    <a:pt x="793" y="607"/>
                  </a:lnTo>
                  <a:lnTo>
                    <a:pt x="795" y="607"/>
                  </a:lnTo>
                  <a:lnTo>
                    <a:pt x="793" y="609"/>
                  </a:lnTo>
                  <a:lnTo>
                    <a:pt x="795" y="609"/>
                  </a:lnTo>
                  <a:lnTo>
                    <a:pt x="795" y="611"/>
                  </a:lnTo>
                  <a:lnTo>
                    <a:pt x="797" y="611"/>
                  </a:lnTo>
                  <a:lnTo>
                    <a:pt x="799" y="611"/>
                  </a:lnTo>
                  <a:lnTo>
                    <a:pt x="799" y="612"/>
                  </a:lnTo>
                  <a:lnTo>
                    <a:pt x="800" y="612"/>
                  </a:lnTo>
                  <a:lnTo>
                    <a:pt x="802" y="612"/>
                  </a:lnTo>
                  <a:lnTo>
                    <a:pt x="802" y="614"/>
                  </a:lnTo>
                  <a:lnTo>
                    <a:pt x="804" y="614"/>
                  </a:lnTo>
                  <a:lnTo>
                    <a:pt x="804" y="616"/>
                  </a:lnTo>
                  <a:lnTo>
                    <a:pt x="806" y="616"/>
                  </a:lnTo>
                  <a:lnTo>
                    <a:pt x="808" y="618"/>
                  </a:lnTo>
                  <a:lnTo>
                    <a:pt x="810" y="618"/>
                  </a:lnTo>
                  <a:lnTo>
                    <a:pt x="810" y="620"/>
                  </a:lnTo>
                  <a:lnTo>
                    <a:pt x="812" y="620"/>
                  </a:lnTo>
                  <a:lnTo>
                    <a:pt x="812" y="622"/>
                  </a:lnTo>
                  <a:lnTo>
                    <a:pt x="813" y="622"/>
                  </a:lnTo>
                  <a:lnTo>
                    <a:pt x="813" y="624"/>
                  </a:lnTo>
                  <a:lnTo>
                    <a:pt x="813" y="625"/>
                  </a:lnTo>
                  <a:lnTo>
                    <a:pt x="813" y="627"/>
                  </a:lnTo>
                  <a:lnTo>
                    <a:pt x="812" y="627"/>
                  </a:lnTo>
                  <a:lnTo>
                    <a:pt x="812" y="629"/>
                  </a:lnTo>
                  <a:lnTo>
                    <a:pt x="810" y="629"/>
                  </a:lnTo>
                  <a:lnTo>
                    <a:pt x="810" y="631"/>
                  </a:lnTo>
                  <a:lnTo>
                    <a:pt x="810" y="633"/>
                  </a:lnTo>
                  <a:lnTo>
                    <a:pt x="808" y="633"/>
                  </a:lnTo>
                  <a:lnTo>
                    <a:pt x="808" y="635"/>
                  </a:lnTo>
                  <a:lnTo>
                    <a:pt x="810" y="637"/>
                  </a:lnTo>
                  <a:lnTo>
                    <a:pt x="810" y="638"/>
                  </a:lnTo>
                  <a:lnTo>
                    <a:pt x="812" y="638"/>
                  </a:lnTo>
                  <a:lnTo>
                    <a:pt x="812" y="640"/>
                  </a:lnTo>
                  <a:lnTo>
                    <a:pt x="813" y="642"/>
                  </a:lnTo>
                  <a:lnTo>
                    <a:pt x="815" y="644"/>
                  </a:lnTo>
                  <a:lnTo>
                    <a:pt x="817" y="644"/>
                  </a:lnTo>
                  <a:lnTo>
                    <a:pt x="819" y="644"/>
                  </a:lnTo>
                  <a:lnTo>
                    <a:pt x="821" y="644"/>
                  </a:lnTo>
                  <a:lnTo>
                    <a:pt x="821" y="646"/>
                  </a:lnTo>
                  <a:lnTo>
                    <a:pt x="821" y="648"/>
                  </a:lnTo>
                  <a:lnTo>
                    <a:pt x="823" y="648"/>
                  </a:lnTo>
                  <a:lnTo>
                    <a:pt x="823" y="649"/>
                  </a:lnTo>
                  <a:lnTo>
                    <a:pt x="824" y="649"/>
                  </a:lnTo>
                  <a:lnTo>
                    <a:pt x="824" y="651"/>
                  </a:lnTo>
                  <a:lnTo>
                    <a:pt x="824" y="653"/>
                  </a:lnTo>
                  <a:lnTo>
                    <a:pt x="824" y="655"/>
                  </a:lnTo>
                  <a:lnTo>
                    <a:pt x="824" y="657"/>
                  </a:lnTo>
                  <a:lnTo>
                    <a:pt x="824" y="659"/>
                  </a:lnTo>
                  <a:lnTo>
                    <a:pt x="826" y="659"/>
                  </a:lnTo>
                  <a:lnTo>
                    <a:pt x="826" y="661"/>
                  </a:lnTo>
                  <a:lnTo>
                    <a:pt x="826" y="662"/>
                  </a:lnTo>
                  <a:lnTo>
                    <a:pt x="828" y="662"/>
                  </a:lnTo>
                  <a:lnTo>
                    <a:pt x="826" y="662"/>
                  </a:lnTo>
                  <a:lnTo>
                    <a:pt x="828" y="662"/>
                  </a:lnTo>
                  <a:lnTo>
                    <a:pt x="828" y="664"/>
                  </a:lnTo>
                  <a:lnTo>
                    <a:pt x="828" y="666"/>
                  </a:lnTo>
                  <a:lnTo>
                    <a:pt x="830" y="666"/>
                  </a:lnTo>
                  <a:lnTo>
                    <a:pt x="830" y="668"/>
                  </a:lnTo>
                  <a:lnTo>
                    <a:pt x="830" y="670"/>
                  </a:lnTo>
                  <a:lnTo>
                    <a:pt x="830" y="672"/>
                  </a:lnTo>
                  <a:lnTo>
                    <a:pt x="832" y="672"/>
                  </a:lnTo>
                  <a:lnTo>
                    <a:pt x="832" y="674"/>
                  </a:lnTo>
                  <a:lnTo>
                    <a:pt x="832" y="675"/>
                  </a:lnTo>
                  <a:lnTo>
                    <a:pt x="834" y="675"/>
                  </a:lnTo>
                  <a:lnTo>
                    <a:pt x="834" y="677"/>
                  </a:lnTo>
                  <a:lnTo>
                    <a:pt x="836" y="677"/>
                  </a:lnTo>
                  <a:lnTo>
                    <a:pt x="836" y="679"/>
                  </a:lnTo>
                  <a:lnTo>
                    <a:pt x="836" y="681"/>
                  </a:lnTo>
                  <a:lnTo>
                    <a:pt x="837" y="683"/>
                  </a:lnTo>
                  <a:lnTo>
                    <a:pt x="837" y="685"/>
                  </a:lnTo>
                  <a:lnTo>
                    <a:pt x="837" y="686"/>
                  </a:lnTo>
                  <a:lnTo>
                    <a:pt x="839" y="686"/>
                  </a:lnTo>
                  <a:lnTo>
                    <a:pt x="841" y="686"/>
                  </a:lnTo>
                  <a:lnTo>
                    <a:pt x="841" y="685"/>
                  </a:lnTo>
                  <a:lnTo>
                    <a:pt x="843" y="685"/>
                  </a:lnTo>
                  <a:lnTo>
                    <a:pt x="845" y="685"/>
                  </a:lnTo>
                  <a:lnTo>
                    <a:pt x="845" y="686"/>
                  </a:lnTo>
                  <a:lnTo>
                    <a:pt x="847" y="686"/>
                  </a:lnTo>
                  <a:lnTo>
                    <a:pt x="847" y="685"/>
                  </a:lnTo>
                  <a:lnTo>
                    <a:pt x="849" y="686"/>
                  </a:lnTo>
                  <a:lnTo>
                    <a:pt x="849" y="688"/>
                  </a:lnTo>
                  <a:lnTo>
                    <a:pt x="850" y="688"/>
                  </a:lnTo>
                  <a:lnTo>
                    <a:pt x="850" y="690"/>
                  </a:lnTo>
                  <a:lnTo>
                    <a:pt x="852" y="690"/>
                  </a:lnTo>
                  <a:lnTo>
                    <a:pt x="854" y="688"/>
                  </a:lnTo>
                  <a:lnTo>
                    <a:pt x="854" y="690"/>
                  </a:lnTo>
                  <a:lnTo>
                    <a:pt x="852" y="690"/>
                  </a:lnTo>
                  <a:lnTo>
                    <a:pt x="854" y="690"/>
                  </a:lnTo>
                  <a:lnTo>
                    <a:pt x="854" y="692"/>
                  </a:lnTo>
                  <a:lnTo>
                    <a:pt x="854" y="694"/>
                  </a:lnTo>
                  <a:lnTo>
                    <a:pt x="854" y="696"/>
                  </a:lnTo>
                  <a:lnTo>
                    <a:pt x="856" y="696"/>
                  </a:lnTo>
                  <a:lnTo>
                    <a:pt x="858" y="699"/>
                  </a:lnTo>
                  <a:lnTo>
                    <a:pt x="856" y="699"/>
                  </a:lnTo>
                  <a:lnTo>
                    <a:pt x="856" y="701"/>
                  </a:lnTo>
                  <a:lnTo>
                    <a:pt x="856" y="703"/>
                  </a:lnTo>
                  <a:lnTo>
                    <a:pt x="856" y="705"/>
                  </a:lnTo>
                  <a:lnTo>
                    <a:pt x="856" y="707"/>
                  </a:lnTo>
                  <a:lnTo>
                    <a:pt x="856" y="709"/>
                  </a:lnTo>
                  <a:lnTo>
                    <a:pt x="858" y="711"/>
                  </a:lnTo>
                  <a:lnTo>
                    <a:pt x="856" y="712"/>
                  </a:lnTo>
                  <a:lnTo>
                    <a:pt x="856" y="714"/>
                  </a:lnTo>
                  <a:lnTo>
                    <a:pt x="858" y="716"/>
                  </a:lnTo>
                  <a:lnTo>
                    <a:pt x="860" y="716"/>
                  </a:lnTo>
                  <a:lnTo>
                    <a:pt x="860" y="718"/>
                  </a:lnTo>
                  <a:lnTo>
                    <a:pt x="861" y="718"/>
                  </a:lnTo>
                  <a:lnTo>
                    <a:pt x="863" y="718"/>
                  </a:lnTo>
                  <a:lnTo>
                    <a:pt x="863" y="720"/>
                  </a:lnTo>
                  <a:lnTo>
                    <a:pt x="863" y="722"/>
                  </a:lnTo>
                  <a:lnTo>
                    <a:pt x="863" y="723"/>
                  </a:lnTo>
                  <a:lnTo>
                    <a:pt x="863" y="725"/>
                  </a:lnTo>
                  <a:lnTo>
                    <a:pt x="863" y="727"/>
                  </a:lnTo>
                  <a:lnTo>
                    <a:pt x="861" y="729"/>
                  </a:lnTo>
                  <a:lnTo>
                    <a:pt x="861" y="731"/>
                  </a:lnTo>
                  <a:lnTo>
                    <a:pt x="861" y="733"/>
                  </a:lnTo>
                  <a:lnTo>
                    <a:pt x="861" y="735"/>
                  </a:lnTo>
                  <a:lnTo>
                    <a:pt x="861" y="736"/>
                  </a:lnTo>
                  <a:lnTo>
                    <a:pt x="861" y="738"/>
                  </a:lnTo>
                  <a:lnTo>
                    <a:pt x="861" y="740"/>
                  </a:lnTo>
                  <a:lnTo>
                    <a:pt x="861" y="742"/>
                  </a:lnTo>
                  <a:lnTo>
                    <a:pt x="863" y="742"/>
                  </a:lnTo>
                  <a:lnTo>
                    <a:pt x="865" y="744"/>
                  </a:lnTo>
                  <a:lnTo>
                    <a:pt x="865" y="746"/>
                  </a:lnTo>
                  <a:lnTo>
                    <a:pt x="865" y="747"/>
                  </a:lnTo>
                  <a:lnTo>
                    <a:pt x="867" y="747"/>
                  </a:lnTo>
                  <a:lnTo>
                    <a:pt x="867" y="749"/>
                  </a:lnTo>
                  <a:lnTo>
                    <a:pt x="871" y="753"/>
                  </a:lnTo>
                  <a:lnTo>
                    <a:pt x="873" y="755"/>
                  </a:lnTo>
                  <a:lnTo>
                    <a:pt x="873" y="757"/>
                  </a:lnTo>
                  <a:lnTo>
                    <a:pt x="871" y="759"/>
                  </a:lnTo>
                  <a:lnTo>
                    <a:pt x="871" y="760"/>
                  </a:lnTo>
                  <a:lnTo>
                    <a:pt x="869" y="760"/>
                  </a:lnTo>
                  <a:lnTo>
                    <a:pt x="869" y="762"/>
                  </a:lnTo>
                  <a:lnTo>
                    <a:pt x="869" y="764"/>
                  </a:lnTo>
                  <a:lnTo>
                    <a:pt x="867" y="766"/>
                  </a:lnTo>
                  <a:lnTo>
                    <a:pt x="867" y="768"/>
                  </a:lnTo>
                  <a:lnTo>
                    <a:pt x="867" y="770"/>
                  </a:lnTo>
                  <a:lnTo>
                    <a:pt x="865" y="770"/>
                  </a:lnTo>
                  <a:lnTo>
                    <a:pt x="865" y="772"/>
                  </a:lnTo>
                  <a:lnTo>
                    <a:pt x="863" y="772"/>
                  </a:lnTo>
                  <a:lnTo>
                    <a:pt x="863" y="773"/>
                  </a:lnTo>
                  <a:lnTo>
                    <a:pt x="863" y="775"/>
                  </a:lnTo>
                  <a:lnTo>
                    <a:pt x="861" y="775"/>
                  </a:lnTo>
                  <a:lnTo>
                    <a:pt x="861" y="777"/>
                  </a:lnTo>
                  <a:lnTo>
                    <a:pt x="861" y="779"/>
                  </a:lnTo>
                  <a:lnTo>
                    <a:pt x="860" y="779"/>
                  </a:lnTo>
                  <a:lnTo>
                    <a:pt x="860" y="781"/>
                  </a:lnTo>
                  <a:lnTo>
                    <a:pt x="858" y="781"/>
                  </a:lnTo>
                  <a:lnTo>
                    <a:pt x="858" y="783"/>
                  </a:lnTo>
                  <a:lnTo>
                    <a:pt x="856" y="783"/>
                  </a:lnTo>
                  <a:lnTo>
                    <a:pt x="854" y="783"/>
                  </a:lnTo>
                  <a:lnTo>
                    <a:pt x="852" y="783"/>
                  </a:lnTo>
                  <a:lnTo>
                    <a:pt x="850" y="784"/>
                  </a:lnTo>
                  <a:lnTo>
                    <a:pt x="849" y="784"/>
                  </a:lnTo>
                  <a:lnTo>
                    <a:pt x="847" y="784"/>
                  </a:lnTo>
                  <a:lnTo>
                    <a:pt x="845" y="783"/>
                  </a:lnTo>
                  <a:lnTo>
                    <a:pt x="843" y="784"/>
                  </a:lnTo>
                  <a:lnTo>
                    <a:pt x="841" y="784"/>
                  </a:lnTo>
                  <a:lnTo>
                    <a:pt x="839" y="784"/>
                  </a:lnTo>
                  <a:lnTo>
                    <a:pt x="837" y="786"/>
                  </a:lnTo>
                  <a:lnTo>
                    <a:pt x="836" y="786"/>
                  </a:lnTo>
                  <a:lnTo>
                    <a:pt x="834" y="786"/>
                  </a:lnTo>
                  <a:lnTo>
                    <a:pt x="834" y="788"/>
                  </a:lnTo>
                  <a:lnTo>
                    <a:pt x="832" y="790"/>
                  </a:lnTo>
                  <a:lnTo>
                    <a:pt x="832" y="792"/>
                  </a:lnTo>
                  <a:lnTo>
                    <a:pt x="832" y="794"/>
                  </a:lnTo>
                  <a:lnTo>
                    <a:pt x="830" y="796"/>
                  </a:lnTo>
                  <a:lnTo>
                    <a:pt x="830" y="799"/>
                  </a:lnTo>
                  <a:lnTo>
                    <a:pt x="828" y="799"/>
                  </a:lnTo>
                  <a:lnTo>
                    <a:pt x="828" y="801"/>
                  </a:lnTo>
                  <a:lnTo>
                    <a:pt x="828" y="803"/>
                  </a:lnTo>
                  <a:lnTo>
                    <a:pt x="828" y="805"/>
                  </a:lnTo>
                  <a:lnTo>
                    <a:pt x="826" y="805"/>
                  </a:lnTo>
                  <a:lnTo>
                    <a:pt x="826" y="807"/>
                  </a:lnTo>
                  <a:lnTo>
                    <a:pt x="824" y="809"/>
                  </a:lnTo>
                  <a:lnTo>
                    <a:pt x="823" y="809"/>
                  </a:lnTo>
                  <a:lnTo>
                    <a:pt x="823" y="810"/>
                  </a:lnTo>
                  <a:lnTo>
                    <a:pt x="823" y="812"/>
                  </a:lnTo>
                  <a:lnTo>
                    <a:pt x="824" y="812"/>
                  </a:lnTo>
                  <a:lnTo>
                    <a:pt x="823" y="812"/>
                  </a:lnTo>
                  <a:lnTo>
                    <a:pt x="823" y="814"/>
                  </a:lnTo>
                  <a:lnTo>
                    <a:pt x="821" y="814"/>
                  </a:lnTo>
                  <a:lnTo>
                    <a:pt x="819" y="814"/>
                  </a:lnTo>
                  <a:lnTo>
                    <a:pt x="819" y="816"/>
                  </a:lnTo>
                  <a:lnTo>
                    <a:pt x="817" y="816"/>
                  </a:lnTo>
                  <a:lnTo>
                    <a:pt x="817" y="814"/>
                  </a:lnTo>
                  <a:lnTo>
                    <a:pt x="815" y="814"/>
                  </a:lnTo>
                  <a:lnTo>
                    <a:pt x="815" y="816"/>
                  </a:lnTo>
                  <a:lnTo>
                    <a:pt x="813" y="816"/>
                  </a:lnTo>
                  <a:lnTo>
                    <a:pt x="813" y="818"/>
                  </a:lnTo>
                  <a:lnTo>
                    <a:pt x="812" y="818"/>
                  </a:lnTo>
                  <a:lnTo>
                    <a:pt x="810" y="818"/>
                  </a:lnTo>
                  <a:lnTo>
                    <a:pt x="808" y="818"/>
                  </a:lnTo>
                  <a:lnTo>
                    <a:pt x="808" y="820"/>
                  </a:lnTo>
                  <a:lnTo>
                    <a:pt x="806" y="820"/>
                  </a:lnTo>
                  <a:lnTo>
                    <a:pt x="804" y="820"/>
                  </a:lnTo>
                  <a:lnTo>
                    <a:pt x="802" y="821"/>
                  </a:lnTo>
                  <a:lnTo>
                    <a:pt x="804" y="821"/>
                  </a:lnTo>
                  <a:lnTo>
                    <a:pt x="806" y="821"/>
                  </a:lnTo>
                  <a:lnTo>
                    <a:pt x="806" y="823"/>
                  </a:lnTo>
                  <a:lnTo>
                    <a:pt x="808" y="823"/>
                  </a:lnTo>
                  <a:lnTo>
                    <a:pt x="808" y="825"/>
                  </a:lnTo>
                  <a:lnTo>
                    <a:pt x="810" y="825"/>
                  </a:lnTo>
                  <a:lnTo>
                    <a:pt x="810" y="827"/>
                  </a:lnTo>
                  <a:lnTo>
                    <a:pt x="812" y="827"/>
                  </a:lnTo>
                  <a:lnTo>
                    <a:pt x="812" y="829"/>
                  </a:lnTo>
                  <a:lnTo>
                    <a:pt x="813" y="829"/>
                  </a:lnTo>
                  <a:lnTo>
                    <a:pt x="812" y="831"/>
                  </a:lnTo>
                  <a:lnTo>
                    <a:pt x="813" y="831"/>
                  </a:lnTo>
                  <a:lnTo>
                    <a:pt x="813" y="833"/>
                  </a:lnTo>
                  <a:lnTo>
                    <a:pt x="815" y="833"/>
                  </a:lnTo>
                  <a:lnTo>
                    <a:pt x="813" y="833"/>
                  </a:lnTo>
                  <a:lnTo>
                    <a:pt x="815" y="833"/>
                  </a:lnTo>
                  <a:lnTo>
                    <a:pt x="815" y="834"/>
                  </a:lnTo>
                  <a:lnTo>
                    <a:pt x="815" y="836"/>
                  </a:lnTo>
                  <a:lnTo>
                    <a:pt x="813" y="836"/>
                  </a:lnTo>
                  <a:lnTo>
                    <a:pt x="813" y="838"/>
                  </a:lnTo>
                  <a:lnTo>
                    <a:pt x="815" y="838"/>
                  </a:lnTo>
                  <a:lnTo>
                    <a:pt x="817" y="838"/>
                  </a:lnTo>
                  <a:lnTo>
                    <a:pt x="817" y="836"/>
                  </a:lnTo>
                  <a:lnTo>
                    <a:pt x="819" y="833"/>
                  </a:lnTo>
                  <a:lnTo>
                    <a:pt x="823" y="834"/>
                  </a:lnTo>
                  <a:lnTo>
                    <a:pt x="824" y="834"/>
                  </a:lnTo>
                  <a:lnTo>
                    <a:pt x="824" y="836"/>
                  </a:lnTo>
                  <a:lnTo>
                    <a:pt x="823" y="836"/>
                  </a:lnTo>
                  <a:lnTo>
                    <a:pt x="823" y="838"/>
                  </a:lnTo>
                  <a:lnTo>
                    <a:pt x="823" y="840"/>
                  </a:lnTo>
                  <a:lnTo>
                    <a:pt x="823" y="842"/>
                  </a:lnTo>
                  <a:lnTo>
                    <a:pt x="823" y="844"/>
                  </a:lnTo>
                  <a:lnTo>
                    <a:pt x="823" y="846"/>
                  </a:lnTo>
                  <a:lnTo>
                    <a:pt x="823" y="847"/>
                  </a:lnTo>
                  <a:lnTo>
                    <a:pt x="821" y="847"/>
                  </a:lnTo>
                  <a:lnTo>
                    <a:pt x="821" y="849"/>
                  </a:lnTo>
                  <a:lnTo>
                    <a:pt x="819" y="849"/>
                  </a:lnTo>
                  <a:lnTo>
                    <a:pt x="819" y="851"/>
                  </a:lnTo>
                  <a:lnTo>
                    <a:pt x="817" y="851"/>
                  </a:lnTo>
                  <a:lnTo>
                    <a:pt x="817" y="853"/>
                  </a:lnTo>
                  <a:lnTo>
                    <a:pt x="815" y="853"/>
                  </a:lnTo>
                  <a:lnTo>
                    <a:pt x="813" y="853"/>
                  </a:lnTo>
                  <a:lnTo>
                    <a:pt x="813" y="855"/>
                  </a:lnTo>
                  <a:lnTo>
                    <a:pt x="815" y="855"/>
                  </a:lnTo>
                  <a:lnTo>
                    <a:pt x="815" y="857"/>
                  </a:lnTo>
                  <a:lnTo>
                    <a:pt x="815" y="858"/>
                  </a:lnTo>
                  <a:lnTo>
                    <a:pt x="817" y="858"/>
                  </a:lnTo>
                  <a:lnTo>
                    <a:pt x="819" y="858"/>
                  </a:lnTo>
                  <a:lnTo>
                    <a:pt x="817" y="860"/>
                  </a:lnTo>
                  <a:lnTo>
                    <a:pt x="817" y="862"/>
                  </a:lnTo>
                  <a:lnTo>
                    <a:pt x="817" y="864"/>
                  </a:lnTo>
                  <a:lnTo>
                    <a:pt x="815" y="862"/>
                  </a:lnTo>
                  <a:lnTo>
                    <a:pt x="815" y="864"/>
                  </a:lnTo>
                  <a:lnTo>
                    <a:pt x="813" y="864"/>
                  </a:lnTo>
                  <a:lnTo>
                    <a:pt x="813" y="866"/>
                  </a:lnTo>
                  <a:lnTo>
                    <a:pt x="813" y="868"/>
                  </a:lnTo>
                  <a:lnTo>
                    <a:pt x="813" y="866"/>
                  </a:lnTo>
                  <a:lnTo>
                    <a:pt x="813" y="868"/>
                  </a:lnTo>
                  <a:lnTo>
                    <a:pt x="812" y="868"/>
                  </a:lnTo>
                  <a:lnTo>
                    <a:pt x="812" y="870"/>
                  </a:lnTo>
                  <a:lnTo>
                    <a:pt x="810" y="870"/>
                  </a:lnTo>
                  <a:lnTo>
                    <a:pt x="810" y="871"/>
                  </a:lnTo>
                  <a:lnTo>
                    <a:pt x="810" y="873"/>
                  </a:lnTo>
                  <a:lnTo>
                    <a:pt x="808" y="873"/>
                  </a:lnTo>
                  <a:lnTo>
                    <a:pt x="808" y="875"/>
                  </a:lnTo>
                  <a:lnTo>
                    <a:pt x="808" y="877"/>
                  </a:lnTo>
                  <a:lnTo>
                    <a:pt x="806" y="877"/>
                  </a:lnTo>
                  <a:lnTo>
                    <a:pt x="806" y="879"/>
                  </a:lnTo>
                  <a:lnTo>
                    <a:pt x="804" y="879"/>
                  </a:lnTo>
                  <a:lnTo>
                    <a:pt x="804" y="881"/>
                  </a:lnTo>
                  <a:lnTo>
                    <a:pt x="802" y="881"/>
                  </a:lnTo>
                  <a:lnTo>
                    <a:pt x="800" y="881"/>
                  </a:lnTo>
                  <a:lnTo>
                    <a:pt x="800" y="879"/>
                  </a:lnTo>
                  <a:lnTo>
                    <a:pt x="799" y="879"/>
                  </a:lnTo>
                  <a:lnTo>
                    <a:pt x="797" y="879"/>
                  </a:lnTo>
                  <a:lnTo>
                    <a:pt x="797" y="881"/>
                  </a:lnTo>
                  <a:lnTo>
                    <a:pt x="795" y="881"/>
                  </a:lnTo>
                  <a:lnTo>
                    <a:pt x="793" y="883"/>
                  </a:lnTo>
                  <a:lnTo>
                    <a:pt x="791" y="883"/>
                  </a:lnTo>
                  <a:lnTo>
                    <a:pt x="789" y="883"/>
                  </a:lnTo>
                  <a:lnTo>
                    <a:pt x="789" y="884"/>
                  </a:lnTo>
                  <a:lnTo>
                    <a:pt x="788" y="884"/>
                  </a:lnTo>
                  <a:lnTo>
                    <a:pt x="786" y="884"/>
                  </a:lnTo>
                  <a:lnTo>
                    <a:pt x="786" y="886"/>
                  </a:lnTo>
                  <a:lnTo>
                    <a:pt x="784" y="886"/>
                  </a:lnTo>
                  <a:lnTo>
                    <a:pt x="782" y="886"/>
                  </a:lnTo>
                  <a:lnTo>
                    <a:pt x="780" y="886"/>
                  </a:lnTo>
                  <a:lnTo>
                    <a:pt x="778" y="888"/>
                  </a:lnTo>
                  <a:lnTo>
                    <a:pt x="776" y="888"/>
                  </a:lnTo>
                  <a:lnTo>
                    <a:pt x="775" y="888"/>
                  </a:lnTo>
                  <a:lnTo>
                    <a:pt x="775" y="890"/>
                  </a:lnTo>
                  <a:lnTo>
                    <a:pt x="773" y="890"/>
                  </a:lnTo>
                  <a:lnTo>
                    <a:pt x="771" y="890"/>
                  </a:lnTo>
                  <a:lnTo>
                    <a:pt x="769" y="890"/>
                  </a:lnTo>
                  <a:lnTo>
                    <a:pt x="769" y="888"/>
                  </a:lnTo>
                  <a:lnTo>
                    <a:pt x="769" y="886"/>
                  </a:lnTo>
                  <a:lnTo>
                    <a:pt x="767" y="886"/>
                  </a:lnTo>
                  <a:lnTo>
                    <a:pt x="765" y="888"/>
                  </a:lnTo>
                  <a:lnTo>
                    <a:pt x="763" y="888"/>
                  </a:lnTo>
                  <a:lnTo>
                    <a:pt x="762" y="888"/>
                  </a:lnTo>
                  <a:lnTo>
                    <a:pt x="760" y="888"/>
                  </a:lnTo>
                  <a:lnTo>
                    <a:pt x="758" y="888"/>
                  </a:lnTo>
                  <a:lnTo>
                    <a:pt x="758" y="890"/>
                  </a:lnTo>
                  <a:lnTo>
                    <a:pt x="756" y="890"/>
                  </a:lnTo>
                  <a:lnTo>
                    <a:pt x="754" y="890"/>
                  </a:lnTo>
                  <a:lnTo>
                    <a:pt x="754" y="892"/>
                  </a:lnTo>
                  <a:lnTo>
                    <a:pt x="752" y="892"/>
                  </a:lnTo>
                  <a:lnTo>
                    <a:pt x="751" y="892"/>
                  </a:lnTo>
                  <a:lnTo>
                    <a:pt x="749" y="892"/>
                  </a:lnTo>
                  <a:lnTo>
                    <a:pt x="747" y="892"/>
                  </a:lnTo>
                  <a:lnTo>
                    <a:pt x="747" y="894"/>
                  </a:lnTo>
                  <a:lnTo>
                    <a:pt x="745" y="894"/>
                  </a:lnTo>
                  <a:lnTo>
                    <a:pt x="743" y="894"/>
                  </a:lnTo>
                  <a:lnTo>
                    <a:pt x="741" y="894"/>
                  </a:lnTo>
                  <a:lnTo>
                    <a:pt x="739" y="894"/>
                  </a:lnTo>
                  <a:lnTo>
                    <a:pt x="738" y="894"/>
                  </a:lnTo>
                  <a:lnTo>
                    <a:pt x="736" y="894"/>
                  </a:lnTo>
                  <a:lnTo>
                    <a:pt x="736" y="895"/>
                  </a:lnTo>
                  <a:lnTo>
                    <a:pt x="734" y="895"/>
                  </a:lnTo>
                  <a:lnTo>
                    <a:pt x="732" y="895"/>
                  </a:lnTo>
                  <a:lnTo>
                    <a:pt x="730" y="895"/>
                  </a:lnTo>
                  <a:lnTo>
                    <a:pt x="728" y="895"/>
                  </a:lnTo>
                  <a:lnTo>
                    <a:pt x="727" y="895"/>
                  </a:lnTo>
                  <a:lnTo>
                    <a:pt x="725" y="895"/>
                  </a:lnTo>
                  <a:lnTo>
                    <a:pt x="723" y="895"/>
                  </a:lnTo>
                  <a:lnTo>
                    <a:pt x="721" y="895"/>
                  </a:lnTo>
                  <a:lnTo>
                    <a:pt x="721" y="897"/>
                  </a:lnTo>
                  <a:lnTo>
                    <a:pt x="721" y="899"/>
                  </a:lnTo>
                  <a:lnTo>
                    <a:pt x="721" y="901"/>
                  </a:lnTo>
                  <a:lnTo>
                    <a:pt x="721" y="903"/>
                  </a:lnTo>
                  <a:lnTo>
                    <a:pt x="721" y="905"/>
                  </a:lnTo>
                  <a:lnTo>
                    <a:pt x="721" y="907"/>
                  </a:lnTo>
                  <a:lnTo>
                    <a:pt x="719" y="907"/>
                  </a:lnTo>
                  <a:lnTo>
                    <a:pt x="717" y="907"/>
                  </a:lnTo>
                  <a:lnTo>
                    <a:pt x="717" y="908"/>
                  </a:lnTo>
                  <a:lnTo>
                    <a:pt x="717" y="910"/>
                  </a:lnTo>
                  <a:lnTo>
                    <a:pt x="715" y="910"/>
                  </a:lnTo>
                  <a:lnTo>
                    <a:pt x="714" y="912"/>
                  </a:lnTo>
                  <a:lnTo>
                    <a:pt x="712" y="912"/>
                  </a:lnTo>
                  <a:lnTo>
                    <a:pt x="712" y="910"/>
                  </a:lnTo>
                  <a:lnTo>
                    <a:pt x="710" y="910"/>
                  </a:lnTo>
                  <a:lnTo>
                    <a:pt x="708" y="912"/>
                  </a:lnTo>
                  <a:lnTo>
                    <a:pt x="706" y="912"/>
                  </a:lnTo>
                  <a:lnTo>
                    <a:pt x="704" y="914"/>
                  </a:lnTo>
                  <a:lnTo>
                    <a:pt x="702" y="914"/>
                  </a:lnTo>
                  <a:lnTo>
                    <a:pt x="702" y="912"/>
                  </a:lnTo>
                  <a:lnTo>
                    <a:pt x="701" y="912"/>
                  </a:lnTo>
                  <a:lnTo>
                    <a:pt x="699" y="912"/>
                  </a:lnTo>
                  <a:lnTo>
                    <a:pt x="699" y="910"/>
                  </a:lnTo>
                  <a:lnTo>
                    <a:pt x="697" y="912"/>
                  </a:lnTo>
                  <a:lnTo>
                    <a:pt x="695" y="912"/>
                  </a:lnTo>
                  <a:lnTo>
                    <a:pt x="695" y="910"/>
                  </a:lnTo>
                  <a:lnTo>
                    <a:pt x="695" y="908"/>
                  </a:lnTo>
                  <a:lnTo>
                    <a:pt x="693" y="908"/>
                  </a:lnTo>
                  <a:lnTo>
                    <a:pt x="691" y="908"/>
                  </a:lnTo>
                  <a:lnTo>
                    <a:pt x="691" y="907"/>
                  </a:lnTo>
                  <a:lnTo>
                    <a:pt x="693" y="905"/>
                  </a:lnTo>
                  <a:lnTo>
                    <a:pt x="691" y="905"/>
                  </a:lnTo>
                  <a:lnTo>
                    <a:pt x="693" y="903"/>
                  </a:lnTo>
                  <a:lnTo>
                    <a:pt x="691" y="903"/>
                  </a:lnTo>
                  <a:lnTo>
                    <a:pt x="691" y="901"/>
                  </a:lnTo>
                  <a:lnTo>
                    <a:pt x="691" y="899"/>
                  </a:lnTo>
                  <a:lnTo>
                    <a:pt x="690" y="899"/>
                  </a:lnTo>
                  <a:lnTo>
                    <a:pt x="688" y="901"/>
                  </a:lnTo>
                  <a:lnTo>
                    <a:pt x="686" y="901"/>
                  </a:lnTo>
                  <a:lnTo>
                    <a:pt x="684" y="901"/>
                  </a:lnTo>
                  <a:lnTo>
                    <a:pt x="684" y="903"/>
                  </a:lnTo>
                  <a:lnTo>
                    <a:pt x="680" y="905"/>
                  </a:lnTo>
                  <a:lnTo>
                    <a:pt x="682" y="905"/>
                  </a:lnTo>
                  <a:lnTo>
                    <a:pt x="682" y="907"/>
                  </a:lnTo>
                  <a:lnTo>
                    <a:pt x="680" y="907"/>
                  </a:lnTo>
                  <a:lnTo>
                    <a:pt x="678" y="907"/>
                  </a:lnTo>
                  <a:lnTo>
                    <a:pt x="677" y="907"/>
                  </a:lnTo>
                  <a:lnTo>
                    <a:pt x="675" y="907"/>
                  </a:lnTo>
                  <a:lnTo>
                    <a:pt x="673" y="907"/>
                  </a:lnTo>
                  <a:lnTo>
                    <a:pt x="671" y="907"/>
                  </a:lnTo>
                  <a:lnTo>
                    <a:pt x="671" y="905"/>
                  </a:lnTo>
                  <a:lnTo>
                    <a:pt x="669" y="905"/>
                  </a:lnTo>
                  <a:lnTo>
                    <a:pt x="669" y="907"/>
                  </a:lnTo>
                  <a:lnTo>
                    <a:pt x="669" y="905"/>
                  </a:lnTo>
                  <a:lnTo>
                    <a:pt x="667" y="903"/>
                  </a:lnTo>
                  <a:lnTo>
                    <a:pt x="666" y="903"/>
                  </a:lnTo>
                  <a:lnTo>
                    <a:pt x="664" y="903"/>
                  </a:lnTo>
                  <a:lnTo>
                    <a:pt x="664" y="901"/>
                  </a:lnTo>
                  <a:lnTo>
                    <a:pt x="662" y="901"/>
                  </a:lnTo>
                  <a:lnTo>
                    <a:pt x="660" y="901"/>
                  </a:lnTo>
                  <a:lnTo>
                    <a:pt x="658" y="901"/>
                  </a:lnTo>
                  <a:lnTo>
                    <a:pt x="656" y="899"/>
                  </a:lnTo>
                  <a:lnTo>
                    <a:pt x="653" y="899"/>
                  </a:lnTo>
                  <a:lnTo>
                    <a:pt x="651" y="899"/>
                  </a:lnTo>
                  <a:lnTo>
                    <a:pt x="649" y="899"/>
                  </a:lnTo>
                  <a:lnTo>
                    <a:pt x="649" y="901"/>
                  </a:lnTo>
                  <a:lnTo>
                    <a:pt x="649" y="899"/>
                  </a:lnTo>
                  <a:lnTo>
                    <a:pt x="649" y="901"/>
                  </a:lnTo>
                  <a:lnTo>
                    <a:pt x="647" y="901"/>
                  </a:lnTo>
                  <a:lnTo>
                    <a:pt x="645" y="901"/>
                  </a:lnTo>
                  <a:lnTo>
                    <a:pt x="645" y="903"/>
                  </a:lnTo>
                  <a:lnTo>
                    <a:pt x="643" y="903"/>
                  </a:lnTo>
                  <a:lnTo>
                    <a:pt x="641" y="903"/>
                  </a:lnTo>
                  <a:lnTo>
                    <a:pt x="641" y="905"/>
                  </a:lnTo>
                  <a:lnTo>
                    <a:pt x="640" y="905"/>
                  </a:lnTo>
                  <a:lnTo>
                    <a:pt x="638" y="905"/>
                  </a:lnTo>
                  <a:lnTo>
                    <a:pt x="636" y="905"/>
                  </a:lnTo>
                  <a:lnTo>
                    <a:pt x="634" y="905"/>
                  </a:lnTo>
                  <a:lnTo>
                    <a:pt x="634" y="907"/>
                  </a:lnTo>
                  <a:lnTo>
                    <a:pt x="632" y="907"/>
                  </a:lnTo>
                  <a:lnTo>
                    <a:pt x="630" y="907"/>
                  </a:lnTo>
                  <a:lnTo>
                    <a:pt x="629" y="907"/>
                  </a:lnTo>
                  <a:lnTo>
                    <a:pt x="625" y="908"/>
                  </a:lnTo>
                  <a:lnTo>
                    <a:pt x="623" y="908"/>
                  </a:lnTo>
                  <a:lnTo>
                    <a:pt x="623" y="910"/>
                  </a:lnTo>
                  <a:lnTo>
                    <a:pt x="623" y="912"/>
                  </a:lnTo>
                  <a:lnTo>
                    <a:pt x="621" y="912"/>
                  </a:lnTo>
                  <a:lnTo>
                    <a:pt x="619" y="914"/>
                  </a:lnTo>
                  <a:lnTo>
                    <a:pt x="619" y="916"/>
                  </a:lnTo>
                  <a:lnTo>
                    <a:pt x="617" y="916"/>
                  </a:lnTo>
                  <a:lnTo>
                    <a:pt x="617" y="918"/>
                  </a:lnTo>
                  <a:lnTo>
                    <a:pt x="616" y="918"/>
                  </a:lnTo>
                  <a:lnTo>
                    <a:pt x="614" y="918"/>
                  </a:lnTo>
                  <a:lnTo>
                    <a:pt x="614" y="920"/>
                  </a:lnTo>
                  <a:lnTo>
                    <a:pt x="614" y="921"/>
                  </a:lnTo>
                  <a:lnTo>
                    <a:pt x="614" y="923"/>
                  </a:lnTo>
                  <a:lnTo>
                    <a:pt x="614" y="925"/>
                  </a:lnTo>
                  <a:lnTo>
                    <a:pt x="632" y="962"/>
                  </a:lnTo>
                  <a:lnTo>
                    <a:pt x="610" y="958"/>
                  </a:lnTo>
                  <a:lnTo>
                    <a:pt x="588" y="966"/>
                  </a:lnTo>
                  <a:lnTo>
                    <a:pt x="538" y="982"/>
                  </a:lnTo>
                  <a:lnTo>
                    <a:pt x="512" y="995"/>
                  </a:lnTo>
                  <a:lnTo>
                    <a:pt x="505" y="999"/>
                  </a:lnTo>
                  <a:lnTo>
                    <a:pt x="501" y="999"/>
                  </a:lnTo>
                  <a:lnTo>
                    <a:pt x="499" y="1001"/>
                  </a:lnTo>
                  <a:lnTo>
                    <a:pt x="499" y="1003"/>
                  </a:lnTo>
                  <a:lnTo>
                    <a:pt x="497" y="1003"/>
                  </a:lnTo>
                  <a:lnTo>
                    <a:pt x="497" y="1005"/>
                  </a:lnTo>
                  <a:lnTo>
                    <a:pt x="495" y="1005"/>
                  </a:lnTo>
                  <a:lnTo>
                    <a:pt x="494" y="1005"/>
                  </a:lnTo>
                  <a:lnTo>
                    <a:pt x="492" y="1003"/>
                  </a:lnTo>
                  <a:lnTo>
                    <a:pt x="490" y="1003"/>
                  </a:lnTo>
                  <a:lnTo>
                    <a:pt x="490" y="1001"/>
                  </a:lnTo>
                  <a:lnTo>
                    <a:pt x="488" y="1001"/>
                  </a:lnTo>
                  <a:lnTo>
                    <a:pt x="488" y="1003"/>
                  </a:lnTo>
                  <a:lnTo>
                    <a:pt x="486" y="1003"/>
                  </a:lnTo>
                  <a:lnTo>
                    <a:pt x="486" y="1005"/>
                  </a:lnTo>
                  <a:lnTo>
                    <a:pt x="486" y="1006"/>
                  </a:lnTo>
                  <a:lnTo>
                    <a:pt x="486" y="1008"/>
                  </a:lnTo>
                  <a:lnTo>
                    <a:pt x="486" y="1010"/>
                  </a:lnTo>
                  <a:lnTo>
                    <a:pt x="484" y="1010"/>
                  </a:lnTo>
                  <a:lnTo>
                    <a:pt x="484" y="1012"/>
                  </a:lnTo>
                  <a:lnTo>
                    <a:pt x="483" y="1012"/>
                  </a:lnTo>
                  <a:lnTo>
                    <a:pt x="481" y="1012"/>
                  </a:lnTo>
                  <a:lnTo>
                    <a:pt x="481" y="1014"/>
                  </a:lnTo>
                  <a:lnTo>
                    <a:pt x="479" y="1014"/>
                  </a:lnTo>
                  <a:lnTo>
                    <a:pt x="477" y="1014"/>
                  </a:lnTo>
                  <a:lnTo>
                    <a:pt x="475" y="1014"/>
                  </a:lnTo>
                  <a:lnTo>
                    <a:pt x="473" y="1014"/>
                  </a:lnTo>
                  <a:lnTo>
                    <a:pt x="466" y="1031"/>
                  </a:lnTo>
                  <a:lnTo>
                    <a:pt x="462" y="1034"/>
                  </a:lnTo>
                  <a:lnTo>
                    <a:pt x="460" y="1034"/>
                  </a:lnTo>
                  <a:lnTo>
                    <a:pt x="460" y="1036"/>
                  </a:lnTo>
                  <a:lnTo>
                    <a:pt x="458" y="1036"/>
                  </a:lnTo>
                  <a:lnTo>
                    <a:pt x="458" y="1038"/>
                  </a:lnTo>
                  <a:lnTo>
                    <a:pt x="457" y="1038"/>
                  </a:lnTo>
                  <a:lnTo>
                    <a:pt x="457" y="1040"/>
                  </a:lnTo>
                  <a:lnTo>
                    <a:pt x="457" y="1043"/>
                  </a:lnTo>
                  <a:lnTo>
                    <a:pt x="455" y="1047"/>
                  </a:lnTo>
                  <a:lnTo>
                    <a:pt x="455" y="1049"/>
                  </a:lnTo>
                  <a:lnTo>
                    <a:pt x="455" y="1051"/>
                  </a:lnTo>
                  <a:lnTo>
                    <a:pt x="457" y="1051"/>
                  </a:lnTo>
                  <a:lnTo>
                    <a:pt x="457" y="1053"/>
                  </a:lnTo>
                  <a:lnTo>
                    <a:pt x="457" y="1055"/>
                  </a:lnTo>
                  <a:lnTo>
                    <a:pt x="458" y="1055"/>
                  </a:lnTo>
                  <a:lnTo>
                    <a:pt x="458" y="1056"/>
                  </a:lnTo>
                  <a:lnTo>
                    <a:pt x="458" y="1058"/>
                  </a:lnTo>
                  <a:lnTo>
                    <a:pt x="458" y="1060"/>
                  </a:lnTo>
                  <a:lnTo>
                    <a:pt x="460" y="1060"/>
                  </a:lnTo>
                  <a:lnTo>
                    <a:pt x="460" y="1062"/>
                  </a:lnTo>
                  <a:lnTo>
                    <a:pt x="462" y="1064"/>
                  </a:lnTo>
                  <a:lnTo>
                    <a:pt x="464" y="1066"/>
                  </a:lnTo>
                  <a:lnTo>
                    <a:pt x="466" y="1066"/>
                  </a:lnTo>
                  <a:lnTo>
                    <a:pt x="468" y="1068"/>
                  </a:lnTo>
                  <a:lnTo>
                    <a:pt x="470" y="1068"/>
                  </a:lnTo>
                  <a:lnTo>
                    <a:pt x="470" y="1069"/>
                  </a:lnTo>
                  <a:lnTo>
                    <a:pt x="471" y="1069"/>
                  </a:lnTo>
                  <a:lnTo>
                    <a:pt x="471" y="1071"/>
                  </a:lnTo>
                  <a:lnTo>
                    <a:pt x="471" y="1075"/>
                  </a:lnTo>
                  <a:lnTo>
                    <a:pt x="471" y="1077"/>
                  </a:lnTo>
                  <a:lnTo>
                    <a:pt x="471" y="1079"/>
                  </a:lnTo>
                  <a:lnTo>
                    <a:pt x="471" y="1080"/>
                  </a:lnTo>
                  <a:lnTo>
                    <a:pt x="473" y="1080"/>
                  </a:lnTo>
                  <a:lnTo>
                    <a:pt x="471" y="1082"/>
                  </a:lnTo>
                  <a:lnTo>
                    <a:pt x="470" y="1082"/>
                  </a:lnTo>
                  <a:lnTo>
                    <a:pt x="468" y="1082"/>
                  </a:lnTo>
                  <a:lnTo>
                    <a:pt x="466" y="1082"/>
                  </a:lnTo>
                  <a:lnTo>
                    <a:pt x="464" y="1082"/>
                  </a:lnTo>
                  <a:lnTo>
                    <a:pt x="462" y="1082"/>
                  </a:lnTo>
                  <a:lnTo>
                    <a:pt x="460" y="1082"/>
                  </a:lnTo>
                  <a:lnTo>
                    <a:pt x="460" y="1084"/>
                  </a:lnTo>
                  <a:lnTo>
                    <a:pt x="458" y="1084"/>
                  </a:lnTo>
                  <a:lnTo>
                    <a:pt x="457" y="1084"/>
                  </a:lnTo>
                  <a:lnTo>
                    <a:pt x="455" y="1084"/>
                  </a:lnTo>
                  <a:lnTo>
                    <a:pt x="455" y="1086"/>
                  </a:lnTo>
                  <a:lnTo>
                    <a:pt x="453" y="1086"/>
                  </a:lnTo>
                  <a:lnTo>
                    <a:pt x="451" y="1086"/>
                  </a:lnTo>
                  <a:lnTo>
                    <a:pt x="451" y="1088"/>
                  </a:lnTo>
                  <a:lnTo>
                    <a:pt x="449" y="1088"/>
                  </a:lnTo>
                  <a:lnTo>
                    <a:pt x="449" y="1090"/>
                  </a:lnTo>
                  <a:lnTo>
                    <a:pt x="447" y="1090"/>
                  </a:lnTo>
                  <a:lnTo>
                    <a:pt x="446" y="1090"/>
                  </a:lnTo>
                  <a:lnTo>
                    <a:pt x="444" y="1090"/>
                  </a:lnTo>
                  <a:lnTo>
                    <a:pt x="442" y="1090"/>
                  </a:lnTo>
                  <a:lnTo>
                    <a:pt x="440" y="1090"/>
                  </a:lnTo>
                  <a:lnTo>
                    <a:pt x="438" y="1090"/>
                  </a:lnTo>
                  <a:lnTo>
                    <a:pt x="436" y="1090"/>
                  </a:lnTo>
                  <a:lnTo>
                    <a:pt x="434" y="1090"/>
                  </a:lnTo>
                  <a:lnTo>
                    <a:pt x="433" y="1088"/>
                  </a:lnTo>
                  <a:lnTo>
                    <a:pt x="431" y="1088"/>
                  </a:lnTo>
                  <a:lnTo>
                    <a:pt x="429" y="1088"/>
                  </a:lnTo>
                  <a:lnTo>
                    <a:pt x="429" y="1086"/>
                  </a:lnTo>
                  <a:lnTo>
                    <a:pt x="429" y="1084"/>
                  </a:lnTo>
                  <a:lnTo>
                    <a:pt x="429" y="1082"/>
                  </a:lnTo>
                  <a:lnTo>
                    <a:pt x="429" y="1080"/>
                  </a:lnTo>
                  <a:lnTo>
                    <a:pt x="429" y="1079"/>
                  </a:lnTo>
                  <a:lnTo>
                    <a:pt x="429" y="1077"/>
                  </a:lnTo>
                  <a:lnTo>
                    <a:pt x="429" y="1075"/>
                  </a:lnTo>
                  <a:lnTo>
                    <a:pt x="429" y="1073"/>
                  </a:lnTo>
                  <a:lnTo>
                    <a:pt x="429" y="1071"/>
                  </a:lnTo>
                  <a:lnTo>
                    <a:pt x="429" y="1069"/>
                  </a:lnTo>
                  <a:lnTo>
                    <a:pt x="429" y="1068"/>
                  </a:lnTo>
                  <a:lnTo>
                    <a:pt x="427" y="1068"/>
                  </a:lnTo>
                  <a:lnTo>
                    <a:pt x="425" y="1068"/>
                  </a:lnTo>
                  <a:lnTo>
                    <a:pt x="423" y="1068"/>
                  </a:lnTo>
                  <a:lnTo>
                    <a:pt x="423" y="1069"/>
                  </a:lnTo>
                  <a:lnTo>
                    <a:pt x="422" y="1069"/>
                  </a:lnTo>
                  <a:lnTo>
                    <a:pt x="420" y="1069"/>
                  </a:lnTo>
                  <a:lnTo>
                    <a:pt x="420" y="1068"/>
                  </a:lnTo>
                  <a:lnTo>
                    <a:pt x="418" y="1068"/>
                  </a:lnTo>
                  <a:lnTo>
                    <a:pt x="418" y="1066"/>
                  </a:lnTo>
                  <a:lnTo>
                    <a:pt x="416" y="1066"/>
                  </a:lnTo>
                  <a:lnTo>
                    <a:pt x="416" y="1068"/>
                  </a:lnTo>
                  <a:lnTo>
                    <a:pt x="414" y="1068"/>
                  </a:lnTo>
                  <a:lnTo>
                    <a:pt x="410" y="1068"/>
                  </a:lnTo>
                  <a:lnTo>
                    <a:pt x="410" y="1069"/>
                  </a:lnTo>
                  <a:lnTo>
                    <a:pt x="409" y="1069"/>
                  </a:lnTo>
                  <a:lnTo>
                    <a:pt x="407" y="1069"/>
                  </a:lnTo>
                  <a:lnTo>
                    <a:pt x="403" y="1071"/>
                  </a:lnTo>
                  <a:lnTo>
                    <a:pt x="401" y="1071"/>
                  </a:lnTo>
                  <a:lnTo>
                    <a:pt x="399" y="1069"/>
                  </a:lnTo>
                  <a:lnTo>
                    <a:pt x="399" y="1068"/>
                  </a:lnTo>
                  <a:lnTo>
                    <a:pt x="399" y="1066"/>
                  </a:lnTo>
                  <a:lnTo>
                    <a:pt x="397" y="1066"/>
                  </a:lnTo>
                  <a:lnTo>
                    <a:pt x="396" y="1066"/>
                  </a:lnTo>
                  <a:lnTo>
                    <a:pt x="394" y="1066"/>
                  </a:lnTo>
                  <a:lnTo>
                    <a:pt x="392" y="1066"/>
                  </a:lnTo>
                  <a:lnTo>
                    <a:pt x="390" y="1066"/>
                  </a:lnTo>
                  <a:lnTo>
                    <a:pt x="388" y="1066"/>
                  </a:lnTo>
                  <a:lnTo>
                    <a:pt x="388" y="1064"/>
                  </a:lnTo>
                  <a:lnTo>
                    <a:pt x="386" y="1064"/>
                  </a:lnTo>
                  <a:lnTo>
                    <a:pt x="385" y="1066"/>
                  </a:lnTo>
                  <a:lnTo>
                    <a:pt x="383" y="1066"/>
                  </a:lnTo>
                  <a:lnTo>
                    <a:pt x="381" y="1064"/>
                  </a:lnTo>
                  <a:lnTo>
                    <a:pt x="379" y="1064"/>
                  </a:lnTo>
                  <a:lnTo>
                    <a:pt x="377" y="1064"/>
                  </a:lnTo>
                  <a:lnTo>
                    <a:pt x="377" y="1062"/>
                  </a:lnTo>
                  <a:lnTo>
                    <a:pt x="377" y="1060"/>
                  </a:lnTo>
                  <a:lnTo>
                    <a:pt x="377" y="1058"/>
                  </a:lnTo>
                  <a:lnTo>
                    <a:pt x="379" y="1058"/>
                  </a:lnTo>
                  <a:lnTo>
                    <a:pt x="379" y="1056"/>
                  </a:lnTo>
                  <a:lnTo>
                    <a:pt x="379" y="1055"/>
                  </a:lnTo>
                  <a:lnTo>
                    <a:pt x="381" y="1055"/>
                  </a:lnTo>
                  <a:lnTo>
                    <a:pt x="381" y="1053"/>
                  </a:lnTo>
                  <a:lnTo>
                    <a:pt x="383" y="1051"/>
                  </a:lnTo>
                  <a:lnTo>
                    <a:pt x="383" y="1049"/>
                  </a:lnTo>
                  <a:lnTo>
                    <a:pt x="381" y="1047"/>
                  </a:lnTo>
                  <a:lnTo>
                    <a:pt x="379" y="1047"/>
                  </a:lnTo>
                  <a:lnTo>
                    <a:pt x="379" y="1045"/>
                  </a:lnTo>
                  <a:lnTo>
                    <a:pt x="379" y="1043"/>
                  </a:lnTo>
                  <a:lnTo>
                    <a:pt x="377" y="1042"/>
                  </a:lnTo>
                  <a:lnTo>
                    <a:pt x="377" y="1040"/>
                  </a:lnTo>
                  <a:lnTo>
                    <a:pt x="375" y="1038"/>
                  </a:lnTo>
                  <a:lnTo>
                    <a:pt x="373" y="1034"/>
                  </a:lnTo>
                  <a:lnTo>
                    <a:pt x="372" y="1034"/>
                  </a:lnTo>
                  <a:lnTo>
                    <a:pt x="372" y="1032"/>
                  </a:lnTo>
                  <a:lnTo>
                    <a:pt x="372" y="1031"/>
                  </a:lnTo>
                  <a:lnTo>
                    <a:pt x="373" y="1029"/>
                  </a:lnTo>
                  <a:lnTo>
                    <a:pt x="372" y="1027"/>
                  </a:lnTo>
                  <a:lnTo>
                    <a:pt x="370" y="1027"/>
                  </a:lnTo>
                  <a:lnTo>
                    <a:pt x="370" y="1025"/>
                  </a:lnTo>
                  <a:lnTo>
                    <a:pt x="368" y="1025"/>
                  </a:lnTo>
                  <a:lnTo>
                    <a:pt x="368" y="1023"/>
                  </a:lnTo>
                  <a:lnTo>
                    <a:pt x="368" y="1021"/>
                  </a:lnTo>
                  <a:lnTo>
                    <a:pt x="368" y="1019"/>
                  </a:lnTo>
                  <a:lnTo>
                    <a:pt x="368" y="1018"/>
                  </a:lnTo>
                  <a:lnTo>
                    <a:pt x="366" y="1016"/>
                  </a:lnTo>
                  <a:lnTo>
                    <a:pt x="366" y="1014"/>
                  </a:lnTo>
                  <a:lnTo>
                    <a:pt x="366" y="1012"/>
                  </a:lnTo>
                  <a:lnTo>
                    <a:pt x="364" y="1010"/>
                  </a:lnTo>
                  <a:lnTo>
                    <a:pt x="364" y="1008"/>
                  </a:lnTo>
                  <a:lnTo>
                    <a:pt x="362" y="1008"/>
                  </a:lnTo>
                  <a:lnTo>
                    <a:pt x="362" y="1006"/>
                  </a:lnTo>
                  <a:lnTo>
                    <a:pt x="361" y="1006"/>
                  </a:lnTo>
                  <a:lnTo>
                    <a:pt x="361" y="1005"/>
                  </a:lnTo>
                  <a:lnTo>
                    <a:pt x="361" y="1003"/>
                  </a:lnTo>
                  <a:lnTo>
                    <a:pt x="359" y="1003"/>
                  </a:lnTo>
                  <a:lnTo>
                    <a:pt x="357" y="1003"/>
                  </a:lnTo>
                  <a:lnTo>
                    <a:pt x="357" y="1001"/>
                  </a:lnTo>
                  <a:lnTo>
                    <a:pt x="357" y="999"/>
                  </a:lnTo>
                  <a:lnTo>
                    <a:pt x="355" y="999"/>
                  </a:lnTo>
                  <a:lnTo>
                    <a:pt x="353" y="999"/>
                  </a:lnTo>
                  <a:lnTo>
                    <a:pt x="351" y="997"/>
                  </a:lnTo>
                  <a:lnTo>
                    <a:pt x="349" y="999"/>
                  </a:lnTo>
                  <a:lnTo>
                    <a:pt x="349" y="1001"/>
                  </a:lnTo>
                  <a:lnTo>
                    <a:pt x="348" y="1003"/>
                  </a:lnTo>
                  <a:lnTo>
                    <a:pt x="346" y="1003"/>
                  </a:lnTo>
                  <a:lnTo>
                    <a:pt x="344" y="1005"/>
                  </a:lnTo>
                  <a:lnTo>
                    <a:pt x="342" y="1005"/>
                  </a:lnTo>
                  <a:lnTo>
                    <a:pt x="342" y="1006"/>
                  </a:lnTo>
                  <a:lnTo>
                    <a:pt x="342" y="1005"/>
                  </a:lnTo>
                  <a:lnTo>
                    <a:pt x="340" y="1005"/>
                  </a:lnTo>
                  <a:lnTo>
                    <a:pt x="340" y="1003"/>
                  </a:lnTo>
                  <a:lnTo>
                    <a:pt x="338" y="1003"/>
                  </a:lnTo>
                  <a:lnTo>
                    <a:pt x="338" y="1001"/>
                  </a:lnTo>
                  <a:lnTo>
                    <a:pt x="338" y="999"/>
                  </a:lnTo>
                  <a:lnTo>
                    <a:pt x="338" y="997"/>
                  </a:lnTo>
                  <a:lnTo>
                    <a:pt x="340" y="997"/>
                  </a:lnTo>
                  <a:lnTo>
                    <a:pt x="340" y="995"/>
                  </a:lnTo>
                  <a:lnTo>
                    <a:pt x="338" y="995"/>
                  </a:lnTo>
                  <a:lnTo>
                    <a:pt x="338" y="994"/>
                  </a:lnTo>
                  <a:lnTo>
                    <a:pt x="340" y="992"/>
                  </a:lnTo>
                  <a:lnTo>
                    <a:pt x="340" y="990"/>
                  </a:lnTo>
                  <a:lnTo>
                    <a:pt x="338" y="990"/>
                  </a:lnTo>
                  <a:lnTo>
                    <a:pt x="338" y="988"/>
                  </a:lnTo>
                  <a:lnTo>
                    <a:pt x="336" y="988"/>
                  </a:lnTo>
                  <a:lnTo>
                    <a:pt x="336" y="986"/>
                  </a:lnTo>
                  <a:lnTo>
                    <a:pt x="336" y="984"/>
                  </a:lnTo>
                  <a:lnTo>
                    <a:pt x="335" y="984"/>
                  </a:lnTo>
                  <a:lnTo>
                    <a:pt x="333" y="984"/>
                  </a:lnTo>
                  <a:lnTo>
                    <a:pt x="331" y="984"/>
                  </a:lnTo>
                  <a:lnTo>
                    <a:pt x="331" y="986"/>
                  </a:lnTo>
                  <a:lnTo>
                    <a:pt x="331" y="984"/>
                  </a:lnTo>
                  <a:lnTo>
                    <a:pt x="329" y="984"/>
                  </a:lnTo>
                  <a:lnTo>
                    <a:pt x="327" y="984"/>
                  </a:lnTo>
                  <a:lnTo>
                    <a:pt x="327" y="982"/>
                  </a:lnTo>
                  <a:lnTo>
                    <a:pt x="325" y="982"/>
                  </a:lnTo>
                  <a:lnTo>
                    <a:pt x="325" y="984"/>
                  </a:lnTo>
                  <a:lnTo>
                    <a:pt x="324" y="986"/>
                  </a:lnTo>
                  <a:lnTo>
                    <a:pt x="322" y="988"/>
                  </a:lnTo>
                  <a:lnTo>
                    <a:pt x="320" y="988"/>
                  </a:lnTo>
                  <a:lnTo>
                    <a:pt x="318" y="988"/>
                  </a:lnTo>
                  <a:lnTo>
                    <a:pt x="318" y="986"/>
                  </a:lnTo>
                  <a:lnTo>
                    <a:pt x="318" y="984"/>
                  </a:lnTo>
                  <a:lnTo>
                    <a:pt x="318" y="982"/>
                  </a:lnTo>
                  <a:lnTo>
                    <a:pt x="316" y="981"/>
                  </a:lnTo>
                  <a:lnTo>
                    <a:pt x="316" y="979"/>
                  </a:lnTo>
                  <a:lnTo>
                    <a:pt x="318" y="977"/>
                  </a:lnTo>
                  <a:lnTo>
                    <a:pt x="320" y="975"/>
                  </a:lnTo>
                  <a:lnTo>
                    <a:pt x="320" y="973"/>
                  </a:lnTo>
                  <a:lnTo>
                    <a:pt x="318" y="973"/>
                  </a:lnTo>
                  <a:lnTo>
                    <a:pt x="316" y="973"/>
                  </a:lnTo>
                  <a:lnTo>
                    <a:pt x="314" y="973"/>
                  </a:lnTo>
                  <a:lnTo>
                    <a:pt x="312" y="973"/>
                  </a:lnTo>
                  <a:lnTo>
                    <a:pt x="311" y="971"/>
                  </a:lnTo>
                  <a:lnTo>
                    <a:pt x="311" y="973"/>
                  </a:lnTo>
                  <a:lnTo>
                    <a:pt x="309" y="973"/>
                  </a:lnTo>
                  <a:lnTo>
                    <a:pt x="309" y="975"/>
                  </a:lnTo>
                  <a:lnTo>
                    <a:pt x="307" y="975"/>
                  </a:lnTo>
                  <a:lnTo>
                    <a:pt x="307" y="973"/>
                  </a:lnTo>
                  <a:lnTo>
                    <a:pt x="305" y="971"/>
                  </a:lnTo>
                  <a:lnTo>
                    <a:pt x="303" y="971"/>
                  </a:lnTo>
                  <a:lnTo>
                    <a:pt x="301" y="971"/>
                  </a:lnTo>
                  <a:lnTo>
                    <a:pt x="300" y="971"/>
                  </a:lnTo>
                  <a:lnTo>
                    <a:pt x="298" y="971"/>
                  </a:lnTo>
                  <a:lnTo>
                    <a:pt x="296" y="971"/>
                  </a:lnTo>
                  <a:lnTo>
                    <a:pt x="296" y="969"/>
                  </a:lnTo>
                  <a:lnTo>
                    <a:pt x="294" y="969"/>
                  </a:lnTo>
                  <a:lnTo>
                    <a:pt x="292" y="969"/>
                  </a:lnTo>
                  <a:lnTo>
                    <a:pt x="290" y="969"/>
                  </a:lnTo>
                  <a:lnTo>
                    <a:pt x="288" y="969"/>
                  </a:lnTo>
                  <a:lnTo>
                    <a:pt x="287" y="969"/>
                  </a:lnTo>
                  <a:lnTo>
                    <a:pt x="287" y="968"/>
                  </a:lnTo>
                  <a:lnTo>
                    <a:pt x="285" y="968"/>
                  </a:lnTo>
                  <a:lnTo>
                    <a:pt x="285" y="966"/>
                  </a:lnTo>
                  <a:lnTo>
                    <a:pt x="283" y="966"/>
                  </a:lnTo>
                  <a:lnTo>
                    <a:pt x="281" y="964"/>
                  </a:lnTo>
                  <a:lnTo>
                    <a:pt x="279" y="962"/>
                  </a:lnTo>
                  <a:lnTo>
                    <a:pt x="277" y="964"/>
                  </a:lnTo>
                  <a:lnTo>
                    <a:pt x="277" y="966"/>
                  </a:lnTo>
                  <a:lnTo>
                    <a:pt x="275" y="966"/>
                  </a:lnTo>
                  <a:lnTo>
                    <a:pt x="274" y="966"/>
                  </a:lnTo>
                  <a:lnTo>
                    <a:pt x="272" y="964"/>
                  </a:lnTo>
                  <a:lnTo>
                    <a:pt x="270" y="964"/>
                  </a:lnTo>
                  <a:lnTo>
                    <a:pt x="270" y="966"/>
                  </a:lnTo>
                  <a:lnTo>
                    <a:pt x="270" y="964"/>
                  </a:lnTo>
                  <a:lnTo>
                    <a:pt x="268" y="964"/>
                  </a:lnTo>
                  <a:lnTo>
                    <a:pt x="268" y="966"/>
                  </a:lnTo>
                  <a:lnTo>
                    <a:pt x="266" y="966"/>
                  </a:lnTo>
                  <a:lnTo>
                    <a:pt x="264" y="964"/>
                  </a:lnTo>
                  <a:lnTo>
                    <a:pt x="261" y="964"/>
                  </a:lnTo>
                  <a:lnTo>
                    <a:pt x="259" y="962"/>
                  </a:lnTo>
                  <a:lnTo>
                    <a:pt x="259" y="964"/>
                  </a:lnTo>
                  <a:lnTo>
                    <a:pt x="257" y="964"/>
                  </a:lnTo>
                  <a:lnTo>
                    <a:pt x="255" y="964"/>
                  </a:lnTo>
                  <a:lnTo>
                    <a:pt x="255" y="966"/>
                  </a:lnTo>
                  <a:lnTo>
                    <a:pt x="255" y="968"/>
                  </a:lnTo>
                  <a:lnTo>
                    <a:pt x="253" y="968"/>
                  </a:lnTo>
                  <a:lnTo>
                    <a:pt x="251" y="966"/>
                  </a:lnTo>
                  <a:lnTo>
                    <a:pt x="250" y="966"/>
                  </a:lnTo>
                  <a:lnTo>
                    <a:pt x="250" y="964"/>
                  </a:lnTo>
                  <a:lnTo>
                    <a:pt x="250" y="966"/>
                  </a:lnTo>
                  <a:lnTo>
                    <a:pt x="250" y="968"/>
                  </a:lnTo>
                  <a:lnTo>
                    <a:pt x="248" y="968"/>
                  </a:lnTo>
                  <a:lnTo>
                    <a:pt x="248" y="969"/>
                  </a:lnTo>
                  <a:lnTo>
                    <a:pt x="248" y="971"/>
                  </a:lnTo>
                  <a:lnTo>
                    <a:pt x="248" y="973"/>
                  </a:lnTo>
                  <a:lnTo>
                    <a:pt x="248" y="975"/>
                  </a:lnTo>
                  <a:lnTo>
                    <a:pt x="246" y="973"/>
                  </a:lnTo>
                  <a:lnTo>
                    <a:pt x="244" y="973"/>
                  </a:lnTo>
                  <a:lnTo>
                    <a:pt x="244" y="971"/>
                  </a:lnTo>
                  <a:lnTo>
                    <a:pt x="242" y="971"/>
                  </a:lnTo>
                  <a:lnTo>
                    <a:pt x="240" y="971"/>
                  </a:lnTo>
                  <a:lnTo>
                    <a:pt x="239" y="971"/>
                  </a:lnTo>
                  <a:lnTo>
                    <a:pt x="237" y="971"/>
                  </a:lnTo>
                  <a:lnTo>
                    <a:pt x="235" y="971"/>
                  </a:lnTo>
                  <a:lnTo>
                    <a:pt x="233" y="971"/>
                  </a:lnTo>
                  <a:lnTo>
                    <a:pt x="233" y="969"/>
                  </a:lnTo>
                  <a:lnTo>
                    <a:pt x="235" y="969"/>
                  </a:lnTo>
                  <a:lnTo>
                    <a:pt x="233" y="969"/>
                  </a:lnTo>
                  <a:lnTo>
                    <a:pt x="235" y="969"/>
                  </a:lnTo>
                  <a:lnTo>
                    <a:pt x="233" y="969"/>
                  </a:lnTo>
                  <a:lnTo>
                    <a:pt x="233" y="971"/>
                  </a:lnTo>
                  <a:lnTo>
                    <a:pt x="229" y="969"/>
                  </a:lnTo>
                  <a:lnTo>
                    <a:pt x="227" y="969"/>
                  </a:lnTo>
                  <a:lnTo>
                    <a:pt x="222" y="971"/>
                  </a:lnTo>
                  <a:lnTo>
                    <a:pt x="222" y="973"/>
                  </a:lnTo>
                  <a:lnTo>
                    <a:pt x="222" y="975"/>
                  </a:lnTo>
                  <a:lnTo>
                    <a:pt x="222" y="977"/>
                  </a:lnTo>
                  <a:lnTo>
                    <a:pt x="222" y="979"/>
                  </a:lnTo>
                  <a:lnTo>
                    <a:pt x="220" y="979"/>
                  </a:lnTo>
                  <a:lnTo>
                    <a:pt x="218" y="979"/>
                  </a:lnTo>
                  <a:lnTo>
                    <a:pt x="216" y="981"/>
                  </a:lnTo>
                  <a:lnTo>
                    <a:pt x="214" y="981"/>
                  </a:lnTo>
                  <a:lnTo>
                    <a:pt x="213" y="981"/>
                  </a:lnTo>
                  <a:lnTo>
                    <a:pt x="211" y="981"/>
                  </a:lnTo>
                  <a:lnTo>
                    <a:pt x="213" y="981"/>
                  </a:lnTo>
                  <a:lnTo>
                    <a:pt x="213" y="982"/>
                  </a:lnTo>
                  <a:lnTo>
                    <a:pt x="211" y="982"/>
                  </a:lnTo>
                  <a:lnTo>
                    <a:pt x="211" y="984"/>
                  </a:lnTo>
                  <a:lnTo>
                    <a:pt x="209" y="984"/>
                  </a:lnTo>
                  <a:lnTo>
                    <a:pt x="209" y="986"/>
                  </a:lnTo>
                  <a:lnTo>
                    <a:pt x="207" y="986"/>
                  </a:lnTo>
                  <a:lnTo>
                    <a:pt x="205" y="986"/>
                  </a:lnTo>
                  <a:lnTo>
                    <a:pt x="203" y="986"/>
                  </a:lnTo>
                  <a:lnTo>
                    <a:pt x="202" y="986"/>
                  </a:lnTo>
                  <a:lnTo>
                    <a:pt x="200" y="986"/>
                  </a:lnTo>
                  <a:lnTo>
                    <a:pt x="198" y="986"/>
                  </a:lnTo>
                  <a:lnTo>
                    <a:pt x="196" y="986"/>
                  </a:lnTo>
                  <a:lnTo>
                    <a:pt x="194" y="986"/>
                  </a:lnTo>
                  <a:lnTo>
                    <a:pt x="192" y="988"/>
                  </a:lnTo>
                  <a:lnTo>
                    <a:pt x="190" y="988"/>
                  </a:lnTo>
                  <a:lnTo>
                    <a:pt x="189" y="988"/>
                  </a:lnTo>
                  <a:lnTo>
                    <a:pt x="189" y="990"/>
                  </a:lnTo>
                  <a:lnTo>
                    <a:pt x="187" y="990"/>
                  </a:lnTo>
                  <a:lnTo>
                    <a:pt x="185" y="992"/>
                  </a:lnTo>
                  <a:lnTo>
                    <a:pt x="183" y="994"/>
                  </a:lnTo>
                  <a:lnTo>
                    <a:pt x="181" y="994"/>
                  </a:lnTo>
                  <a:lnTo>
                    <a:pt x="179" y="994"/>
                  </a:lnTo>
                  <a:lnTo>
                    <a:pt x="178" y="994"/>
                  </a:lnTo>
                  <a:lnTo>
                    <a:pt x="176" y="994"/>
                  </a:lnTo>
                  <a:lnTo>
                    <a:pt x="172" y="992"/>
                  </a:lnTo>
                  <a:lnTo>
                    <a:pt x="172" y="990"/>
                  </a:lnTo>
                  <a:lnTo>
                    <a:pt x="170" y="992"/>
                  </a:lnTo>
                  <a:lnTo>
                    <a:pt x="170" y="994"/>
                  </a:lnTo>
                  <a:lnTo>
                    <a:pt x="168" y="994"/>
                  </a:lnTo>
                  <a:lnTo>
                    <a:pt x="166" y="994"/>
                  </a:lnTo>
                  <a:lnTo>
                    <a:pt x="166" y="992"/>
                  </a:lnTo>
                  <a:lnTo>
                    <a:pt x="166" y="990"/>
                  </a:lnTo>
                  <a:lnTo>
                    <a:pt x="168" y="990"/>
                  </a:lnTo>
                  <a:lnTo>
                    <a:pt x="166" y="988"/>
                  </a:lnTo>
                  <a:lnTo>
                    <a:pt x="166" y="986"/>
                  </a:lnTo>
                  <a:lnTo>
                    <a:pt x="165" y="986"/>
                  </a:lnTo>
                  <a:lnTo>
                    <a:pt x="163" y="986"/>
                  </a:lnTo>
                  <a:lnTo>
                    <a:pt x="163" y="984"/>
                  </a:lnTo>
                  <a:lnTo>
                    <a:pt x="161" y="984"/>
                  </a:lnTo>
                  <a:lnTo>
                    <a:pt x="159" y="984"/>
                  </a:lnTo>
                  <a:lnTo>
                    <a:pt x="159" y="982"/>
                  </a:lnTo>
                  <a:lnTo>
                    <a:pt x="157" y="982"/>
                  </a:lnTo>
                  <a:lnTo>
                    <a:pt x="155" y="982"/>
                  </a:lnTo>
                  <a:lnTo>
                    <a:pt x="153" y="982"/>
                  </a:lnTo>
                  <a:lnTo>
                    <a:pt x="152" y="982"/>
                  </a:lnTo>
                  <a:lnTo>
                    <a:pt x="152" y="984"/>
                  </a:lnTo>
                  <a:lnTo>
                    <a:pt x="150" y="984"/>
                  </a:lnTo>
                  <a:lnTo>
                    <a:pt x="150" y="982"/>
                  </a:lnTo>
                  <a:lnTo>
                    <a:pt x="150" y="981"/>
                  </a:lnTo>
                  <a:lnTo>
                    <a:pt x="148" y="979"/>
                  </a:lnTo>
                  <a:lnTo>
                    <a:pt x="148" y="977"/>
                  </a:lnTo>
                  <a:lnTo>
                    <a:pt x="146" y="977"/>
                  </a:lnTo>
                  <a:lnTo>
                    <a:pt x="146" y="975"/>
                  </a:lnTo>
                  <a:lnTo>
                    <a:pt x="144" y="975"/>
                  </a:lnTo>
                  <a:lnTo>
                    <a:pt x="144" y="973"/>
                  </a:lnTo>
                  <a:lnTo>
                    <a:pt x="142" y="973"/>
                  </a:lnTo>
                  <a:lnTo>
                    <a:pt x="141" y="975"/>
                  </a:lnTo>
                  <a:lnTo>
                    <a:pt x="139" y="975"/>
                  </a:lnTo>
                  <a:lnTo>
                    <a:pt x="137" y="975"/>
                  </a:lnTo>
                  <a:lnTo>
                    <a:pt x="137" y="973"/>
                  </a:lnTo>
                  <a:lnTo>
                    <a:pt x="139" y="973"/>
                  </a:lnTo>
                  <a:lnTo>
                    <a:pt x="137" y="971"/>
                  </a:lnTo>
                  <a:lnTo>
                    <a:pt x="135" y="971"/>
                  </a:lnTo>
                  <a:lnTo>
                    <a:pt x="135" y="969"/>
                  </a:lnTo>
                  <a:lnTo>
                    <a:pt x="135" y="971"/>
                  </a:lnTo>
                  <a:lnTo>
                    <a:pt x="131" y="971"/>
                  </a:lnTo>
                  <a:lnTo>
                    <a:pt x="131" y="969"/>
                  </a:lnTo>
                  <a:lnTo>
                    <a:pt x="131" y="968"/>
                  </a:lnTo>
                  <a:lnTo>
                    <a:pt x="129" y="968"/>
                  </a:lnTo>
                  <a:lnTo>
                    <a:pt x="129" y="966"/>
                  </a:lnTo>
                  <a:lnTo>
                    <a:pt x="129" y="964"/>
                  </a:lnTo>
                  <a:lnTo>
                    <a:pt x="128" y="964"/>
                  </a:lnTo>
                  <a:lnTo>
                    <a:pt x="126" y="966"/>
                  </a:lnTo>
                  <a:lnTo>
                    <a:pt x="126" y="964"/>
                  </a:lnTo>
                  <a:lnTo>
                    <a:pt x="124" y="964"/>
                  </a:lnTo>
                  <a:lnTo>
                    <a:pt x="124" y="962"/>
                  </a:lnTo>
                  <a:lnTo>
                    <a:pt x="122" y="960"/>
                  </a:lnTo>
                  <a:lnTo>
                    <a:pt x="120" y="962"/>
                  </a:lnTo>
                  <a:lnTo>
                    <a:pt x="118" y="962"/>
                  </a:lnTo>
                  <a:lnTo>
                    <a:pt x="117" y="964"/>
                  </a:lnTo>
                  <a:lnTo>
                    <a:pt x="115" y="964"/>
                  </a:lnTo>
                  <a:lnTo>
                    <a:pt x="109" y="962"/>
                  </a:lnTo>
                  <a:lnTo>
                    <a:pt x="107" y="960"/>
                  </a:lnTo>
                  <a:lnTo>
                    <a:pt x="105" y="960"/>
                  </a:lnTo>
                  <a:lnTo>
                    <a:pt x="104" y="962"/>
                  </a:lnTo>
                  <a:lnTo>
                    <a:pt x="102" y="962"/>
                  </a:lnTo>
                  <a:lnTo>
                    <a:pt x="100" y="964"/>
                  </a:lnTo>
                  <a:lnTo>
                    <a:pt x="98" y="964"/>
                  </a:lnTo>
                  <a:lnTo>
                    <a:pt x="96" y="964"/>
                  </a:lnTo>
                  <a:lnTo>
                    <a:pt x="94" y="964"/>
                  </a:lnTo>
                  <a:lnTo>
                    <a:pt x="94" y="962"/>
                  </a:lnTo>
                  <a:lnTo>
                    <a:pt x="94" y="960"/>
                  </a:lnTo>
                  <a:lnTo>
                    <a:pt x="92" y="960"/>
                  </a:lnTo>
                  <a:lnTo>
                    <a:pt x="92" y="958"/>
                  </a:lnTo>
                  <a:lnTo>
                    <a:pt x="91" y="958"/>
                  </a:lnTo>
                  <a:lnTo>
                    <a:pt x="91" y="957"/>
                  </a:lnTo>
                  <a:lnTo>
                    <a:pt x="91" y="955"/>
                  </a:lnTo>
                  <a:lnTo>
                    <a:pt x="91" y="953"/>
                  </a:lnTo>
                  <a:lnTo>
                    <a:pt x="89" y="953"/>
                  </a:lnTo>
                  <a:lnTo>
                    <a:pt x="89" y="951"/>
                  </a:lnTo>
                  <a:lnTo>
                    <a:pt x="89" y="949"/>
                  </a:lnTo>
                  <a:lnTo>
                    <a:pt x="89" y="947"/>
                  </a:lnTo>
                  <a:lnTo>
                    <a:pt x="89" y="945"/>
                  </a:lnTo>
                  <a:lnTo>
                    <a:pt x="89" y="944"/>
                  </a:lnTo>
                  <a:lnTo>
                    <a:pt x="89" y="942"/>
                  </a:lnTo>
                  <a:lnTo>
                    <a:pt x="87" y="942"/>
                  </a:lnTo>
                  <a:lnTo>
                    <a:pt x="89" y="940"/>
                  </a:lnTo>
                  <a:lnTo>
                    <a:pt x="87" y="940"/>
                  </a:lnTo>
                  <a:lnTo>
                    <a:pt x="87" y="938"/>
                  </a:lnTo>
                  <a:lnTo>
                    <a:pt x="87" y="936"/>
                  </a:lnTo>
                  <a:lnTo>
                    <a:pt x="87" y="934"/>
                  </a:lnTo>
                  <a:lnTo>
                    <a:pt x="85" y="934"/>
                  </a:lnTo>
                  <a:lnTo>
                    <a:pt x="85" y="932"/>
                  </a:lnTo>
                  <a:lnTo>
                    <a:pt x="85" y="931"/>
                  </a:lnTo>
                  <a:lnTo>
                    <a:pt x="87" y="931"/>
                  </a:lnTo>
                  <a:lnTo>
                    <a:pt x="87" y="929"/>
                  </a:lnTo>
                  <a:lnTo>
                    <a:pt x="87" y="927"/>
                  </a:lnTo>
                  <a:lnTo>
                    <a:pt x="87" y="925"/>
                  </a:lnTo>
                  <a:lnTo>
                    <a:pt x="85" y="925"/>
                  </a:lnTo>
                  <a:lnTo>
                    <a:pt x="83" y="923"/>
                  </a:lnTo>
                  <a:lnTo>
                    <a:pt x="83" y="921"/>
                  </a:lnTo>
                  <a:lnTo>
                    <a:pt x="83" y="920"/>
                  </a:lnTo>
                  <a:lnTo>
                    <a:pt x="83" y="918"/>
                  </a:lnTo>
                  <a:lnTo>
                    <a:pt x="81" y="918"/>
                  </a:lnTo>
                  <a:lnTo>
                    <a:pt x="81" y="916"/>
                  </a:lnTo>
                  <a:lnTo>
                    <a:pt x="80" y="914"/>
                  </a:lnTo>
                  <a:lnTo>
                    <a:pt x="78" y="914"/>
                  </a:lnTo>
                  <a:lnTo>
                    <a:pt x="76" y="910"/>
                  </a:lnTo>
                  <a:lnTo>
                    <a:pt x="76" y="908"/>
                  </a:lnTo>
                  <a:lnTo>
                    <a:pt x="74" y="908"/>
                  </a:lnTo>
                  <a:lnTo>
                    <a:pt x="70" y="903"/>
                  </a:lnTo>
                  <a:lnTo>
                    <a:pt x="68" y="903"/>
                  </a:lnTo>
                  <a:lnTo>
                    <a:pt x="68" y="901"/>
                  </a:lnTo>
                  <a:lnTo>
                    <a:pt x="68" y="899"/>
                  </a:lnTo>
                  <a:lnTo>
                    <a:pt x="68" y="897"/>
                  </a:lnTo>
                  <a:lnTo>
                    <a:pt x="68" y="895"/>
                  </a:lnTo>
                  <a:lnTo>
                    <a:pt x="70" y="894"/>
                  </a:lnTo>
                  <a:lnTo>
                    <a:pt x="70" y="892"/>
                  </a:lnTo>
                  <a:lnTo>
                    <a:pt x="70" y="890"/>
                  </a:lnTo>
                  <a:lnTo>
                    <a:pt x="70" y="888"/>
                  </a:lnTo>
                  <a:lnTo>
                    <a:pt x="70" y="886"/>
                  </a:lnTo>
                  <a:lnTo>
                    <a:pt x="68" y="886"/>
                  </a:lnTo>
                  <a:lnTo>
                    <a:pt x="68" y="884"/>
                  </a:lnTo>
                  <a:lnTo>
                    <a:pt x="67" y="884"/>
                  </a:lnTo>
                  <a:lnTo>
                    <a:pt x="67" y="883"/>
                  </a:lnTo>
                  <a:lnTo>
                    <a:pt x="65" y="883"/>
                  </a:lnTo>
                  <a:lnTo>
                    <a:pt x="65" y="881"/>
                  </a:lnTo>
                  <a:lnTo>
                    <a:pt x="65" y="879"/>
                  </a:lnTo>
                  <a:lnTo>
                    <a:pt x="65" y="877"/>
                  </a:lnTo>
                  <a:lnTo>
                    <a:pt x="67" y="875"/>
                  </a:lnTo>
                  <a:lnTo>
                    <a:pt x="67" y="873"/>
                  </a:lnTo>
                  <a:lnTo>
                    <a:pt x="67" y="870"/>
                  </a:lnTo>
                  <a:lnTo>
                    <a:pt x="67" y="868"/>
                  </a:lnTo>
                  <a:lnTo>
                    <a:pt x="67" y="866"/>
                  </a:lnTo>
                  <a:lnTo>
                    <a:pt x="67" y="864"/>
                  </a:lnTo>
                  <a:lnTo>
                    <a:pt x="65" y="862"/>
                  </a:lnTo>
                  <a:lnTo>
                    <a:pt x="59" y="857"/>
                  </a:lnTo>
                  <a:lnTo>
                    <a:pt x="57" y="855"/>
                  </a:lnTo>
                  <a:lnTo>
                    <a:pt x="57" y="853"/>
                  </a:lnTo>
                  <a:lnTo>
                    <a:pt x="56" y="851"/>
                  </a:lnTo>
                  <a:lnTo>
                    <a:pt x="56" y="849"/>
                  </a:lnTo>
                  <a:lnTo>
                    <a:pt x="56" y="847"/>
                  </a:lnTo>
                  <a:lnTo>
                    <a:pt x="54" y="842"/>
                  </a:lnTo>
                  <a:lnTo>
                    <a:pt x="54" y="840"/>
                  </a:lnTo>
                  <a:lnTo>
                    <a:pt x="52" y="838"/>
                  </a:lnTo>
                  <a:lnTo>
                    <a:pt x="52" y="836"/>
                  </a:lnTo>
                  <a:lnTo>
                    <a:pt x="52" y="834"/>
                  </a:lnTo>
                  <a:lnTo>
                    <a:pt x="50" y="833"/>
                  </a:lnTo>
                  <a:lnTo>
                    <a:pt x="48" y="831"/>
                  </a:lnTo>
                  <a:lnTo>
                    <a:pt x="48" y="829"/>
                  </a:lnTo>
                  <a:lnTo>
                    <a:pt x="50" y="829"/>
                  </a:lnTo>
                  <a:lnTo>
                    <a:pt x="50" y="827"/>
                  </a:lnTo>
                  <a:lnTo>
                    <a:pt x="52" y="827"/>
                  </a:lnTo>
                  <a:lnTo>
                    <a:pt x="54" y="827"/>
                  </a:lnTo>
                  <a:lnTo>
                    <a:pt x="54" y="829"/>
                  </a:lnTo>
                  <a:lnTo>
                    <a:pt x="56" y="829"/>
                  </a:lnTo>
                  <a:lnTo>
                    <a:pt x="56" y="831"/>
                  </a:lnTo>
                  <a:lnTo>
                    <a:pt x="57" y="831"/>
                  </a:lnTo>
                  <a:lnTo>
                    <a:pt x="59" y="833"/>
                  </a:lnTo>
                  <a:lnTo>
                    <a:pt x="65" y="831"/>
                  </a:lnTo>
                  <a:lnTo>
                    <a:pt x="63" y="831"/>
                  </a:lnTo>
                  <a:lnTo>
                    <a:pt x="65" y="831"/>
                  </a:lnTo>
                  <a:lnTo>
                    <a:pt x="67" y="829"/>
                  </a:lnTo>
                  <a:lnTo>
                    <a:pt x="68" y="829"/>
                  </a:lnTo>
                  <a:lnTo>
                    <a:pt x="68" y="827"/>
                  </a:lnTo>
                  <a:lnTo>
                    <a:pt x="68" y="825"/>
                  </a:lnTo>
                  <a:lnTo>
                    <a:pt x="70" y="825"/>
                  </a:lnTo>
                  <a:lnTo>
                    <a:pt x="72" y="823"/>
                  </a:lnTo>
                  <a:lnTo>
                    <a:pt x="74" y="823"/>
                  </a:lnTo>
                  <a:lnTo>
                    <a:pt x="81" y="823"/>
                  </a:lnTo>
                  <a:lnTo>
                    <a:pt x="81" y="821"/>
                  </a:lnTo>
                  <a:lnTo>
                    <a:pt x="83" y="821"/>
                  </a:lnTo>
                  <a:lnTo>
                    <a:pt x="85" y="821"/>
                  </a:lnTo>
                  <a:lnTo>
                    <a:pt x="85" y="820"/>
                  </a:lnTo>
                  <a:lnTo>
                    <a:pt x="87" y="820"/>
                  </a:lnTo>
                  <a:lnTo>
                    <a:pt x="87" y="821"/>
                  </a:lnTo>
                  <a:lnTo>
                    <a:pt x="87" y="820"/>
                  </a:lnTo>
                  <a:lnTo>
                    <a:pt x="89" y="820"/>
                  </a:lnTo>
                  <a:lnTo>
                    <a:pt x="91" y="818"/>
                  </a:lnTo>
                  <a:lnTo>
                    <a:pt x="89" y="818"/>
                  </a:lnTo>
                  <a:lnTo>
                    <a:pt x="91" y="818"/>
                  </a:lnTo>
                  <a:lnTo>
                    <a:pt x="91" y="816"/>
                  </a:lnTo>
                  <a:lnTo>
                    <a:pt x="91" y="814"/>
                  </a:lnTo>
                  <a:lnTo>
                    <a:pt x="92" y="814"/>
                  </a:lnTo>
                  <a:lnTo>
                    <a:pt x="92" y="812"/>
                  </a:lnTo>
                  <a:lnTo>
                    <a:pt x="94" y="812"/>
                  </a:lnTo>
                  <a:lnTo>
                    <a:pt x="96" y="812"/>
                  </a:lnTo>
                  <a:lnTo>
                    <a:pt x="96" y="810"/>
                  </a:lnTo>
                  <a:lnTo>
                    <a:pt x="98" y="810"/>
                  </a:lnTo>
                  <a:lnTo>
                    <a:pt x="98" y="809"/>
                  </a:lnTo>
                  <a:lnTo>
                    <a:pt x="100" y="809"/>
                  </a:lnTo>
                  <a:lnTo>
                    <a:pt x="102" y="809"/>
                  </a:lnTo>
                  <a:lnTo>
                    <a:pt x="102" y="807"/>
                  </a:lnTo>
                  <a:lnTo>
                    <a:pt x="104" y="807"/>
                  </a:lnTo>
                  <a:lnTo>
                    <a:pt x="104" y="805"/>
                  </a:lnTo>
                  <a:lnTo>
                    <a:pt x="104" y="803"/>
                  </a:lnTo>
                  <a:lnTo>
                    <a:pt x="104" y="801"/>
                  </a:lnTo>
                  <a:lnTo>
                    <a:pt x="105" y="801"/>
                  </a:lnTo>
                  <a:lnTo>
                    <a:pt x="105" y="799"/>
                  </a:lnTo>
                  <a:lnTo>
                    <a:pt x="105" y="797"/>
                  </a:lnTo>
                  <a:lnTo>
                    <a:pt x="104" y="796"/>
                  </a:lnTo>
                  <a:lnTo>
                    <a:pt x="104" y="794"/>
                  </a:lnTo>
                  <a:lnTo>
                    <a:pt x="105" y="792"/>
                  </a:lnTo>
                  <a:lnTo>
                    <a:pt x="107" y="792"/>
                  </a:lnTo>
                  <a:lnTo>
                    <a:pt x="107" y="790"/>
                  </a:lnTo>
                  <a:lnTo>
                    <a:pt x="107" y="788"/>
                  </a:lnTo>
                  <a:lnTo>
                    <a:pt x="107" y="786"/>
                  </a:lnTo>
                  <a:lnTo>
                    <a:pt x="107" y="784"/>
                  </a:lnTo>
                  <a:lnTo>
                    <a:pt x="107" y="783"/>
                  </a:lnTo>
                  <a:lnTo>
                    <a:pt x="109" y="783"/>
                  </a:lnTo>
                  <a:lnTo>
                    <a:pt x="109" y="781"/>
                  </a:lnTo>
                  <a:lnTo>
                    <a:pt x="111" y="781"/>
                  </a:lnTo>
                  <a:lnTo>
                    <a:pt x="113" y="779"/>
                  </a:lnTo>
                  <a:lnTo>
                    <a:pt x="113" y="777"/>
                  </a:lnTo>
                  <a:lnTo>
                    <a:pt x="115" y="777"/>
                  </a:lnTo>
                  <a:lnTo>
                    <a:pt x="117" y="777"/>
                  </a:lnTo>
                  <a:lnTo>
                    <a:pt x="118" y="777"/>
                  </a:lnTo>
                  <a:lnTo>
                    <a:pt x="118" y="775"/>
                  </a:lnTo>
                  <a:lnTo>
                    <a:pt x="120" y="775"/>
                  </a:lnTo>
                  <a:lnTo>
                    <a:pt x="120" y="773"/>
                  </a:lnTo>
                  <a:lnTo>
                    <a:pt x="118" y="773"/>
                  </a:lnTo>
                  <a:lnTo>
                    <a:pt x="118" y="772"/>
                  </a:lnTo>
                  <a:lnTo>
                    <a:pt x="120" y="772"/>
                  </a:lnTo>
                  <a:lnTo>
                    <a:pt x="120" y="770"/>
                  </a:lnTo>
                  <a:lnTo>
                    <a:pt x="122" y="770"/>
                  </a:lnTo>
                  <a:lnTo>
                    <a:pt x="124" y="770"/>
                  </a:lnTo>
                  <a:lnTo>
                    <a:pt x="124" y="768"/>
                  </a:lnTo>
                  <a:lnTo>
                    <a:pt x="126" y="768"/>
                  </a:lnTo>
                  <a:lnTo>
                    <a:pt x="128" y="764"/>
                  </a:lnTo>
                  <a:lnTo>
                    <a:pt x="128" y="762"/>
                  </a:lnTo>
                  <a:lnTo>
                    <a:pt x="129" y="762"/>
                  </a:lnTo>
                  <a:lnTo>
                    <a:pt x="129" y="760"/>
                  </a:lnTo>
                  <a:lnTo>
                    <a:pt x="131" y="760"/>
                  </a:lnTo>
                  <a:lnTo>
                    <a:pt x="129" y="759"/>
                  </a:lnTo>
                  <a:lnTo>
                    <a:pt x="131" y="759"/>
                  </a:lnTo>
                  <a:lnTo>
                    <a:pt x="131" y="757"/>
                  </a:lnTo>
                  <a:lnTo>
                    <a:pt x="131" y="755"/>
                  </a:lnTo>
                  <a:lnTo>
                    <a:pt x="129" y="755"/>
                  </a:lnTo>
                  <a:lnTo>
                    <a:pt x="131" y="753"/>
                  </a:lnTo>
                  <a:lnTo>
                    <a:pt x="135" y="749"/>
                  </a:lnTo>
                  <a:lnTo>
                    <a:pt x="133" y="747"/>
                  </a:lnTo>
                  <a:lnTo>
                    <a:pt x="137" y="744"/>
                  </a:lnTo>
                  <a:lnTo>
                    <a:pt x="139" y="740"/>
                  </a:lnTo>
                  <a:lnTo>
                    <a:pt x="139" y="738"/>
                  </a:lnTo>
                  <a:lnTo>
                    <a:pt x="137" y="736"/>
                  </a:lnTo>
                  <a:lnTo>
                    <a:pt x="137" y="738"/>
                  </a:lnTo>
                  <a:lnTo>
                    <a:pt x="135" y="740"/>
                  </a:lnTo>
                  <a:lnTo>
                    <a:pt x="133" y="738"/>
                  </a:lnTo>
                  <a:lnTo>
                    <a:pt x="133" y="740"/>
                  </a:lnTo>
                  <a:lnTo>
                    <a:pt x="133" y="742"/>
                  </a:lnTo>
                  <a:lnTo>
                    <a:pt x="131" y="744"/>
                  </a:lnTo>
                  <a:lnTo>
                    <a:pt x="131" y="746"/>
                  </a:lnTo>
                  <a:lnTo>
                    <a:pt x="129" y="746"/>
                  </a:lnTo>
                  <a:lnTo>
                    <a:pt x="128" y="746"/>
                  </a:lnTo>
                  <a:lnTo>
                    <a:pt x="128" y="747"/>
                  </a:lnTo>
                  <a:lnTo>
                    <a:pt x="126" y="747"/>
                  </a:lnTo>
                  <a:lnTo>
                    <a:pt x="124" y="747"/>
                  </a:lnTo>
                  <a:lnTo>
                    <a:pt x="124" y="749"/>
                  </a:lnTo>
                  <a:lnTo>
                    <a:pt x="122" y="747"/>
                  </a:lnTo>
                  <a:lnTo>
                    <a:pt x="122" y="749"/>
                  </a:lnTo>
                  <a:lnTo>
                    <a:pt x="122" y="751"/>
                  </a:lnTo>
                  <a:lnTo>
                    <a:pt x="120" y="751"/>
                  </a:lnTo>
                  <a:lnTo>
                    <a:pt x="120" y="753"/>
                  </a:lnTo>
                  <a:lnTo>
                    <a:pt x="120" y="751"/>
                  </a:lnTo>
                  <a:lnTo>
                    <a:pt x="118" y="751"/>
                  </a:lnTo>
                  <a:lnTo>
                    <a:pt x="117" y="753"/>
                  </a:lnTo>
                  <a:lnTo>
                    <a:pt x="113" y="753"/>
                  </a:lnTo>
                  <a:lnTo>
                    <a:pt x="111" y="755"/>
                  </a:lnTo>
                  <a:lnTo>
                    <a:pt x="111" y="757"/>
                  </a:lnTo>
                  <a:lnTo>
                    <a:pt x="107" y="755"/>
                  </a:lnTo>
                  <a:lnTo>
                    <a:pt x="105" y="753"/>
                  </a:lnTo>
                  <a:lnTo>
                    <a:pt x="104" y="753"/>
                  </a:lnTo>
                  <a:lnTo>
                    <a:pt x="102" y="753"/>
                  </a:lnTo>
                  <a:lnTo>
                    <a:pt x="100" y="753"/>
                  </a:lnTo>
                  <a:lnTo>
                    <a:pt x="98" y="755"/>
                  </a:lnTo>
                  <a:lnTo>
                    <a:pt x="96" y="755"/>
                  </a:lnTo>
                  <a:lnTo>
                    <a:pt x="94" y="755"/>
                  </a:lnTo>
                  <a:lnTo>
                    <a:pt x="91" y="757"/>
                  </a:lnTo>
                  <a:lnTo>
                    <a:pt x="92" y="757"/>
                  </a:lnTo>
                  <a:lnTo>
                    <a:pt x="91" y="757"/>
                  </a:lnTo>
                  <a:lnTo>
                    <a:pt x="89" y="757"/>
                  </a:lnTo>
                  <a:lnTo>
                    <a:pt x="89" y="759"/>
                  </a:lnTo>
                  <a:lnTo>
                    <a:pt x="87" y="759"/>
                  </a:lnTo>
                  <a:lnTo>
                    <a:pt x="85" y="759"/>
                  </a:lnTo>
                  <a:lnTo>
                    <a:pt x="85" y="757"/>
                  </a:lnTo>
                  <a:lnTo>
                    <a:pt x="83" y="757"/>
                  </a:lnTo>
                  <a:lnTo>
                    <a:pt x="85" y="757"/>
                  </a:lnTo>
                  <a:lnTo>
                    <a:pt x="83" y="757"/>
                  </a:lnTo>
                  <a:lnTo>
                    <a:pt x="83" y="755"/>
                  </a:lnTo>
                  <a:lnTo>
                    <a:pt x="81" y="755"/>
                  </a:lnTo>
                  <a:lnTo>
                    <a:pt x="80" y="755"/>
                  </a:lnTo>
                  <a:lnTo>
                    <a:pt x="80" y="753"/>
                  </a:lnTo>
                  <a:lnTo>
                    <a:pt x="80" y="751"/>
                  </a:lnTo>
                  <a:lnTo>
                    <a:pt x="80" y="749"/>
                  </a:lnTo>
                  <a:lnTo>
                    <a:pt x="81" y="749"/>
                  </a:lnTo>
                  <a:lnTo>
                    <a:pt x="81" y="747"/>
                  </a:lnTo>
                  <a:lnTo>
                    <a:pt x="81" y="746"/>
                  </a:lnTo>
                  <a:lnTo>
                    <a:pt x="83" y="742"/>
                  </a:lnTo>
                  <a:lnTo>
                    <a:pt x="85" y="740"/>
                  </a:lnTo>
                  <a:lnTo>
                    <a:pt x="85" y="738"/>
                  </a:lnTo>
                  <a:lnTo>
                    <a:pt x="85" y="736"/>
                  </a:lnTo>
                  <a:lnTo>
                    <a:pt x="85" y="735"/>
                  </a:lnTo>
                  <a:lnTo>
                    <a:pt x="85" y="733"/>
                  </a:lnTo>
                  <a:lnTo>
                    <a:pt x="83" y="733"/>
                  </a:lnTo>
                  <a:lnTo>
                    <a:pt x="81" y="733"/>
                  </a:lnTo>
                  <a:lnTo>
                    <a:pt x="81" y="731"/>
                  </a:lnTo>
                  <a:lnTo>
                    <a:pt x="80" y="731"/>
                  </a:lnTo>
                  <a:lnTo>
                    <a:pt x="80" y="729"/>
                  </a:lnTo>
                  <a:lnTo>
                    <a:pt x="80" y="731"/>
                  </a:lnTo>
                  <a:lnTo>
                    <a:pt x="80" y="729"/>
                  </a:lnTo>
                  <a:lnTo>
                    <a:pt x="78" y="729"/>
                  </a:lnTo>
                  <a:lnTo>
                    <a:pt x="78" y="727"/>
                  </a:lnTo>
                  <a:lnTo>
                    <a:pt x="76" y="727"/>
                  </a:lnTo>
                  <a:lnTo>
                    <a:pt x="76" y="725"/>
                  </a:lnTo>
                  <a:lnTo>
                    <a:pt x="74" y="725"/>
                  </a:lnTo>
                  <a:lnTo>
                    <a:pt x="74" y="723"/>
                  </a:lnTo>
                  <a:lnTo>
                    <a:pt x="72" y="723"/>
                  </a:lnTo>
                  <a:lnTo>
                    <a:pt x="72" y="722"/>
                  </a:lnTo>
                  <a:lnTo>
                    <a:pt x="72" y="720"/>
                  </a:lnTo>
                  <a:lnTo>
                    <a:pt x="70" y="722"/>
                  </a:lnTo>
                  <a:lnTo>
                    <a:pt x="70" y="720"/>
                  </a:lnTo>
                  <a:lnTo>
                    <a:pt x="72" y="720"/>
                  </a:lnTo>
                  <a:lnTo>
                    <a:pt x="72" y="718"/>
                  </a:lnTo>
                  <a:lnTo>
                    <a:pt x="70" y="718"/>
                  </a:lnTo>
                  <a:lnTo>
                    <a:pt x="68" y="718"/>
                  </a:lnTo>
                  <a:lnTo>
                    <a:pt x="68" y="716"/>
                  </a:lnTo>
                  <a:lnTo>
                    <a:pt x="68" y="714"/>
                  </a:lnTo>
                  <a:lnTo>
                    <a:pt x="67" y="714"/>
                  </a:lnTo>
                  <a:lnTo>
                    <a:pt x="68" y="712"/>
                  </a:lnTo>
                  <a:lnTo>
                    <a:pt x="68" y="711"/>
                  </a:lnTo>
                  <a:lnTo>
                    <a:pt x="70" y="709"/>
                  </a:lnTo>
                  <a:lnTo>
                    <a:pt x="70" y="707"/>
                  </a:lnTo>
                  <a:lnTo>
                    <a:pt x="70" y="705"/>
                  </a:lnTo>
                  <a:lnTo>
                    <a:pt x="70" y="703"/>
                  </a:lnTo>
                  <a:lnTo>
                    <a:pt x="72" y="703"/>
                  </a:lnTo>
                  <a:lnTo>
                    <a:pt x="72" y="701"/>
                  </a:lnTo>
                  <a:lnTo>
                    <a:pt x="72" y="699"/>
                  </a:lnTo>
                  <a:lnTo>
                    <a:pt x="74" y="699"/>
                  </a:lnTo>
                  <a:lnTo>
                    <a:pt x="74" y="698"/>
                  </a:lnTo>
                  <a:lnTo>
                    <a:pt x="74" y="696"/>
                  </a:lnTo>
                  <a:lnTo>
                    <a:pt x="72" y="696"/>
                  </a:lnTo>
                  <a:lnTo>
                    <a:pt x="72" y="694"/>
                  </a:lnTo>
                  <a:lnTo>
                    <a:pt x="72" y="692"/>
                  </a:lnTo>
                  <a:lnTo>
                    <a:pt x="72" y="690"/>
                  </a:lnTo>
                  <a:lnTo>
                    <a:pt x="70" y="690"/>
                  </a:lnTo>
                  <a:lnTo>
                    <a:pt x="72" y="688"/>
                  </a:lnTo>
                  <a:lnTo>
                    <a:pt x="72" y="686"/>
                  </a:lnTo>
                  <a:lnTo>
                    <a:pt x="70" y="686"/>
                  </a:lnTo>
                  <a:lnTo>
                    <a:pt x="70" y="685"/>
                  </a:lnTo>
                  <a:lnTo>
                    <a:pt x="70" y="683"/>
                  </a:lnTo>
                  <a:lnTo>
                    <a:pt x="70" y="681"/>
                  </a:lnTo>
                  <a:lnTo>
                    <a:pt x="70" y="679"/>
                  </a:lnTo>
                  <a:lnTo>
                    <a:pt x="68" y="679"/>
                  </a:lnTo>
                  <a:lnTo>
                    <a:pt x="68" y="677"/>
                  </a:lnTo>
                  <a:lnTo>
                    <a:pt x="68" y="675"/>
                  </a:lnTo>
                  <a:lnTo>
                    <a:pt x="70" y="675"/>
                  </a:lnTo>
                  <a:lnTo>
                    <a:pt x="70" y="674"/>
                  </a:lnTo>
                  <a:lnTo>
                    <a:pt x="72" y="674"/>
                  </a:lnTo>
                  <a:lnTo>
                    <a:pt x="72" y="672"/>
                  </a:lnTo>
                  <a:lnTo>
                    <a:pt x="72" y="670"/>
                  </a:lnTo>
                  <a:lnTo>
                    <a:pt x="72" y="668"/>
                  </a:lnTo>
                  <a:lnTo>
                    <a:pt x="72" y="666"/>
                  </a:lnTo>
                  <a:lnTo>
                    <a:pt x="70" y="666"/>
                  </a:lnTo>
                  <a:lnTo>
                    <a:pt x="68" y="666"/>
                  </a:lnTo>
                  <a:lnTo>
                    <a:pt x="67" y="666"/>
                  </a:lnTo>
                  <a:lnTo>
                    <a:pt x="65" y="666"/>
                  </a:lnTo>
                  <a:lnTo>
                    <a:pt x="65" y="664"/>
                  </a:lnTo>
                  <a:lnTo>
                    <a:pt x="63" y="664"/>
                  </a:lnTo>
                  <a:lnTo>
                    <a:pt x="61" y="664"/>
                  </a:lnTo>
                  <a:lnTo>
                    <a:pt x="63" y="662"/>
                  </a:lnTo>
                  <a:lnTo>
                    <a:pt x="61" y="662"/>
                  </a:lnTo>
                  <a:lnTo>
                    <a:pt x="61" y="661"/>
                  </a:lnTo>
                  <a:lnTo>
                    <a:pt x="61" y="659"/>
                  </a:lnTo>
                  <a:lnTo>
                    <a:pt x="63" y="659"/>
                  </a:lnTo>
                  <a:lnTo>
                    <a:pt x="63" y="657"/>
                  </a:lnTo>
                  <a:lnTo>
                    <a:pt x="61" y="657"/>
                  </a:lnTo>
                  <a:lnTo>
                    <a:pt x="59" y="655"/>
                  </a:lnTo>
                  <a:lnTo>
                    <a:pt x="57" y="653"/>
                  </a:lnTo>
                  <a:lnTo>
                    <a:pt x="57" y="651"/>
                  </a:lnTo>
                  <a:lnTo>
                    <a:pt x="56" y="651"/>
                  </a:lnTo>
                  <a:lnTo>
                    <a:pt x="57" y="649"/>
                  </a:lnTo>
                  <a:lnTo>
                    <a:pt x="56" y="649"/>
                  </a:lnTo>
                  <a:lnTo>
                    <a:pt x="56" y="648"/>
                  </a:lnTo>
                  <a:lnTo>
                    <a:pt x="57" y="648"/>
                  </a:lnTo>
                  <a:lnTo>
                    <a:pt x="56" y="648"/>
                  </a:lnTo>
                  <a:lnTo>
                    <a:pt x="56" y="646"/>
                  </a:lnTo>
                  <a:lnTo>
                    <a:pt x="56" y="644"/>
                  </a:lnTo>
                  <a:lnTo>
                    <a:pt x="54" y="644"/>
                  </a:lnTo>
                  <a:lnTo>
                    <a:pt x="54" y="642"/>
                  </a:lnTo>
                  <a:lnTo>
                    <a:pt x="56" y="642"/>
                  </a:lnTo>
                  <a:lnTo>
                    <a:pt x="54" y="642"/>
                  </a:lnTo>
                  <a:lnTo>
                    <a:pt x="54" y="640"/>
                  </a:lnTo>
                  <a:lnTo>
                    <a:pt x="54" y="638"/>
                  </a:lnTo>
                  <a:lnTo>
                    <a:pt x="54" y="637"/>
                  </a:lnTo>
                  <a:lnTo>
                    <a:pt x="54" y="635"/>
                  </a:lnTo>
                  <a:lnTo>
                    <a:pt x="56" y="633"/>
                  </a:lnTo>
                  <a:lnTo>
                    <a:pt x="54" y="633"/>
                  </a:lnTo>
                  <a:lnTo>
                    <a:pt x="54" y="631"/>
                  </a:lnTo>
                  <a:lnTo>
                    <a:pt x="54" y="629"/>
                  </a:lnTo>
                  <a:lnTo>
                    <a:pt x="54" y="627"/>
                  </a:lnTo>
                  <a:lnTo>
                    <a:pt x="54" y="625"/>
                  </a:lnTo>
                  <a:lnTo>
                    <a:pt x="54" y="624"/>
                  </a:lnTo>
                  <a:lnTo>
                    <a:pt x="52" y="624"/>
                  </a:lnTo>
                  <a:lnTo>
                    <a:pt x="54" y="622"/>
                  </a:lnTo>
                  <a:lnTo>
                    <a:pt x="56" y="622"/>
                  </a:lnTo>
                  <a:lnTo>
                    <a:pt x="56" y="620"/>
                  </a:lnTo>
                  <a:lnTo>
                    <a:pt x="56" y="618"/>
                  </a:lnTo>
                  <a:lnTo>
                    <a:pt x="56" y="616"/>
                  </a:lnTo>
                  <a:lnTo>
                    <a:pt x="56" y="618"/>
                  </a:lnTo>
                  <a:lnTo>
                    <a:pt x="54" y="618"/>
                  </a:lnTo>
                  <a:lnTo>
                    <a:pt x="54" y="616"/>
                  </a:lnTo>
                  <a:lnTo>
                    <a:pt x="52" y="614"/>
                  </a:lnTo>
                  <a:lnTo>
                    <a:pt x="52" y="616"/>
                  </a:lnTo>
                  <a:lnTo>
                    <a:pt x="52" y="614"/>
                  </a:lnTo>
                  <a:lnTo>
                    <a:pt x="50" y="614"/>
                  </a:lnTo>
                  <a:lnTo>
                    <a:pt x="50" y="612"/>
                  </a:lnTo>
                  <a:lnTo>
                    <a:pt x="48" y="614"/>
                  </a:lnTo>
                  <a:lnTo>
                    <a:pt x="48" y="616"/>
                  </a:lnTo>
                  <a:lnTo>
                    <a:pt x="46" y="616"/>
                  </a:lnTo>
                  <a:lnTo>
                    <a:pt x="46" y="614"/>
                  </a:lnTo>
                  <a:lnTo>
                    <a:pt x="44" y="614"/>
                  </a:lnTo>
                  <a:lnTo>
                    <a:pt x="43" y="614"/>
                  </a:lnTo>
                  <a:lnTo>
                    <a:pt x="41" y="614"/>
                  </a:lnTo>
                  <a:lnTo>
                    <a:pt x="39" y="614"/>
                  </a:lnTo>
                  <a:lnTo>
                    <a:pt x="37" y="616"/>
                  </a:lnTo>
                  <a:lnTo>
                    <a:pt x="37" y="614"/>
                  </a:lnTo>
                  <a:lnTo>
                    <a:pt x="37" y="612"/>
                  </a:lnTo>
                  <a:lnTo>
                    <a:pt x="35" y="611"/>
                  </a:lnTo>
                  <a:lnTo>
                    <a:pt x="35" y="609"/>
                  </a:lnTo>
                  <a:lnTo>
                    <a:pt x="33" y="609"/>
                  </a:lnTo>
                  <a:lnTo>
                    <a:pt x="33" y="607"/>
                  </a:lnTo>
                  <a:lnTo>
                    <a:pt x="33" y="605"/>
                  </a:lnTo>
                  <a:lnTo>
                    <a:pt x="31" y="605"/>
                  </a:lnTo>
                  <a:lnTo>
                    <a:pt x="30" y="605"/>
                  </a:lnTo>
                  <a:lnTo>
                    <a:pt x="28" y="605"/>
                  </a:lnTo>
                  <a:lnTo>
                    <a:pt x="26" y="607"/>
                  </a:lnTo>
                  <a:lnTo>
                    <a:pt x="24" y="607"/>
                  </a:lnTo>
                  <a:lnTo>
                    <a:pt x="22" y="607"/>
                  </a:lnTo>
                  <a:lnTo>
                    <a:pt x="20" y="607"/>
                  </a:lnTo>
                  <a:lnTo>
                    <a:pt x="19" y="607"/>
                  </a:lnTo>
                  <a:lnTo>
                    <a:pt x="17" y="607"/>
                  </a:lnTo>
                  <a:lnTo>
                    <a:pt x="15" y="607"/>
                  </a:lnTo>
                  <a:lnTo>
                    <a:pt x="13" y="607"/>
                  </a:lnTo>
                  <a:lnTo>
                    <a:pt x="13" y="605"/>
                  </a:lnTo>
                  <a:lnTo>
                    <a:pt x="11" y="605"/>
                  </a:lnTo>
                  <a:lnTo>
                    <a:pt x="11" y="603"/>
                  </a:lnTo>
                  <a:lnTo>
                    <a:pt x="9" y="603"/>
                  </a:lnTo>
                  <a:lnTo>
                    <a:pt x="9" y="601"/>
                  </a:lnTo>
                  <a:lnTo>
                    <a:pt x="11" y="601"/>
                  </a:lnTo>
                  <a:lnTo>
                    <a:pt x="13" y="601"/>
                  </a:lnTo>
                  <a:lnTo>
                    <a:pt x="13" y="600"/>
                  </a:lnTo>
                  <a:lnTo>
                    <a:pt x="13" y="601"/>
                  </a:lnTo>
                  <a:lnTo>
                    <a:pt x="15" y="601"/>
                  </a:lnTo>
                  <a:lnTo>
                    <a:pt x="15" y="603"/>
                  </a:lnTo>
                  <a:lnTo>
                    <a:pt x="17" y="603"/>
                  </a:lnTo>
                  <a:lnTo>
                    <a:pt x="17" y="601"/>
                  </a:lnTo>
                  <a:lnTo>
                    <a:pt x="17" y="600"/>
                  </a:lnTo>
                  <a:lnTo>
                    <a:pt x="19" y="598"/>
                  </a:lnTo>
                  <a:lnTo>
                    <a:pt x="20" y="598"/>
                  </a:lnTo>
                  <a:lnTo>
                    <a:pt x="22" y="598"/>
                  </a:lnTo>
                  <a:lnTo>
                    <a:pt x="22" y="596"/>
                  </a:lnTo>
                  <a:lnTo>
                    <a:pt x="24" y="596"/>
                  </a:lnTo>
                  <a:lnTo>
                    <a:pt x="26" y="596"/>
                  </a:lnTo>
                  <a:lnTo>
                    <a:pt x="28" y="596"/>
                  </a:lnTo>
                  <a:lnTo>
                    <a:pt x="30" y="598"/>
                  </a:lnTo>
                  <a:lnTo>
                    <a:pt x="30" y="600"/>
                  </a:lnTo>
                  <a:lnTo>
                    <a:pt x="31" y="600"/>
                  </a:lnTo>
                  <a:lnTo>
                    <a:pt x="33" y="600"/>
                  </a:lnTo>
                  <a:lnTo>
                    <a:pt x="35" y="600"/>
                  </a:lnTo>
                  <a:lnTo>
                    <a:pt x="35" y="598"/>
                  </a:lnTo>
                  <a:lnTo>
                    <a:pt x="37" y="596"/>
                  </a:lnTo>
                  <a:lnTo>
                    <a:pt x="37" y="594"/>
                  </a:lnTo>
                  <a:lnTo>
                    <a:pt x="39" y="594"/>
                  </a:lnTo>
                  <a:lnTo>
                    <a:pt x="39" y="592"/>
                  </a:lnTo>
                  <a:lnTo>
                    <a:pt x="37" y="590"/>
                  </a:lnTo>
                  <a:lnTo>
                    <a:pt x="37" y="588"/>
                  </a:lnTo>
                  <a:lnTo>
                    <a:pt x="35" y="588"/>
                  </a:lnTo>
                  <a:lnTo>
                    <a:pt x="35" y="587"/>
                  </a:lnTo>
                  <a:lnTo>
                    <a:pt x="35" y="585"/>
                  </a:lnTo>
                  <a:lnTo>
                    <a:pt x="35" y="583"/>
                  </a:lnTo>
                  <a:lnTo>
                    <a:pt x="35" y="581"/>
                  </a:lnTo>
                  <a:lnTo>
                    <a:pt x="37" y="579"/>
                  </a:lnTo>
                  <a:lnTo>
                    <a:pt x="35" y="579"/>
                  </a:lnTo>
                  <a:lnTo>
                    <a:pt x="37" y="579"/>
                  </a:lnTo>
                  <a:lnTo>
                    <a:pt x="39" y="577"/>
                  </a:lnTo>
                  <a:lnTo>
                    <a:pt x="41" y="575"/>
                  </a:lnTo>
                  <a:lnTo>
                    <a:pt x="39" y="575"/>
                  </a:lnTo>
                  <a:lnTo>
                    <a:pt x="35" y="572"/>
                  </a:lnTo>
                  <a:lnTo>
                    <a:pt x="37" y="568"/>
                  </a:lnTo>
                  <a:lnTo>
                    <a:pt x="41" y="570"/>
                  </a:lnTo>
                  <a:lnTo>
                    <a:pt x="43" y="570"/>
                  </a:lnTo>
                  <a:lnTo>
                    <a:pt x="43" y="572"/>
                  </a:lnTo>
                  <a:lnTo>
                    <a:pt x="48" y="566"/>
                  </a:lnTo>
                  <a:lnTo>
                    <a:pt x="48" y="564"/>
                  </a:lnTo>
                  <a:lnTo>
                    <a:pt x="50" y="563"/>
                  </a:lnTo>
                  <a:lnTo>
                    <a:pt x="50" y="561"/>
                  </a:lnTo>
                  <a:lnTo>
                    <a:pt x="48" y="559"/>
                  </a:lnTo>
                  <a:lnTo>
                    <a:pt x="48" y="557"/>
                  </a:lnTo>
                  <a:lnTo>
                    <a:pt x="46" y="555"/>
                  </a:lnTo>
                  <a:lnTo>
                    <a:pt x="46" y="553"/>
                  </a:lnTo>
                  <a:lnTo>
                    <a:pt x="44" y="553"/>
                  </a:lnTo>
                  <a:lnTo>
                    <a:pt x="44" y="551"/>
                  </a:lnTo>
                  <a:lnTo>
                    <a:pt x="43" y="550"/>
                  </a:lnTo>
                  <a:lnTo>
                    <a:pt x="43" y="548"/>
                  </a:lnTo>
                  <a:lnTo>
                    <a:pt x="41" y="548"/>
                  </a:lnTo>
                  <a:lnTo>
                    <a:pt x="39" y="548"/>
                  </a:lnTo>
                  <a:lnTo>
                    <a:pt x="37" y="548"/>
                  </a:lnTo>
                  <a:lnTo>
                    <a:pt x="35" y="548"/>
                  </a:lnTo>
                  <a:lnTo>
                    <a:pt x="35" y="546"/>
                  </a:lnTo>
                  <a:lnTo>
                    <a:pt x="33" y="546"/>
                  </a:lnTo>
                  <a:lnTo>
                    <a:pt x="31" y="546"/>
                  </a:lnTo>
                  <a:lnTo>
                    <a:pt x="30" y="546"/>
                  </a:lnTo>
                  <a:lnTo>
                    <a:pt x="28" y="546"/>
                  </a:lnTo>
                  <a:lnTo>
                    <a:pt x="28" y="544"/>
                  </a:lnTo>
                  <a:lnTo>
                    <a:pt x="26" y="544"/>
                  </a:lnTo>
                  <a:lnTo>
                    <a:pt x="26" y="542"/>
                  </a:lnTo>
                  <a:lnTo>
                    <a:pt x="26" y="540"/>
                  </a:lnTo>
                  <a:lnTo>
                    <a:pt x="24" y="540"/>
                  </a:lnTo>
                  <a:lnTo>
                    <a:pt x="24" y="538"/>
                  </a:lnTo>
                  <a:lnTo>
                    <a:pt x="26" y="538"/>
                  </a:lnTo>
                  <a:lnTo>
                    <a:pt x="26" y="537"/>
                  </a:lnTo>
                  <a:lnTo>
                    <a:pt x="28" y="537"/>
                  </a:lnTo>
                  <a:lnTo>
                    <a:pt x="30" y="537"/>
                  </a:lnTo>
                  <a:lnTo>
                    <a:pt x="31" y="538"/>
                  </a:lnTo>
                  <a:lnTo>
                    <a:pt x="31" y="537"/>
                  </a:lnTo>
                  <a:lnTo>
                    <a:pt x="31" y="538"/>
                  </a:lnTo>
                  <a:lnTo>
                    <a:pt x="33" y="538"/>
                  </a:lnTo>
                  <a:lnTo>
                    <a:pt x="33" y="537"/>
                  </a:lnTo>
                  <a:lnTo>
                    <a:pt x="35" y="537"/>
                  </a:lnTo>
                  <a:lnTo>
                    <a:pt x="35" y="538"/>
                  </a:lnTo>
                  <a:lnTo>
                    <a:pt x="37" y="537"/>
                  </a:lnTo>
                  <a:lnTo>
                    <a:pt x="37" y="535"/>
                  </a:lnTo>
                  <a:lnTo>
                    <a:pt x="37" y="533"/>
                  </a:lnTo>
                  <a:lnTo>
                    <a:pt x="39" y="533"/>
                  </a:lnTo>
                  <a:lnTo>
                    <a:pt x="39" y="531"/>
                  </a:lnTo>
                  <a:lnTo>
                    <a:pt x="39" y="529"/>
                  </a:lnTo>
                  <a:lnTo>
                    <a:pt x="37" y="529"/>
                  </a:lnTo>
                  <a:lnTo>
                    <a:pt x="37" y="527"/>
                  </a:lnTo>
                  <a:lnTo>
                    <a:pt x="39" y="527"/>
                  </a:lnTo>
                  <a:lnTo>
                    <a:pt x="37" y="526"/>
                  </a:lnTo>
                  <a:lnTo>
                    <a:pt x="37" y="524"/>
                  </a:lnTo>
                  <a:lnTo>
                    <a:pt x="35" y="524"/>
                  </a:lnTo>
                  <a:lnTo>
                    <a:pt x="35" y="522"/>
                  </a:lnTo>
                  <a:lnTo>
                    <a:pt x="35" y="520"/>
                  </a:lnTo>
                  <a:lnTo>
                    <a:pt x="35" y="518"/>
                  </a:lnTo>
                  <a:lnTo>
                    <a:pt x="35" y="514"/>
                  </a:lnTo>
                  <a:lnTo>
                    <a:pt x="33" y="514"/>
                  </a:lnTo>
                  <a:lnTo>
                    <a:pt x="33" y="511"/>
                  </a:lnTo>
                  <a:lnTo>
                    <a:pt x="35" y="511"/>
                  </a:lnTo>
                  <a:lnTo>
                    <a:pt x="35" y="505"/>
                  </a:lnTo>
                  <a:lnTo>
                    <a:pt x="39" y="505"/>
                  </a:lnTo>
                  <a:lnTo>
                    <a:pt x="41" y="505"/>
                  </a:lnTo>
                  <a:lnTo>
                    <a:pt x="41" y="503"/>
                  </a:lnTo>
                  <a:lnTo>
                    <a:pt x="41" y="501"/>
                  </a:lnTo>
                  <a:lnTo>
                    <a:pt x="39" y="500"/>
                  </a:lnTo>
                  <a:lnTo>
                    <a:pt x="39" y="496"/>
                  </a:lnTo>
                  <a:lnTo>
                    <a:pt x="39" y="494"/>
                  </a:lnTo>
                  <a:lnTo>
                    <a:pt x="37" y="496"/>
                  </a:lnTo>
                  <a:lnTo>
                    <a:pt x="37" y="492"/>
                  </a:lnTo>
                  <a:lnTo>
                    <a:pt x="35" y="492"/>
                  </a:lnTo>
                  <a:lnTo>
                    <a:pt x="35" y="490"/>
                  </a:lnTo>
                  <a:lnTo>
                    <a:pt x="31" y="490"/>
                  </a:lnTo>
                  <a:lnTo>
                    <a:pt x="31" y="489"/>
                  </a:lnTo>
                  <a:lnTo>
                    <a:pt x="30" y="487"/>
                  </a:lnTo>
                  <a:lnTo>
                    <a:pt x="30" y="485"/>
                  </a:lnTo>
                  <a:lnTo>
                    <a:pt x="28" y="485"/>
                  </a:lnTo>
                  <a:lnTo>
                    <a:pt x="28" y="483"/>
                  </a:lnTo>
                  <a:lnTo>
                    <a:pt x="24" y="485"/>
                  </a:lnTo>
                  <a:lnTo>
                    <a:pt x="22" y="485"/>
                  </a:lnTo>
                  <a:lnTo>
                    <a:pt x="22" y="483"/>
                  </a:lnTo>
                  <a:lnTo>
                    <a:pt x="20" y="481"/>
                  </a:lnTo>
                  <a:lnTo>
                    <a:pt x="20" y="479"/>
                  </a:lnTo>
                  <a:lnTo>
                    <a:pt x="19" y="479"/>
                  </a:lnTo>
                  <a:lnTo>
                    <a:pt x="19" y="477"/>
                  </a:lnTo>
                  <a:lnTo>
                    <a:pt x="17" y="476"/>
                  </a:lnTo>
                  <a:lnTo>
                    <a:pt x="17" y="474"/>
                  </a:lnTo>
                  <a:lnTo>
                    <a:pt x="17" y="472"/>
                  </a:lnTo>
                  <a:lnTo>
                    <a:pt x="15" y="470"/>
                  </a:lnTo>
                  <a:lnTo>
                    <a:pt x="13" y="470"/>
                  </a:lnTo>
                  <a:lnTo>
                    <a:pt x="13" y="472"/>
                  </a:lnTo>
                  <a:lnTo>
                    <a:pt x="11" y="470"/>
                  </a:lnTo>
                  <a:lnTo>
                    <a:pt x="11" y="468"/>
                  </a:lnTo>
                  <a:lnTo>
                    <a:pt x="13" y="468"/>
                  </a:lnTo>
                  <a:lnTo>
                    <a:pt x="13" y="466"/>
                  </a:lnTo>
                  <a:lnTo>
                    <a:pt x="15" y="466"/>
                  </a:lnTo>
                  <a:lnTo>
                    <a:pt x="15" y="464"/>
                  </a:lnTo>
                  <a:lnTo>
                    <a:pt x="13" y="464"/>
                  </a:lnTo>
                  <a:lnTo>
                    <a:pt x="13" y="463"/>
                  </a:lnTo>
                  <a:lnTo>
                    <a:pt x="15" y="463"/>
                  </a:lnTo>
                  <a:lnTo>
                    <a:pt x="17" y="463"/>
                  </a:lnTo>
                  <a:lnTo>
                    <a:pt x="17" y="461"/>
                  </a:lnTo>
                  <a:lnTo>
                    <a:pt x="19" y="461"/>
                  </a:lnTo>
                  <a:lnTo>
                    <a:pt x="19" y="463"/>
                  </a:lnTo>
                  <a:lnTo>
                    <a:pt x="20" y="463"/>
                  </a:lnTo>
                  <a:lnTo>
                    <a:pt x="22" y="463"/>
                  </a:lnTo>
                  <a:lnTo>
                    <a:pt x="22" y="461"/>
                  </a:lnTo>
                  <a:lnTo>
                    <a:pt x="24" y="461"/>
                  </a:lnTo>
                  <a:lnTo>
                    <a:pt x="24" y="459"/>
                  </a:lnTo>
                  <a:lnTo>
                    <a:pt x="24" y="457"/>
                  </a:lnTo>
                  <a:lnTo>
                    <a:pt x="22" y="455"/>
                  </a:lnTo>
                  <a:lnTo>
                    <a:pt x="22" y="453"/>
                  </a:lnTo>
                  <a:lnTo>
                    <a:pt x="22" y="452"/>
                  </a:lnTo>
                  <a:lnTo>
                    <a:pt x="22" y="450"/>
                  </a:lnTo>
                  <a:lnTo>
                    <a:pt x="22" y="448"/>
                  </a:lnTo>
                  <a:lnTo>
                    <a:pt x="22" y="446"/>
                  </a:lnTo>
                  <a:lnTo>
                    <a:pt x="22" y="444"/>
                  </a:lnTo>
                  <a:lnTo>
                    <a:pt x="22" y="440"/>
                  </a:lnTo>
                  <a:lnTo>
                    <a:pt x="22" y="439"/>
                  </a:lnTo>
                  <a:lnTo>
                    <a:pt x="20" y="439"/>
                  </a:lnTo>
                  <a:lnTo>
                    <a:pt x="19" y="439"/>
                  </a:lnTo>
                  <a:lnTo>
                    <a:pt x="19" y="440"/>
                  </a:lnTo>
                  <a:lnTo>
                    <a:pt x="17" y="440"/>
                  </a:lnTo>
                  <a:lnTo>
                    <a:pt x="15" y="440"/>
                  </a:lnTo>
                  <a:lnTo>
                    <a:pt x="13" y="440"/>
                  </a:lnTo>
                  <a:lnTo>
                    <a:pt x="11" y="440"/>
                  </a:lnTo>
                  <a:lnTo>
                    <a:pt x="9" y="440"/>
                  </a:lnTo>
                  <a:lnTo>
                    <a:pt x="7" y="440"/>
                  </a:lnTo>
                  <a:lnTo>
                    <a:pt x="7" y="439"/>
                  </a:lnTo>
                  <a:lnTo>
                    <a:pt x="7" y="437"/>
                  </a:lnTo>
                  <a:lnTo>
                    <a:pt x="7" y="435"/>
                  </a:lnTo>
                  <a:lnTo>
                    <a:pt x="6" y="433"/>
                  </a:lnTo>
                  <a:lnTo>
                    <a:pt x="6" y="431"/>
                  </a:lnTo>
                  <a:lnTo>
                    <a:pt x="6" y="427"/>
                  </a:lnTo>
                  <a:lnTo>
                    <a:pt x="6" y="426"/>
                  </a:lnTo>
                  <a:lnTo>
                    <a:pt x="6" y="424"/>
                  </a:lnTo>
                  <a:lnTo>
                    <a:pt x="7" y="422"/>
                  </a:lnTo>
                  <a:lnTo>
                    <a:pt x="7" y="420"/>
                  </a:lnTo>
                  <a:lnTo>
                    <a:pt x="6" y="420"/>
                  </a:lnTo>
                  <a:lnTo>
                    <a:pt x="6" y="418"/>
                  </a:lnTo>
                  <a:lnTo>
                    <a:pt x="6" y="416"/>
                  </a:lnTo>
                  <a:lnTo>
                    <a:pt x="6" y="415"/>
                  </a:lnTo>
                  <a:lnTo>
                    <a:pt x="6" y="413"/>
                  </a:lnTo>
                  <a:lnTo>
                    <a:pt x="4" y="411"/>
                  </a:lnTo>
                  <a:lnTo>
                    <a:pt x="4" y="409"/>
                  </a:lnTo>
                  <a:lnTo>
                    <a:pt x="2" y="409"/>
                  </a:lnTo>
                  <a:lnTo>
                    <a:pt x="2" y="407"/>
                  </a:lnTo>
                  <a:lnTo>
                    <a:pt x="0" y="407"/>
                  </a:lnTo>
                  <a:lnTo>
                    <a:pt x="2" y="405"/>
                  </a:lnTo>
                  <a:lnTo>
                    <a:pt x="4" y="405"/>
                  </a:lnTo>
                  <a:lnTo>
                    <a:pt x="4" y="403"/>
                  </a:lnTo>
                  <a:lnTo>
                    <a:pt x="6" y="403"/>
                  </a:lnTo>
                  <a:lnTo>
                    <a:pt x="6" y="402"/>
                  </a:lnTo>
                  <a:lnTo>
                    <a:pt x="7" y="402"/>
                  </a:lnTo>
                  <a:lnTo>
                    <a:pt x="7" y="400"/>
                  </a:lnTo>
                  <a:lnTo>
                    <a:pt x="6" y="400"/>
                  </a:lnTo>
                  <a:lnTo>
                    <a:pt x="4" y="400"/>
                  </a:lnTo>
                  <a:lnTo>
                    <a:pt x="2" y="400"/>
                  </a:lnTo>
                  <a:lnTo>
                    <a:pt x="0" y="400"/>
                  </a:lnTo>
                  <a:lnTo>
                    <a:pt x="0" y="398"/>
                  </a:lnTo>
                  <a:lnTo>
                    <a:pt x="0" y="396"/>
                  </a:lnTo>
                  <a:lnTo>
                    <a:pt x="2" y="396"/>
                  </a:lnTo>
                  <a:lnTo>
                    <a:pt x="0" y="394"/>
                  </a:lnTo>
                  <a:lnTo>
                    <a:pt x="2" y="394"/>
                  </a:lnTo>
                  <a:lnTo>
                    <a:pt x="2" y="392"/>
                  </a:lnTo>
                  <a:lnTo>
                    <a:pt x="2" y="391"/>
                  </a:lnTo>
                  <a:lnTo>
                    <a:pt x="2" y="389"/>
                  </a:lnTo>
                  <a:lnTo>
                    <a:pt x="4" y="387"/>
                  </a:lnTo>
                  <a:lnTo>
                    <a:pt x="6" y="385"/>
                  </a:lnTo>
                  <a:lnTo>
                    <a:pt x="4" y="385"/>
                  </a:lnTo>
                  <a:lnTo>
                    <a:pt x="4" y="383"/>
                  </a:lnTo>
                  <a:lnTo>
                    <a:pt x="4" y="381"/>
                  </a:lnTo>
                  <a:lnTo>
                    <a:pt x="6" y="381"/>
                  </a:lnTo>
                  <a:lnTo>
                    <a:pt x="6" y="379"/>
                  </a:lnTo>
                  <a:lnTo>
                    <a:pt x="7" y="379"/>
                  </a:lnTo>
                  <a:lnTo>
                    <a:pt x="9" y="379"/>
                  </a:lnTo>
                  <a:lnTo>
                    <a:pt x="11" y="379"/>
                  </a:lnTo>
                  <a:lnTo>
                    <a:pt x="11" y="378"/>
                  </a:lnTo>
                  <a:lnTo>
                    <a:pt x="15" y="379"/>
                  </a:lnTo>
                  <a:lnTo>
                    <a:pt x="15" y="378"/>
                  </a:lnTo>
                  <a:lnTo>
                    <a:pt x="13" y="378"/>
                  </a:lnTo>
                  <a:lnTo>
                    <a:pt x="13" y="376"/>
                  </a:lnTo>
                  <a:lnTo>
                    <a:pt x="13" y="378"/>
                  </a:lnTo>
                  <a:lnTo>
                    <a:pt x="15" y="378"/>
                  </a:lnTo>
                  <a:lnTo>
                    <a:pt x="15" y="376"/>
                  </a:lnTo>
                  <a:lnTo>
                    <a:pt x="17" y="378"/>
                  </a:lnTo>
                  <a:lnTo>
                    <a:pt x="19" y="378"/>
                  </a:lnTo>
                  <a:lnTo>
                    <a:pt x="20" y="378"/>
                  </a:lnTo>
                  <a:lnTo>
                    <a:pt x="20" y="379"/>
                  </a:lnTo>
                  <a:lnTo>
                    <a:pt x="22" y="379"/>
                  </a:lnTo>
                  <a:lnTo>
                    <a:pt x="22" y="378"/>
                  </a:lnTo>
                  <a:lnTo>
                    <a:pt x="22" y="376"/>
                  </a:lnTo>
                  <a:lnTo>
                    <a:pt x="26" y="376"/>
                  </a:lnTo>
                  <a:lnTo>
                    <a:pt x="28" y="376"/>
                  </a:lnTo>
                  <a:lnTo>
                    <a:pt x="28" y="374"/>
                  </a:lnTo>
                  <a:lnTo>
                    <a:pt x="30" y="372"/>
                  </a:lnTo>
                  <a:lnTo>
                    <a:pt x="30" y="370"/>
                  </a:lnTo>
                  <a:lnTo>
                    <a:pt x="30" y="368"/>
                  </a:lnTo>
                  <a:lnTo>
                    <a:pt x="31" y="368"/>
                  </a:lnTo>
                  <a:lnTo>
                    <a:pt x="31" y="366"/>
                  </a:lnTo>
                  <a:lnTo>
                    <a:pt x="31" y="363"/>
                  </a:lnTo>
                  <a:lnTo>
                    <a:pt x="31" y="361"/>
                  </a:lnTo>
                  <a:lnTo>
                    <a:pt x="31" y="357"/>
                  </a:lnTo>
                  <a:lnTo>
                    <a:pt x="31" y="354"/>
                  </a:lnTo>
                  <a:lnTo>
                    <a:pt x="31" y="352"/>
                  </a:lnTo>
                  <a:lnTo>
                    <a:pt x="31" y="350"/>
                  </a:lnTo>
                  <a:lnTo>
                    <a:pt x="33" y="348"/>
                  </a:lnTo>
                  <a:lnTo>
                    <a:pt x="33" y="346"/>
                  </a:lnTo>
                  <a:lnTo>
                    <a:pt x="35" y="344"/>
                  </a:lnTo>
                  <a:lnTo>
                    <a:pt x="37" y="342"/>
                  </a:lnTo>
                  <a:lnTo>
                    <a:pt x="39" y="342"/>
                  </a:lnTo>
                  <a:lnTo>
                    <a:pt x="41" y="344"/>
                  </a:lnTo>
                  <a:lnTo>
                    <a:pt x="43" y="344"/>
                  </a:lnTo>
                  <a:lnTo>
                    <a:pt x="43" y="346"/>
                  </a:lnTo>
                  <a:lnTo>
                    <a:pt x="43" y="348"/>
                  </a:lnTo>
                  <a:lnTo>
                    <a:pt x="44" y="348"/>
                  </a:lnTo>
                  <a:lnTo>
                    <a:pt x="46" y="348"/>
                  </a:lnTo>
                  <a:lnTo>
                    <a:pt x="46" y="350"/>
                  </a:lnTo>
                  <a:lnTo>
                    <a:pt x="48" y="348"/>
                  </a:lnTo>
                  <a:lnTo>
                    <a:pt x="50" y="346"/>
                  </a:lnTo>
                  <a:lnTo>
                    <a:pt x="50" y="344"/>
                  </a:lnTo>
                  <a:lnTo>
                    <a:pt x="52" y="344"/>
                  </a:lnTo>
                  <a:lnTo>
                    <a:pt x="52" y="342"/>
                  </a:lnTo>
                  <a:lnTo>
                    <a:pt x="50" y="342"/>
                  </a:lnTo>
                  <a:lnTo>
                    <a:pt x="50" y="341"/>
                  </a:lnTo>
                  <a:lnTo>
                    <a:pt x="50" y="339"/>
                  </a:lnTo>
                  <a:lnTo>
                    <a:pt x="50" y="337"/>
                  </a:lnTo>
                  <a:lnTo>
                    <a:pt x="52" y="335"/>
                  </a:lnTo>
                  <a:lnTo>
                    <a:pt x="54" y="335"/>
                  </a:lnTo>
                  <a:lnTo>
                    <a:pt x="56" y="335"/>
                  </a:lnTo>
                  <a:lnTo>
                    <a:pt x="56" y="333"/>
                  </a:lnTo>
                  <a:lnTo>
                    <a:pt x="57" y="333"/>
                  </a:lnTo>
                  <a:lnTo>
                    <a:pt x="59" y="333"/>
                  </a:lnTo>
                  <a:lnTo>
                    <a:pt x="61" y="333"/>
                  </a:lnTo>
                  <a:lnTo>
                    <a:pt x="63" y="333"/>
                  </a:lnTo>
                  <a:lnTo>
                    <a:pt x="63" y="331"/>
                  </a:lnTo>
                  <a:lnTo>
                    <a:pt x="63" y="329"/>
                  </a:lnTo>
                  <a:lnTo>
                    <a:pt x="63" y="328"/>
                  </a:lnTo>
                  <a:lnTo>
                    <a:pt x="61" y="328"/>
                  </a:lnTo>
                  <a:lnTo>
                    <a:pt x="61" y="326"/>
                  </a:lnTo>
                  <a:lnTo>
                    <a:pt x="61" y="324"/>
                  </a:lnTo>
                  <a:lnTo>
                    <a:pt x="59" y="324"/>
                  </a:lnTo>
                  <a:lnTo>
                    <a:pt x="59" y="322"/>
                  </a:lnTo>
                  <a:lnTo>
                    <a:pt x="59" y="320"/>
                  </a:lnTo>
                  <a:lnTo>
                    <a:pt x="59" y="318"/>
                  </a:lnTo>
                  <a:lnTo>
                    <a:pt x="59" y="320"/>
                  </a:lnTo>
                  <a:lnTo>
                    <a:pt x="61" y="320"/>
                  </a:lnTo>
                  <a:lnTo>
                    <a:pt x="61" y="322"/>
                  </a:lnTo>
                  <a:lnTo>
                    <a:pt x="63" y="322"/>
                  </a:lnTo>
                  <a:lnTo>
                    <a:pt x="63" y="324"/>
                  </a:lnTo>
                  <a:lnTo>
                    <a:pt x="63" y="322"/>
                  </a:lnTo>
                  <a:lnTo>
                    <a:pt x="63" y="320"/>
                  </a:lnTo>
                  <a:lnTo>
                    <a:pt x="65" y="320"/>
                  </a:lnTo>
                  <a:lnTo>
                    <a:pt x="65" y="318"/>
                  </a:lnTo>
                  <a:lnTo>
                    <a:pt x="65" y="315"/>
                  </a:lnTo>
                  <a:lnTo>
                    <a:pt x="67" y="315"/>
                  </a:lnTo>
                  <a:lnTo>
                    <a:pt x="67" y="317"/>
                  </a:lnTo>
                  <a:lnTo>
                    <a:pt x="67" y="315"/>
                  </a:lnTo>
                  <a:lnTo>
                    <a:pt x="67" y="313"/>
                  </a:lnTo>
                  <a:lnTo>
                    <a:pt x="68" y="313"/>
                  </a:lnTo>
                  <a:lnTo>
                    <a:pt x="68" y="311"/>
                  </a:lnTo>
                  <a:lnTo>
                    <a:pt x="68" y="313"/>
                  </a:lnTo>
                  <a:lnTo>
                    <a:pt x="68" y="311"/>
                  </a:lnTo>
                  <a:lnTo>
                    <a:pt x="70" y="311"/>
                  </a:lnTo>
                  <a:lnTo>
                    <a:pt x="70" y="309"/>
                  </a:lnTo>
                  <a:lnTo>
                    <a:pt x="72" y="309"/>
                  </a:lnTo>
                  <a:lnTo>
                    <a:pt x="72" y="307"/>
                  </a:lnTo>
                  <a:lnTo>
                    <a:pt x="74" y="307"/>
                  </a:lnTo>
                  <a:lnTo>
                    <a:pt x="76" y="307"/>
                  </a:lnTo>
                  <a:lnTo>
                    <a:pt x="78" y="307"/>
                  </a:lnTo>
                  <a:lnTo>
                    <a:pt x="80" y="307"/>
                  </a:lnTo>
                  <a:lnTo>
                    <a:pt x="81" y="307"/>
                  </a:lnTo>
                  <a:close/>
                  <a:moveTo>
                    <a:pt x="113" y="588"/>
                  </a:moveTo>
                  <a:lnTo>
                    <a:pt x="113" y="587"/>
                  </a:lnTo>
                  <a:lnTo>
                    <a:pt x="115" y="587"/>
                  </a:lnTo>
                  <a:lnTo>
                    <a:pt x="115" y="585"/>
                  </a:lnTo>
                  <a:lnTo>
                    <a:pt x="117" y="587"/>
                  </a:lnTo>
                  <a:lnTo>
                    <a:pt x="115" y="587"/>
                  </a:lnTo>
                  <a:lnTo>
                    <a:pt x="115" y="588"/>
                  </a:lnTo>
                  <a:lnTo>
                    <a:pt x="113" y="588"/>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31" name="Freeform 183"/>
            <p:cNvSpPr>
              <a:spLocks noEditPoints="1"/>
            </p:cNvSpPr>
            <p:nvPr/>
          </p:nvSpPr>
          <p:spPr bwMode="auto">
            <a:xfrm>
              <a:off x="6494464" y="2554419"/>
              <a:ext cx="630694" cy="480579"/>
            </a:xfrm>
            <a:custGeom>
              <a:avLst/>
              <a:gdLst>
                <a:gd name="T0" fmla="*/ 529 w 605"/>
                <a:gd name="T1" fmla="*/ 87 h 461"/>
                <a:gd name="T2" fmla="*/ 535 w 605"/>
                <a:gd name="T3" fmla="*/ 98 h 461"/>
                <a:gd name="T4" fmla="*/ 536 w 605"/>
                <a:gd name="T5" fmla="*/ 118 h 461"/>
                <a:gd name="T6" fmla="*/ 516 w 605"/>
                <a:gd name="T7" fmla="*/ 142 h 461"/>
                <a:gd name="T8" fmla="*/ 490 w 605"/>
                <a:gd name="T9" fmla="*/ 130 h 461"/>
                <a:gd name="T10" fmla="*/ 511 w 605"/>
                <a:gd name="T11" fmla="*/ 122 h 461"/>
                <a:gd name="T12" fmla="*/ 531 w 605"/>
                <a:gd name="T13" fmla="*/ 109 h 461"/>
                <a:gd name="T14" fmla="*/ 501 w 605"/>
                <a:gd name="T15" fmla="*/ 94 h 461"/>
                <a:gd name="T16" fmla="*/ 479 w 605"/>
                <a:gd name="T17" fmla="*/ 76 h 461"/>
                <a:gd name="T18" fmla="*/ 457 w 605"/>
                <a:gd name="T19" fmla="*/ 98 h 461"/>
                <a:gd name="T20" fmla="*/ 470 w 605"/>
                <a:gd name="T21" fmla="*/ 120 h 461"/>
                <a:gd name="T22" fmla="*/ 442 w 605"/>
                <a:gd name="T23" fmla="*/ 144 h 461"/>
                <a:gd name="T24" fmla="*/ 435 w 605"/>
                <a:gd name="T25" fmla="*/ 192 h 461"/>
                <a:gd name="T26" fmla="*/ 433 w 605"/>
                <a:gd name="T27" fmla="*/ 248 h 461"/>
                <a:gd name="T28" fmla="*/ 335 w 605"/>
                <a:gd name="T29" fmla="*/ 215 h 461"/>
                <a:gd name="T30" fmla="*/ 302 w 605"/>
                <a:gd name="T31" fmla="*/ 207 h 461"/>
                <a:gd name="T32" fmla="*/ 278 w 605"/>
                <a:gd name="T33" fmla="*/ 189 h 461"/>
                <a:gd name="T34" fmla="*/ 257 w 605"/>
                <a:gd name="T35" fmla="*/ 174 h 461"/>
                <a:gd name="T36" fmla="*/ 224 w 605"/>
                <a:gd name="T37" fmla="*/ 181 h 461"/>
                <a:gd name="T38" fmla="*/ 235 w 605"/>
                <a:gd name="T39" fmla="*/ 215 h 461"/>
                <a:gd name="T40" fmla="*/ 228 w 605"/>
                <a:gd name="T41" fmla="*/ 239 h 461"/>
                <a:gd name="T42" fmla="*/ 204 w 605"/>
                <a:gd name="T43" fmla="*/ 266 h 461"/>
                <a:gd name="T44" fmla="*/ 170 w 605"/>
                <a:gd name="T45" fmla="*/ 309 h 461"/>
                <a:gd name="T46" fmla="*/ 176 w 605"/>
                <a:gd name="T47" fmla="*/ 342 h 461"/>
                <a:gd name="T48" fmla="*/ 182 w 605"/>
                <a:gd name="T49" fmla="*/ 379 h 461"/>
                <a:gd name="T50" fmla="*/ 200 w 605"/>
                <a:gd name="T51" fmla="*/ 455 h 461"/>
                <a:gd name="T52" fmla="*/ 159 w 605"/>
                <a:gd name="T53" fmla="*/ 437 h 461"/>
                <a:gd name="T54" fmla="*/ 122 w 605"/>
                <a:gd name="T55" fmla="*/ 424 h 461"/>
                <a:gd name="T56" fmla="*/ 93 w 605"/>
                <a:gd name="T57" fmla="*/ 427 h 461"/>
                <a:gd name="T58" fmla="*/ 50 w 605"/>
                <a:gd name="T59" fmla="*/ 420 h 461"/>
                <a:gd name="T60" fmla="*/ 28 w 605"/>
                <a:gd name="T61" fmla="*/ 398 h 461"/>
                <a:gd name="T62" fmla="*/ 50 w 605"/>
                <a:gd name="T63" fmla="*/ 368 h 461"/>
                <a:gd name="T64" fmla="*/ 39 w 605"/>
                <a:gd name="T65" fmla="*/ 335 h 461"/>
                <a:gd name="T66" fmla="*/ 39 w 605"/>
                <a:gd name="T67" fmla="*/ 305 h 461"/>
                <a:gd name="T68" fmla="*/ 61 w 605"/>
                <a:gd name="T69" fmla="*/ 289 h 461"/>
                <a:gd name="T70" fmla="*/ 36 w 605"/>
                <a:gd name="T71" fmla="*/ 270 h 461"/>
                <a:gd name="T72" fmla="*/ 13 w 605"/>
                <a:gd name="T73" fmla="*/ 259 h 461"/>
                <a:gd name="T74" fmla="*/ 8 w 605"/>
                <a:gd name="T75" fmla="*/ 244 h 461"/>
                <a:gd name="T76" fmla="*/ 28 w 605"/>
                <a:gd name="T77" fmla="*/ 226 h 461"/>
                <a:gd name="T78" fmla="*/ 43 w 605"/>
                <a:gd name="T79" fmla="*/ 194 h 461"/>
                <a:gd name="T80" fmla="*/ 58 w 605"/>
                <a:gd name="T81" fmla="*/ 170 h 461"/>
                <a:gd name="T82" fmla="*/ 71 w 605"/>
                <a:gd name="T83" fmla="*/ 154 h 461"/>
                <a:gd name="T84" fmla="*/ 100 w 605"/>
                <a:gd name="T85" fmla="*/ 148 h 461"/>
                <a:gd name="T86" fmla="*/ 143 w 605"/>
                <a:gd name="T87" fmla="*/ 157 h 461"/>
                <a:gd name="T88" fmla="*/ 185 w 605"/>
                <a:gd name="T89" fmla="*/ 148 h 461"/>
                <a:gd name="T90" fmla="*/ 222 w 605"/>
                <a:gd name="T91" fmla="*/ 142 h 461"/>
                <a:gd name="T92" fmla="*/ 257 w 605"/>
                <a:gd name="T93" fmla="*/ 131 h 461"/>
                <a:gd name="T94" fmla="*/ 292 w 605"/>
                <a:gd name="T95" fmla="*/ 144 h 461"/>
                <a:gd name="T96" fmla="*/ 328 w 605"/>
                <a:gd name="T97" fmla="*/ 118 h 461"/>
                <a:gd name="T98" fmla="*/ 335 w 605"/>
                <a:gd name="T99" fmla="*/ 89 h 461"/>
                <a:gd name="T100" fmla="*/ 357 w 605"/>
                <a:gd name="T101" fmla="*/ 81 h 461"/>
                <a:gd name="T102" fmla="*/ 390 w 605"/>
                <a:gd name="T103" fmla="*/ 65 h 461"/>
                <a:gd name="T104" fmla="*/ 433 w 605"/>
                <a:gd name="T105" fmla="*/ 46 h 461"/>
                <a:gd name="T106" fmla="*/ 461 w 605"/>
                <a:gd name="T107" fmla="*/ 33 h 461"/>
                <a:gd name="T108" fmla="*/ 475 w 605"/>
                <a:gd name="T109" fmla="*/ 2 h 461"/>
                <a:gd name="T110" fmla="*/ 498 w 605"/>
                <a:gd name="T111" fmla="*/ 9 h 461"/>
                <a:gd name="T112" fmla="*/ 535 w 605"/>
                <a:gd name="T113" fmla="*/ 13 h 461"/>
                <a:gd name="T114" fmla="*/ 560 w 605"/>
                <a:gd name="T115" fmla="*/ 26 h 461"/>
                <a:gd name="T116" fmla="*/ 599 w 605"/>
                <a:gd name="T117" fmla="*/ 46 h 461"/>
                <a:gd name="T118" fmla="*/ 575 w 605"/>
                <a:gd name="T119" fmla="*/ 65 h 461"/>
                <a:gd name="T120" fmla="*/ 538 w 605"/>
                <a:gd name="T121" fmla="*/ 68 h 461"/>
                <a:gd name="T122" fmla="*/ 507 w 605"/>
                <a:gd name="T123" fmla="*/ 72 h 4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605" h="461">
                  <a:moveTo>
                    <a:pt x="505" y="76"/>
                  </a:moveTo>
                  <a:lnTo>
                    <a:pt x="507" y="76"/>
                  </a:lnTo>
                  <a:lnTo>
                    <a:pt x="507" y="78"/>
                  </a:lnTo>
                  <a:lnTo>
                    <a:pt x="509" y="78"/>
                  </a:lnTo>
                  <a:lnTo>
                    <a:pt x="509" y="76"/>
                  </a:lnTo>
                  <a:lnTo>
                    <a:pt x="511" y="78"/>
                  </a:lnTo>
                  <a:lnTo>
                    <a:pt x="509" y="78"/>
                  </a:lnTo>
                  <a:lnTo>
                    <a:pt x="509" y="80"/>
                  </a:lnTo>
                  <a:lnTo>
                    <a:pt x="511" y="80"/>
                  </a:lnTo>
                  <a:lnTo>
                    <a:pt x="511" y="81"/>
                  </a:lnTo>
                  <a:lnTo>
                    <a:pt x="512" y="81"/>
                  </a:lnTo>
                  <a:lnTo>
                    <a:pt x="514" y="80"/>
                  </a:lnTo>
                  <a:lnTo>
                    <a:pt x="514" y="81"/>
                  </a:lnTo>
                  <a:lnTo>
                    <a:pt x="516" y="81"/>
                  </a:lnTo>
                  <a:lnTo>
                    <a:pt x="518" y="81"/>
                  </a:lnTo>
                  <a:lnTo>
                    <a:pt x="518" y="83"/>
                  </a:lnTo>
                  <a:lnTo>
                    <a:pt x="520" y="83"/>
                  </a:lnTo>
                  <a:lnTo>
                    <a:pt x="522" y="83"/>
                  </a:lnTo>
                  <a:lnTo>
                    <a:pt x="522" y="81"/>
                  </a:lnTo>
                  <a:lnTo>
                    <a:pt x="524" y="83"/>
                  </a:lnTo>
                  <a:lnTo>
                    <a:pt x="524" y="85"/>
                  </a:lnTo>
                  <a:lnTo>
                    <a:pt x="524" y="83"/>
                  </a:lnTo>
                  <a:lnTo>
                    <a:pt x="524" y="85"/>
                  </a:lnTo>
                  <a:lnTo>
                    <a:pt x="525" y="85"/>
                  </a:lnTo>
                  <a:lnTo>
                    <a:pt x="527" y="85"/>
                  </a:lnTo>
                  <a:lnTo>
                    <a:pt x="527" y="87"/>
                  </a:lnTo>
                  <a:lnTo>
                    <a:pt x="527" y="85"/>
                  </a:lnTo>
                  <a:lnTo>
                    <a:pt x="529" y="87"/>
                  </a:lnTo>
                  <a:lnTo>
                    <a:pt x="529" y="89"/>
                  </a:lnTo>
                  <a:lnTo>
                    <a:pt x="527" y="89"/>
                  </a:lnTo>
                  <a:lnTo>
                    <a:pt x="527" y="91"/>
                  </a:lnTo>
                  <a:lnTo>
                    <a:pt x="525" y="91"/>
                  </a:lnTo>
                  <a:lnTo>
                    <a:pt x="524" y="91"/>
                  </a:lnTo>
                  <a:lnTo>
                    <a:pt x="522" y="91"/>
                  </a:lnTo>
                  <a:lnTo>
                    <a:pt x="522" y="93"/>
                  </a:lnTo>
                  <a:lnTo>
                    <a:pt x="522" y="94"/>
                  </a:lnTo>
                  <a:lnTo>
                    <a:pt x="520" y="94"/>
                  </a:lnTo>
                  <a:lnTo>
                    <a:pt x="518" y="94"/>
                  </a:lnTo>
                  <a:lnTo>
                    <a:pt x="518" y="96"/>
                  </a:lnTo>
                  <a:lnTo>
                    <a:pt x="520" y="96"/>
                  </a:lnTo>
                  <a:lnTo>
                    <a:pt x="520" y="98"/>
                  </a:lnTo>
                  <a:lnTo>
                    <a:pt x="522" y="98"/>
                  </a:lnTo>
                  <a:lnTo>
                    <a:pt x="522" y="96"/>
                  </a:lnTo>
                  <a:lnTo>
                    <a:pt x="524" y="96"/>
                  </a:lnTo>
                  <a:lnTo>
                    <a:pt x="524" y="98"/>
                  </a:lnTo>
                  <a:lnTo>
                    <a:pt x="524" y="96"/>
                  </a:lnTo>
                  <a:lnTo>
                    <a:pt x="525" y="96"/>
                  </a:lnTo>
                  <a:lnTo>
                    <a:pt x="525" y="98"/>
                  </a:lnTo>
                  <a:lnTo>
                    <a:pt x="527" y="98"/>
                  </a:lnTo>
                  <a:lnTo>
                    <a:pt x="527" y="96"/>
                  </a:lnTo>
                  <a:lnTo>
                    <a:pt x="529" y="96"/>
                  </a:lnTo>
                  <a:lnTo>
                    <a:pt x="531" y="96"/>
                  </a:lnTo>
                  <a:lnTo>
                    <a:pt x="533" y="98"/>
                  </a:lnTo>
                  <a:lnTo>
                    <a:pt x="533" y="96"/>
                  </a:lnTo>
                  <a:lnTo>
                    <a:pt x="535" y="96"/>
                  </a:lnTo>
                  <a:lnTo>
                    <a:pt x="535" y="98"/>
                  </a:lnTo>
                  <a:lnTo>
                    <a:pt x="536" y="98"/>
                  </a:lnTo>
                  <a:lnTo>
                    <a:pt x="536" y="100"/>
                  </a:lnTo>
                  <a:lnTo>
                    <a:pt x="538" y="100"/>
                  </a:lnTo>
                  <a:lnTo>
                    <a:pt x="538" y="98"/>
                  </a:lnTo>
                  <a:lnTo>
                    <a:pt x="540" y="98"/>
                  </a:lnTo>
                  <a:lnTo>
                    <a:pt x="540" y="100"/>
                  </a:lnTo>
                  <a:lnTo>
                    <a:pt x="542" y="100"/>
                  </a:lnTo>
                  <a:lnTo>
                    <a:pt x="540" y="100"/>
                  </a:lnTo>
                  <a:lnTo>
                    <a:pt x="540" y="102"/>
                  </a:lnTo>
                  <a:lnTo>
                    <a:pt x="538" y="102"/>
                  </a:lnTo>
                  <a:lnTo>
                    <a:pt x="540" y="102"/>
                  </a:lnTo>
                  <a:lnTo>
                    <a:pt x="540" y="105"/>
                  </a:lnTo>
                  <a:lnTo>
                    <a:pt x="538" y="105"/>
                  </a:lnTo>
                  <a:lnTo>
                    <a:pt x="538" y="109"/>
                  </a:lnTo>
                  <a:lnTo>
                    <a:pt x="540" y="109"/>
                  </a:lnTo>
                  <a:lnTo>
                    <a:pt x="542" y="109"/>
                  </a:lnTo>
                  <a:lnTo>
                    <a:pt x="544" y="109"/>
                  </a:lnTo>
                  <a:lnTo>
                    <a:pt x="544" y="111"/>
                  </a:lnTo>
                  <a:lnTo>
                    <a:pt x="544" y="113"/>
                  </a:lnTo>
                  <a:lnTo>
                    <a:pt x="544" y="115"/>
                  </a:lnTo>
                  <a:lnTo>
                    <a:pt x="542" y="115"/>
                  </a:lnTo>
                  <a:lnTo>
                    <a:pt x="542" y="117"/>
                  </a:lnTo>
                  <a:lnTo>
                    <a:pt x="540" y="117"/>
                  </a:lnTo>
                  <a:lnTo>
                    <a:pt x="538" y="117"/>
                  </a:lnTo>
                  <a:lnTo>
                    <a:pt x="540" y="117"/>
                  </a:lnTo>
                  <a:lnTo>
                    <a:pt x="538" y="117"/>
                  </a:lnTo>
                  <a:lnTo>
                    <a:pt x="538" y="118"/>
                  </a:lnTo>
                  <a:lnTo>
                    <a:pt x="536" y="118"/>
                  </a:lnTo>
                  <a:lnTo>
                    <a:pt x="538" y="118"/>
                  </a:lnTo>
                  <a:lnTo>
                    <a:pt x="540" y="118"/>
                  </a:lnTo>
                  <a:lnTo>
                    <a:pt x="540" y="120"/>
                  </a:lnTo>
                  <a:lnTo>
                    <a:pt x="540" y="122"/>
                  </a:lnTo>
                  <a:lnTo>
                    <a:pt x="538" y="122"/>
                  </a:lnTo>
                  <a:lnTo>
                    <a:pt x="538" y="124"/>
                  </a:lnTo>
                  <a:lnTo>
                    <a:pt x="536" y="124"/>
                  </a:lnTo>
                  <a:lnTo>
                    <a:pt x="535" y="126"/>
                  </a:lnTo>
                  <a:lnTo>
                    <a:pt x="533" y="126"/>
                  </a:lnTo>
                  <a:lnTo>
                    <a:pt x="531" y="128"/>
                  </a:lnTo>
                  <a:lnTo>
                    <a:pt x="529" y="128"/>
                  </a:lnTo>
                  <a:lnTo>
                    <a:pt x="529" y="130"/>
                  </a:lnTo>
                  <a:lnTo>
                    <a:pt x="531" y="130"/>
                  </a:lnTo>
                  <a:lnTo>
                    <a:pt x="531" y="131"/>
                  </a:lnTo>
                  <a:lnTo>
                    <a:pt x="533" y="131"/>
                  </a:lnTo>
                  <a:lnTo>
                    <a:pt x="531" y="131"/>
                  </a:lnTo>
                  <a:lnTo>
                    <a:pt x="529" y="131"/>
                  </a:lnTo>
                  <a:lnTo>
                    <a:pt x="527" y="131"/>
                  </a:lnTo>
                  <a:lnTo>
                    <a:pt x="525" y="133"/>
                  </a:lnTo>
                  <a:lnTo>
                    <a:pt x="525" y="135"/>
                  </a:lnTo>
                  <a:lnTo>
                    <a:pt x="524" y="135"/>
                  </a:lnTo>
                  <a:lnTo>
                    <a:pt x="522" y="135"/>
                  </a:lnTo>
                  <a:lnTo>
                    <a:pt x="520" y="135"/>
                  </a:lnTo>
                  <a:lnTo>
                    <a:pt x="520" y="137"/>
                  </a:lnTo>
                  <a:lnTo>
                    <a:pt x="520" y="139"/>
                  </a:lnTo>
                  <a:lnTo>
                    <a:pt x="518" y="139"/>
                  </a:lnTo>
                  <a:lnTo>
                    <a:pt x="516" y="141"/>
                  </a:lnTo>
                  <a:lnTo>
                    <a:pt x="516" y="142"/>
                  </a:lnTo>
                  <a:lnTo>
                    <a:pt x="514" y="142"/>
                  </a:lnTo>
                  <a:lnTo>
                    <a:pt x="512" y="142"/>
                  </a:lnTo>
                  <a:lnTo>
                    <a:pt x="511" y="142"/>
                  </a:lnTo>
                  <a:lnTo>
                    <a:pt x="511" y="144"/>
                  </a:lnTo>
                  <a:lnTo>
                    <a:pt x="509" y="144"/>
                  </a:lnTo>
                  <a:lnTo>
                    <a:pt x="507" y="144"/>
                  </a:lnTo>
                  <a:lnTo>
                    <a:pt x="507" y="146"/>
                  </a:lnTo>
                  <a:lnTo>
                    <a:pt x="505" y="146"/>
                  </a:lnTo>
                  <a:lnTo>
                    <a:pt x="505" y="148"/>
                  </a:lnTo>
                  <a:lnTo>
                    <a:pt x="505" y="146"/>
                  </a:lnTo>
                  <a:lnTo>
                    <a:pt x="503" y="146"/>
                  </a:lnTo>
                  <a:lnTo>
                    <a:pt x="503" y="148"/>
                  </a:lnTo>
                  <a:lnTo>
                    <a:pt x="503" y="146"/>
                  </a:lnTo>
                  <a:lnTo>
                    <a:pt x="501" y="146"/>
                  </a:lnTo>
                  <a:lnTo>
                    <a:pt x="499" y="144"/>
                  </a:lnTo>
                  <a:lnTo>
                    <a:pt x="499" y="142"/>
                  </a:lnTo>
                  <a:lnTo>
                    <a:pt x="498" y="142"/>
                  </a:lnTo>
                  <a:lnTo>
                    <a:pt x="498" y="141"/>
                  </a:lnTo>
                  <a:lnTo>
                    <a:pt x="496" y="141"/>
                  </a:lnTo>
                  <a:lnTo>
                    <a:pt x="496" y="139"/>
                  </a:lnTo>
                  <a:lnTo>
                    <a:pt x="494" y="139"/>
                  </a:lnTo>
                  <a:lnTo>
                    <a:pt x="494" y="137"/>
                  </a:lnTo>
                  <a:lnTo>
                    <a:pt x="494" y="135"/>
                  </a:lnTo>
                  <a:lnTo>
                    <a:pt x="492" y="135"/>
                  </a:lnTo>
                  <a:lnTo>
                    <a:pt x="492" y="133"/>
                  </a:lnTo>
                  <a:lnTo>
                    <a:pt x="492" y="131"/>
                  </a:lnTo>
                  <a:lnTo>
                    <a:pt x="490" y="131"/>
                  </a:lnTo>
                  <a:lnTo>
                    <a:pt x="490" y="130"/>
                  </a:lnTo>
                  <a:lnTo>
                    <a:pt x="490" y="128"/>
                  </a:lnTo>
                  <a:lnTo>
                    <a:pt x="488" y="128"/>
                  </a:lnTo>
                  <a:lnTo>
                    <a:pt x="487" y="128"/>
                  </a:lnTo>
                  <a:lnTo>
                    <a:pt x="487" y="126"/>
                  </a:lnTo>
                  <a:lnTo>
                    <a:pt x="485" y="126"/>
                  </a:lnTo>
                  <a:lnTo>
                    <a:pt x="485" y="124"/>
                  </a:lnTo>
                  <a:lnTo>
                    <a:pt x="487" y="124"/>
                  </a:lnTo>
                  <a:lnTo>
                    <a:pt x="487" y="122"/>
                  </a:lnTo>
                  <a:lnTo>
                    <a:pt x="488" y="122"/>
                  </a:lnTo>
                  <a:lnTo>
                    <a:pt x="490" y="122"/>
                  </a:lnTo>
                  <a:lnTo>
                    <a:pt x="492" y="120"/>
                  </a:lnTo>
                  <a:lnTo>
                    <a:pt x="494" y="120"/>
                  </a:lnTo>
                  <a:lnTo>
                    <a:pt x="496" y="120"/>
                  </a:lnTo>
                  <a:lnTo>
                    <a:pt x="496" y="122"/>
                  </a:lnTo>
                  <a:lnTo>
                    <a:pt x="498" y="120"/>
                  </a:lnTo>
                  <a:lnTo>
                    <a:pt x="498" y="122"/>
                  </a:lnTo>
                  <a:lnTo>
                    <a:pt x="499" y="122"/>
                  </a:lnTo>
                  <a:lnTo>
                    <a:pt x="498" y="122"/>
                  </a:lnTo>
                  <a:lnTo>
                    <a:pt x="499" y="122"/>
                  </a:lnTo>
                  <a:lnTo>
                    <a:pt x="499" y="124"/>
                  </a:lnTo>
                  <a:lnTo>
                    <a:pt x="501" y="124"/>
                  </a:lnTo>
                  <a:lnTo>
                    <a:pt x="503" y="124"/>
                  </a:lnTo>
                  <a:lnTo>
                    <a:pt x="505" y="124"/>
                  </a:lnTo>
                  <a:lnTo>
                    <a:pt x="507" y="124"/>
                  </a:lnTo>
                  <a:lnTo>
                    <a:pt x="505" y="122"/>
                  </a:lnTo>
                  <a:lnTo>
                    <a:pt x="507" y="122"/>
                  </a:lnTo>
                  <a:lnTo>
                    <a:pt x="509" y="122"/>
                  </a:lnTo>
                  <a:lnTo>
                    <a:pt x="511" y="122"/>
                  </a:lnTo>
                  <a:lnTo>
                    <a:pt x="512" y="122"/>
                  </a:lnTo>
                  <a:lnTo>
                    <a:pt x="512" y="124"/>
                  </a:lnTo>
                  <a:lnTo>
                    <a:pt x="514" y="124"/>
                  </a:lnTo>
                  <a:lnTo>
                    <a:pt x="514" y="126"/>
                  </a:lnTo>
                  <a:lnTo>
                    <a:pt x="514" y="128"/>
                  </a:lnTo>
                  <a:lnTo>
                    <a:pt x="516" y="128"/>
                  </a:lnTo>
                  <a:lnTo>
                    <a:pt x="516" y="130"/>
                  </a:lnTo>
                  <a:lnTo>
                    <a:pt x="518" y="130"/>
                  </a:lnTo>
                  <a:lnTo>
                    <a:pt x="518" y="128"/>
                  </a:lnTo>
                  <a:lnTo>
                    <a:pt x="520" y="128"/>
                  </a:lnTo>
                  <a:lnTo>
                    <a:pt x="522" y="128"/>
                  </a:lnTo>
                  <a:lnTo>
                    <a:pt x="524" y="128"/>
                  </a:lnTo>
                  <a:lnTo>
                    <a:pt x="524" y="126"/>
                  </a:lnTo>
                  <a:lnTo>
                    <a:pt x="525" y="126"/>
                  </a:lnTo>
                  <a:lnTo>
                    <a:pt x="527" y="124"/>
                  </a:lnTo>
                  <a:lnTo>
                    <a:pt x="529" y="124"/>
                  </a:lnTo>
                  <a:lnTo>
                    <a:pt x="527" y="124"/>
                  </a:lnTo>
                  <a:lnTo>
                    <a:pt x="527" y="122"/>
                  </a:lnTo>
                  <a:lnTo>
                    <a:pt x="529" y="122"/>
                  </a:lnTo>
                  <a:lnTo>
                    <a:pt x="529" y="120"/>
                  </a:lnTo>
                  <a:lnTo>
                    <a:pt x="527" y="120"/>
                  </a:lnTo>
                  <a:lnTo>
                    <a:pt x="527" y="115"/>
                  </a:lnTo>
                  <a:lnTo>
                    <a:pt x="525" y="115"/>
                  </a:lnTo>
                  <a:lnTo>
                    <a:pt x="525" y="113"/>
                  </a:lnTo>
                  <a:lnTo>
                    <a:pt x="527" y="113"/>
                  </a:lnTo>
                  <a:lnTo>
                    <a:pt x="527" y="111"/>
                  </a:lnTo>
                  <a:lnTo>
                    <a:pt x="529" y="111"/>
                  </a:lnTo>
                  <a:lnTo>
                    <a:pt x="531" y="109"/>
                  </a:lnTo>
                  <a:lnTo>
                    <a:pt x="529" y="109"/>
                  </a:lnTo>
                  <a:lnTo>
                    <a:pt x="531" y="109"/>
                  </a:lnTo>
                  <a:lnTo>
                    <a:pt x="531" y="107"/>
                  </a:lnTo>
                  <a:lnTo>
                    <a:pt x="529" y="107"/>
                  </a:lnTo>
                  <a:lnTo>
                    <a:pt x="527" y="107"/>
                  </a:lnTo>
                  <a:lnTo>
                    <a:pt x="525" y="107"/>
                  </a:lnTo>
                  <a:lnTo>
                    <a:pt x="525" y="105"/>
                  </a:lnTo>
                  <a:lnTo>
                    <a:pt x="524" y="105"/>
                  </a:lnTo>
                  <a:lnTo>
                    <a:pt x="522" y="105"/>
                  </a:lnTo>
                  <a:lnTo>
                    <a:pt x="522" y="107"/>
                  </a:lnTo>
                  <a:lnTo>
                    <a:pt x="520" y="107"/>
                  </a:lnTo>
                  <a:lnTo>
                    <a:pt x="518" y="107"/>
                  </a:lnTo>
                  <a:lnTo>
                    <a:pt x="516" y="107"/>
                  </a:lnTo>
                  <a:lnTo>
                    <a:pt x="516" y="105"/>
                  </a:lnTo>
                  <a:lnTo>
                    <a:pt x="514" y="105"/>
                  </a:lnTo>
                  <a:lnTo>
                    <a:pt x="514" y="104"/>
                  </a:lnTo>
                  <a:lnTo>
                    <a:pt x="512" y="102"/>
                  </a:lnTo>
                  <a:lnTo>
                    <a:pt x="512" y="104"/>
                  </a:lnTo>
                  <a:lnTo>
                    <a:pt x="511" y="104"/>
                  </a:lnTo>
                  <a:lnTo>
                    <a:pt x="509" y="104"/>
                  </a:lnTo>
                  <a:lnTo>
                    <a:pt x="507" y="104"/>
                  </a:lnTo>
                  <a:lnTo>
                    <a:pt x="507" y="102"/>
                  </a:lnTo>
                  <a:lnTo>
                    <a:pt x="505" y="102"/>
                  </a:lnTo>
                  <a:lnTo>
                    <a:pt x="503" y="100"/>
                  </a:lnTo>
                  <a:lnTo>
                    <a:pt x="503" y="98"/>
                  </a:lnTo>
                  <a:lnTo>
                    <a:pt x="503" y="96"/>
                  </a:lnTo>
                  <a:lnTo>
                    <a:pt x="501" y="96"/>
                  </a:lnTo>
                  <a:lnTo>
                    <a:pt x="501" y="94"/>
                  </a:lnTo>
                  <a:lnTo>
                    <a:pt x="503" y="94"/>
                  </a:lnTo>
                  <a:lnTo>
                    <a:pt x="501" y="94"/>
                  </a:lnTo>
                  <a:lnTo>
                    <a:pt x="501" y="93"/>
                  </a:lnTo>
                  <a:lnTo>
                    <a:pt x="499" y="93"/>
                  </a:lnTo>
                  <a:lnTo>
                    <a:pt x="501" y="91"/>
                  </a:lnTo>
                  <a:lnTo>
                    <a:pt x="499" y="91"/>
                  </a:lnTo>
                  <a:lnTo>
                    <a:pt x="499" y="89"/>
                  </a:lnTo>
                  <a:lnTo>
                    <a:pt x="501" y="89"/>
                  </a:lnTo>
                  <a:lnTo>
                    <a:pt x="501" y="87"/>
                  </a:lnTo>
                  <a:lnTo>
                    <a:pt x="501" y="85"/>
                  </a:lnTo>
                  <a:lnTo>
                    <a:pt x="499" y="87"/>
                  </a:lnTo>
                  <a:lnTo>
                    <a:pt x="498" y="85"/>
                  </a:lnTo>
                  <a:lnTo>
                    <a:pt x="496" y="85"/>
                  </a:lnTo>
                  <a:lnTo>
                    <a:pt x="494" y="85"/>
                  </a:lnTo>
                  <a:lnTo>
                    <a:pt x="492" y="83"/>
                  </a:lnTo>
                  <a:lnTo>
                    <a:pt x="490" y="83"/>
                  </a:lnTo>
                  <a:lnTo>
                    <a:pt x="490" y="81"/>
                  </a:lnTo>
                  <a:lnTo>
                    <a:pt x="490" y="80"/>
                  </a:lnTo>
                  <a:lnTo>
                    <a:pt x="488" y="80"/>
                  </a:lnTo>
                  <a:lnTo>
                    <a:pt x="488" y="78"/>
                  </a:lnTo>
                  <a:lnTo>
                    <a:pt x="487" y="78"/>
                  </a:lnTo>
                  <a:lnTo>
                    <a:pt x="487" y="80"/>
                  </a:lnTo>
                  <a:lnTo>
                    <a:pt x="487" y="78"/>
                  </a:lnTo>
                  <a:lnTo>
                    <a:pt x="485" y="78"/>
                  </a:lnTo>
                  <a:lnTo>
                    <a:pt x="483" y="78"/>
                  </a:lnTo>
                  <a:lnTo>
                    <a:pt x="483" y="76"/>
                  </a:lnTo>
                  <a:lnTo>
                    <a:pt x="481" y="76"/>
                  </a:lnTo>
                  <a:lnTo>
                    <a:pt x="479" y="76"/>
                  </a:lnTo>
                  <a:lnTo>
                    <a:pt x="479" y="78"/>
                  </a:lnTo>
                  <a:lnTo>
                    <a:pt x="479" y="80"/>
                  </a:lnTo>
                  <a:lnTo>
                    <a:pt x="479" y="78"/>
                  </a:lnTo>
                  <a:lnTo>
                    <a:pt x="479" y="80"/>
                  </a:lnTo>
                  <a:lnTo>
                    <a:pt x="479" y="81"/>
                  </a:lnTo>
                  <a:lnTo>
                    <a:pt x="479" y="83"/>
                  </a:lnTo>
                  <a:lnTo>
                    <a:pt x="477" y="83"/>
                  </a:lnTo>
                  <a:lnTo>
                    <a:pt x="479" y="83"/>
                  </a:lnTo>
                  <a:lnTo>
                    <a:pt x="479" y="85"/>
                  </a:lnTo>
                  <a:lnTo>
                    <a:pt x="477" y="85"/>
                  </a:lnTo>
                  <a:lnTo>
                    <a:pt x="477" y="87"/>
                  </a:lnTo>
                  <a:lnTo>
                    <a:pt x="477" y="89"/>
                  </a:lnTo>
                  <a:lnTo>
                    <a:pt x="475" y="89"/>
                  </a:lnTo>
                  <a:lnTo>
                    <a:pt x="474" y="91"/>
                  </a:lnTo>
                  <a:lnTo>
                    <a:pt x="472" y="91"/>
                  </a:lnTo>
                  <a:lnTo>
                    <a:pt x="472" y="93"/>
                  </a:lnTo>
                  <a:lnTo>
                    <a:pt x="470" y="91"/>
                  </a:lnTo>
                  <a:lnTo>
                    <a:pt x="470" y="93"/>
                  </a:lnTo>
                  <a:lnTo>
                    <a:pt x="468" y="93"/>
                  </a:lnTo>
                  <a:lnTo>
                    <a:pt x="466" y="93"/>
                  </a:lnTo>
                  <a:lnTo>
                    <a:pt x="466" y="91"/>
                  </a:lnTo>
                  <a:lnTo>
                    <a:pt x="466" y="93"/>
                  </a:lnTo>
                  <a:lnTo>
                    <a:pt x="464" y="93"/>
                  </a:lnTo>
                  <a:lnTo>
                    <a:pt x="464" y="94"/>
                  </a:lnTo>
                  <a:lnTo>
                    <a:pt x="463" y="94"/>
                  </a:lnTo>
                  <a:lnTo>
                    <a:pt x="461" y="94"/>
                  </a:lnTo>
                  <a:lnTo>
                    <a:pt x="459" y="98"/>
                  </a:lnTo>
                  <a:lnTo>
                    <a:pt x="457" y="98"/>
                  </a:lnTo>
                  <a:lnTo>
                    <a:pt x="459" y="98"/>
                  </a:lnTo>
                  <a:lnTo>
                    <a:pt x="459" y="100"/>
                  </a:lnTo>
                  <a:lnTo>
                    <a:pt x="461" y="100"/>
                  </a:lnTo>
                  <a:lnTo>
                    <a:pt x="461" y="102"/>
                  </a:lnTo>
                  <a:lnTo>
                    <a:pt x="461" y="104"/>
                  </a:lnTo>
                  <a:lnTo>
                    <a:pt x="459" y="104"/>
                  </a:lnTo>
                  <a:lnTo>
                    <a:pt x="461" y="105"/>
                  </a:lnTo>
                  <a:lnTo>
                    <a:pt x="463" y="107"/>
                  </a:lnTo>
                  <a:lnTo>
                    <a:pt x="463" y="109"/>
                  </a:lnTo>
                  <a:lnTo>
                    <a:pt x="463" y="111"/>
                  </a:lnTo>
                  <a:lnTo>
                    <a:pt x="461" y="111"/>
                  </a:lnTo>
                  <a:lnTo>
                    <a:pt x="459" y="111"/>
                  </a:lnTo>
                  <a:lnTo>
                    <a:pt x="459" y="113"/>
                  </a:lnTo>
                  <a:lnTo>
                    <a:pt x="457" y="113"/>
                  </a:lnTo>
                  <a:lnTo>
                    <a:pt x="459" y="113"/>
                  </a:lnTo>
                  <a:lnTo>
                    <a:pt x="459" y="115"/>
                  </a:lnTo>
                  <a:lnTo>
                    <a:pt x="461" y="115"/>
                  </a:lnTo>
                  <a:lnTo>
                    <a:pt x="461" y="117"/>
                  </a:lnTo>
                  <a:lnTo>
                    <a:pt x="463" y="117"/>
                  </a:lnTo>
                  <a:lnTo>
                    <a:pt x="464" y="117"/>
                  </a:lnTo>
                  <a:lnTo>
                    <a:pt x="464" y="118"/>
                  </a:lnTo>
                  <a:lnTo>
                    <a:pt x="464" y="120"/>
                  </a:lnTo>
                  <a:lnTo>
                    <a:pt x="466" y="120"/>
                  </a:lnTo>
                  <a:lnTo>
                    <a:pt x="466" y="118"/>
                  </a:lnTo>
                  <a:lnTo>
                    <a:pt x="468" y="118"/>
                  </a:lnTo>
                  <a:lnTo>
                    <a:pt x="470" y="118"/>
                  </a:lnTo>
                  <a:lnTo>
                    <a:pt x="472" y="120"/>
                  </a:lnTo>
                  <a:lnTo>
                    <a:pt x="470" y="120"/>
                  </a:lnTo>
                  <a:lnTo>
                    <a:pt x="470" y="122"/>
                  </a:lnTo>
                  <a:lnTo>
                    <a:pt x="468" y="122"/>
                  </a:lnTo>
                  <a:lnTo>
                    <a:pt x="468" y="124"/>
                  </a:lnTo>
                  <a:lnTo>
                    <a:pt x="468" y="122"/>
                  </a:lnTo>
                  <a:lnTo>
                    <a:pt x="466" y="122"/>
                  </a:lnTo>
                  <a:lnTo>
                    <a:pt x="466" y="124"/>
                  </a:lnTo>
                  <a:lnTo>
                    <a:pt x="464" y="124"/>
                  </a:lnTo>
                  <a:lnTo>
                    <a:pt x="464" y="126"/>
                  </a:lnTo>
                  <a:lnTo>
                    <a:pt x="463" y="126"/>
                  </a:lnTo>
                  <a:lnTo>
                    <a:pt x="461" y="128"/>
                  </a:lnTo>
                  <a:lnTo>
                    <a:pt x="459" y="128"/>
                  </a:lnTo>
                  <a:lnTo>
                    <a:pt x="457" y="128"/>
                  </a:lnTo>
                  <a:lnTo>
                    <a:pt x="453" y="130"/>
                  </a:lnTo>
                  <a:lnTo>
                    <a:pt x="451" y="130"/>
                  </a:lnTo>
                  <a:lnTo>
                    <a:pt x="450" y="130"/>
                  </a:lnTo>
                  <a:lnTo>
                    <a:pt x="448" y="131"/>
                  </a:lnTo>
                  <a:lnTo>
                    <a:pt x="446" y="133"/>
                  </a:lnTo>
                  <a:lnTo>
                    <a:pt x="444" y="133"/>
                  </a:lnTo>
                  <a:lnTo>
                    <a:pt x="444" y="135"/>
                  </a:lnTo>
                  <a:lnTo>
                    <a:pt x="442" y="137"/>
                  </a:lnTo>
                  <a:lnTo>
                    <a:pt x="442" y="139"/>
                  </a:lnTo>
                  <a:lnTo>
                    <a:pt x="442" y="141"/>
                  </a:lnTo>
                  <a:lnTo>
                    <a:pt x="444" y="141"/>
                  </a:lnTo>
                  <a:lnTo>
                    <a:pt x="444" y="142"/>
                  </a:lnTo>
                  <a:lnTo>
                    <a:pt x="442" y="142"/>
                  </a:lnTo>
                  <a:lnTo>
                    <a:pt x="442" y="144"/>
                  </a:lnTo>
                  <a:lnTo>
                    <a:pt x="444" y="144"/>
                  </a:lnTo>
                  <a:lnTo>
                    <a:pt x="442" y="144"/>
                  </a:lnTo>
                  <a:lnTo>
                    <a:pt x="442" y="146"/>
                  </a:lnTo>
                  <a:lnTo>
                    <a:pt x="444" y="146"/>
                  </a:lnTo>
                  <a:lnTo>
                    <a:pt x="442" y="148"/>
                  </a:lnTo>
                  <a:lnTo>
                    <a:pt x="442" y="150"/>
                  </a:lnTo>
                  <a:lnTo>
                    <a:pt x="440" y="150"/>
                  </a:lnTo>
                  <a:lnTo>
                    <a:pt x="438" y="150"/>
                  </a:lnTo>
                  <a:lnTo>
                    <a:pt x="438" y="152"/>
                  </a:lnTo>
                  <a:lnTo>
                    <a:pt x="440" y="154"/>
                  </a:lnTo>
                  <a:lnTo>
                    <a:pt x="438" y="155"/>
                  </a:lnTo>
                  <a:lnTo>
                    <a:pt x="438" y="157"/>
                  </a:lnTo>
                  <a:lnTo>
                    <a:pt x="437" y="161"/>
                  </a:lnTo>
                  <a:lnTo>
                    <a:pt x="435" y="161"/>
                  </a:lnTo>
                  <a:lnTo>
                    <a:pt x="435" y="163"/>
                  </a:lnTo>
                  <a:lnTo>
                    <a:pt x="435" y="165"/>
                  </a:lnTo>
                  <a:lnTo>
                    <a:pt x="433" y="165"/>
                  </a:lnTo>
                  <a:lnTo>
                    <a:pt x="433" y="167"/>
                  </a:lnTo>
                  <a:lnTo>
                    <a:pt x="435" y="167"/>
                  </a:lnTo>
                  <a:lnTo>
                    <a:pt x="433" y="170"/>
                  </a:lnTo>
                  <a:lnTo>
                    <a:pt x="433" y="172"/>
                  </a:lnTo>
                  <a:lnTo>
                    <a:pt x="433" y="174"/>
                  </a:lnTo>
                  <a:lnTo>
                    <a:pt x="431" y="174"/>
                  </a:lnTo>
                  <a:lnTo>
                    <a:pt x="431" y="176"/>
                  </a:lnTo>
                  <a:lnTo>
                    <a:pt x="433" y="176"/>
                  </a:lnTo>
                  <a:lnTo>
                    <a:pt x="433" y="178"/>
                  </a:lnTo>
                  <a:lnTo>
                    <a:pt x="433" y="179"/>
                  </a:lnTo>
                  <a:lnTo>
                    <a:pt x="433" y="181"/>
                  </a:lnTo>
                  <a:lnTo>
                    <a:pt x="433" y="192"/>
                  </a:lnTo>
                  <a:lnTo>
                    <a:pt x="435" y="192"/>
                  </a:lnTo>
                  <a:lnTo>
                    <a:pt x="435" y="194"/>
                  </a:lnTo>
                  <a:lnTo>
                    <a:pt x="435" y="196"/>
                  </a:lnTo>
                  <a:lnTo>
                    <a:pt x="433" y="196"/>
                  </a:lnTo>
                  <a:lnTo>
                    <a:pt x="433" y="198"/>
                  </a:lnTo>
                  <a:lnTo>
                    <a:pt x="431" y="198"/>
                  </a:lnTo>
                  <a:lnTo>
                    <a:pt x="429" y="200"/>
                  </a:lnTo>
                  <a:lnTo>
                    <a:pt x="429" y="202"/>
                  </a:lnTo>
                  <a:lnTo>
                    <a:pt x="429" y="204"/>
                  </a:lnTo>
                  <a:lnTo>
                    <a:pt x="427" y="204"/>
                  </a:lnTo>
                  <a:lnTo>
                    <a:pt x="427" y="205"/>
                  </a:lnTo>
                  <a:lnTo>
                    <a:pt x="429" y="205"/>
                  </a:lnTo>
                  <a:lnTo>
                    <a:pt x="429" y="207"/>
                  </a:lnTo>
                  <a:lnTo>
                    <a:pt x="427" y="216"/>
                  </a:lnTo>
                  <a:lnTo>
                    <a:pt x="427" y="218"/>
                  </a:lnTo>
                  <a:lnTo>
                    <a:pt x="429" y="218"/>
                  </a:lnTo>
                  <a:lnTo>
                    <a:pt x="429" y="220"/>
                  </a:lnTo>
                  <a:lnTo>
                    <a:pt x="427" y="220"/>
                  </a:lnTo>
                  <a:lnTo>
                    <a:pt x="427" y="222"/>
                  </a:lnTo>
                  <a:lnTo>
                    <a:pt x="429" y="222"/>
                  </a:lnTo>
                  <a:lnTo>
                    <a:pt x="429" y="224"/>
                  </a:lnTo>
                  <a:lnTo>
                    <a:pt x="431" y="235"/>
                  </a:lnTo>
                  <a:lnTo>
                    <a:pt x="433" y="235"/>
                  </a:lnTo>
                  <a:lnTo>
                    <a:pt x="433" y="237"/>
                  </a:lnTo>
                  <a:lnTo>
                    <a:pt x="433" y="241"/>
                  </a:lnTo>
                  <a:lnTo>
                    <a:pt x="433" y="242"/>
                  </a:lnTo>
                  <a:lnTo>
                    <a:pt x="433" y="244"/>
                  </a:lnTo>
                  <a:lnTo>
                    <a:pt x="433" y="246"/>
                  </a:lnTo>
                  <a:lnTo>
                    <a:pt x="433" y="248"/>
                  </a:lnTo>
                  <a:lnTo>
                    <a:pt x="433" y="250"/>
                  </a:lnTo>
                  <a:lnTo>
                    <a:pt x="411" y="244"/>
                  </a:lnTo>
                  <a:lnTo>
                    <a:pt x="402" y="252"/>
                  </a:lnTo>
                  <a:lnTo>
                    <a:pt x="390" y="252"/>
                  </a:lnTo>
                  <a:lnTo>
                    <a:pt x="385" y="252"/>
                  </a:lnTo>
                  <a:lnTo>
                    <a:pt x="383" y="252"/>
                  </a:lnTo>
                  <a:lnTo>
                    <a:pt x="381" y="253"/>
                  </a:lnTo>
                  <a:lnTo>
                    <a:pt x="379" y="250"/>
                  </a:lnTo>
                  <a:lnTo>
                    <a:pt x="374" y="246"/>
                  </a:lnTo>
                  <a:lnTo>
                    <a:pt x="368" y="242"/>
                  </a:lnTo>
                  <a:lnTo>
                    <a:pt x="365" y="241"/>
                  </a:lnTo>
                  <a:lnTo>
                    <a:pt x="359" y="237"/>
                  </a:lnTo>
                  <a:lnTo>
                    <a:pt x="357" y="237"/>
                  </a:lnTo>
                  <a:lnTo>
                    <a:pt x="357" y="235"/>
                  </a:lnTo>
                  <a:lnTo>
                    <a:pt x="355" y="233"/>
                  </a:lnTo>
                  <a:lnTo>
                    <a:pt x="353" y="233"/>
                  </a:lnTo>
                  <a:lnTo>
                    <a:pt x="352" y="231"/>
                  </a:lnTo>
                  <a:lnTo>
                    <a:pt x="352" y="233"/>
                  </a:lnTo>
                  <a:lnTo>
                    <a:pt x="350" y="233"/>
                  </a:lnTo>
                  <a:lnTo>
                    <a:pt x="350" y="235"/>
                  </a:lnTo>
                  <a:lnTo>
                    <a:pt x="348" y="233"/>
                  </a:lnTo>
                  <a:lnTo>
                    <a:pt x="346" y="231"/>
                  </a:lnTo>
                  <a:lnTo>
                    <a:pt x="342" y="233"/>
                  </a:lnTo>
                  <a:lnTo>
                    <a:pt x="339" y="226"/>
                  </a:lnTo>
                  <a:lnTo>
                    <a:pt x="337" y="218"/>
                  </a:lnTo>
                  <a:lnTo>
                    <a:pt x="335" y="218"/>
                  </a:lnTo>
                  <a:lnTo>
                    <a:pt x="335" y="216"/>
                  </a:lnTo>
                  <a:lnTo>
                    <a:pt x="335" y="215"/>
                  </a:lnTo>
                  <a:lnTo>
                    <a:pt x="333" y="215"/>
                  </a:lnTo>
                  <a:lnTo>
                    <a:pt x="333" y="213"/>
                  </a:lnTo>
                  <a:lnTo>
                    <a:pt x="333" y="211"/>
                  </a:lnTo>
                  <a:lnTo>
                    <a:pt x="333" y="209"/>
                  </a:lnTo>
                  <a:lnTo>
                    <a:pt x="333" y="207"/>
                  </a:lnTo>
                  <a:lnTo>
                    <a:pt x="331" y="205"/>
                  </a:lnTo>
                  <a:lnTo>
                    <a:pt x="333" y="205"/>
                  </a:lnTo>
                  <a:lnTo>
                    <a:pt x="333" y="204"/>
                  </a:lnTo>
                  <a:lnTo>
                    <a:pt x="331" y="204"/>
                  </a:lnTo>
                  <a:lnTo>
                    <a:pt x="329" y="204"/>
                  </a:lnTo>
                  <a:lnTo>
                    <a:pt x="329" y="205"/>
                  </a:lnTo>
                  <a:lnTo>
                    <a:pt x="328" y="205"/>
                  </a:lnTo>
                  <a:lnTo>
                    <a:pt x="328" y="207"/>
                  </a:lnTo>
                  <a:lnTo>
                    <a:pt x="326" y="207"/>
                  </a:lnTo>
                  <a:lnTo>
                    <a:pt x="324" y="207"/>
                  </a:lnTo>
                  <a:lnTo>
                    <a:pt x="324" y="209"/>
                  </a:lnTo>
                  <a:lnTo>
                    <a:pt x="322" y="209"/>
                  </a:lnTo>
                  <a:lnTo>
                    <a:pt x="322" y="211"/>
                  </a:lnTo>
                  <a:lnTo>
                    <a:pt x="320" y="211"/>
                  </a:lnTo>
                  <a:lnTo>
                    <a:pt x="320" y="209"/>
                  </a:lnTo>
                  <a:lnTo>
                    <a:pt x="318" y="209"/>
                  </a:lnTo>
                  <a:lnTo>
                    <a:pt x="318" y="207"/>
                  </a:lnTo>
                  <a:lnTo>
                    <a:pt x="316" y="207"/>
                  </a:lnTo>
                  <a:lnTo>
                    <a:pt x="315" y="207"/>
                  </a:lnTo>
                  <a:lnTo>
                    <a:pt x="313" y="207"/>
                  </a:lnTo>
                  <a:lnTo>
                    <a:pt x="311" y="209"/>
                  </a:lnTo>
                  <a:lnTo>
                    <a:pt x="307" y="209"/>
                  </a:lnTo>
                  <a:lnTo>
                    <a:pt x="302" y="207"/>
                  </a:lnTo>
                  <a:lnTo>
                    <a:pt x="300" y="205"/>
                  </a:lnTo>
                  <a:lnTo>
                    <a:pt x="298" y="204"/>
                  </a:lnTo>
                  <a:lnTo>
                    <a:pt x="298" y="202"/>
                  </a:lnTo>
                  <a:lnTo>
                    <a:pt x="296" y="202"/>
                  </a:lnTo>
                  <a:lnTo>
                    <a:pt x="296" y="200"/>
                  </a:lnTo>
                  <a:lnTo>
                    <a:pt x="294" y="200"/>
                  </a:lnTo>
                  <a:lnTo>
                    <a:pt x="294" y="198"/>
                  </a:lnTo>
                  <a:lnTo>
                    <a:pt x="292" y="198"/>
                  </a:lnTo>
                  <a:lnTo>
                    <a:pt x="292" y="196"/>
                  </a:lnTo>
                  <a:lnTo>
                    <a:pt x="292" y="194"/>
                  </a:lnTo>
                  <a:lnTo>
                    <a:pt x="292" y="196"/>
                  </a:lnTo>
                  <a:lnTo>
                    <a:pt x="292" y="194"/>
                  </a:lnTo>
                  <a:lnTo>
                    <a:pt x="294" y="194"/>
                  </a:lnTo>
                  <a:lnTo>
                    <a:pt x="292" y="192"/>
                  </a:lnTo>
                  <a:lnTo>
                    <a:pt x="292" y="194"/>
                  </a:lnTo>
                  <a:lnTo>
                    <a:pt x="291" y="192"/>
                  </a:lnTo>
                  <a:lnTo>
                    <a:pt x="291" y="191"/>
                  </a:lnTo>
                  <a:lnTo>
                    <a:pt x="289" y="191"/>
                  </a:lnTo>
                  <a:lnTo>
                    <a:pt x="289" y="192"/>
                  </a:lnTo>
                  <a:lnTo>
                    <a:pt x="287" y="192"/>
                  </a:lnTo>
                  <a:lnTo>
                    <a:pt x="287" y="191"/>
                  </a:lnTo>
                  <a:lnTo>
                    <a:pt x="287" y="189"/>
                  </a:lnTo>
                  <a:lnTo>
                    <a:pt x="285" y="189"/>
                  </a:lnTo>
                  <a:lnTo>
                    <a:pt x="283" y="189"/>
                  </a:lnTo>
                  <a:lnTo>
                    <a:pt x="283" y="187"/>
                  </a:lnTo>
                  <a:lnTo>
                    <a:pt x="281" y="187"/>
                  </a:lnTo>
                  <a:lnTo>
                    <a:pt x="280" y="187"/>
                  </a:lnTo>
                  <a:lnTo>
                    <a:pt x="278" y="189"/>
                  </a:lnTo>
                  <a:lnTo>
                    <a:pt x="278" y="191"/>
                  </a:lnTo>
                  <a:lnTo>
                    <a:pt x="276" y="191"/>
                  </a:lnTo>
                  <a:lnTo>
                    <a:pt x="276" y="192"/>
                  </a:lnTo>
                  <a:lnTo>
                    <a:pt x="274" y="192"/>
                  </a:lnTo>
                  <a:lnTo>
                    <a:pt x="272" y="191"/>
                  </a:lnTo>
                  <a:lnTo>
                    <a:pt x="272" y="192"/>
                  </a:lnTo>
                  <a:lnTo>
                    <a:pt x="270" y="192"/>
                  </a:lnTo>
                  <a:lnTo>
                    <a:pt x="270" y="191"/>
                  </a:lnTo>
                  <a:lnTo>
                    <a:pt x="270" y="189"/>
                  </a:lnTo>
                  <a:lnTo>
                    <a:pt x="268" y="189"/>
                  </a:lnTo>
                  <a:lnTo>
                    <a:pt x="267" y="189"/>
                  </a:lnTo>
                  <a:lnTo>
                    <a:pt x="265" y="189"/>
                  </a:lnTo>
                  <a:lnTo>
                    <a:pt x="265" y="187"/>
                  </a:lnTo>
                  <a:lnTo>
                    <a:pt x="263" y="187"/>
                  </a:lnTo>
                  <a:lnTo>
                    <a:pt x="261" y="187"/>
                  </a:lnTo>
                  <a:lnTo>
                    <a:pt x="259" y="187"/>
                  </a:lnTo>
                  <a:lnTo>
                    <a:pt x="259" y="185"/>
                  </a:lnTo>
                  <a:lnTo>
                    <a:pt x="259" y="183"/>
                  </a:lnTo>
                  <a:lnTo>
                    <a:pt x="261" y="183"/>
                  </a:lnTo>
                  <a:lnTo>
                    <a:pt x="261" y="181"/>
                  </a:lnTo>
                  <a:lnTo>
                    <a:pt x="259" y="181"/>
                  </a:lnTo>
                  <a:lnTo>
                    <a:pt x="259" y="179"/>
                  </a:lnTo>
                  <a:lnTo>
                    <a:pt x="261" y="179"/>
                  </a:lnTo>
                  <a:lnTo>
                    <a:pt x="261" y="178"/>
                  </a:lnTo>
                  <a:lnTo>
                    <a:pt x="261" y="176"/>
                  </a:lnTo>
                  <a:lnTo>
                    <a:pt x="261" y="174"/>
                  </a:lnTo>
                  <a:lnTo>
                    <a:pt x="259" y="174"/>
                  </a:lnTo>
                  <a:lnTo>
                    <a:pt x="257" y="174"/>
                  </a:lnTo>
                  <a:lnTo>
                    <a:pt x="257" y="172"/>
                  </a:lnTo>
                  <a:lnTo>
                    <a:pt x="255" y="174"/>
                  </a:lnTo>
                  <a:lnTo>
                    <a:pt x="254" y="174"/>
                  </a:lnTo>
                  <a:lnTo>
                    <a:pt x="252" y="174"/>
                  </a:lnTo>
                  <a:lnTo>
                    <a:pt x="252" y="176"/>
                  </a:lnTo>
                  <a:lnTo>
                    <a:pt x="252" y="178"/>
                  </a:lnTo>
                  <a:lnTo>
                    <a:pt x="252" y="179"/>
                  </a:lnTo>
                  <a:lnTo>
                    <a:pt x="250" y="179"/>
                  </a:lnTo>
                  <a:lnTo>
                    <a:pt x="248" y="179"/>
                  </a:lnTo>
                  <a:lnTo>
                    <a:pt x="246" y="178"/>
                  </a:lnTo>
                  <a:lnTo>
                    <a:pt x="244" y="178"/>
                  </a:lnTo>
                  <a:lnTo>
                    <a:pt x="243" y="178"/>
                  </a:lnTo>
                  <a:lnTo>
                    <a:pt x="241" y="178"/>
                  </a:lnTo>
                  <a:lnTo>
                    <a:pt x="241" y="179"/>
                  </a:lnTo>
                  <a:lnTo>
                    <a:pt x="239" y="179"/>
                  </a:lnTo>
                  <a:lnTo>
                    <a:pt x="237" y="179"/>
                  </a:lnTo>
                  <a:lnTo>
                    <a:pt x="237" y="178"/>
                  </a:lnTo>
                  <a:lnTo>
                    <a:pt x="235" y="178"/>
                  </a:lnTo>
                  <a:lnTo>
                    <a:pt x="233" y="178"/>
                  </a:lnTo>
                  <a:lnTo>
                    <a:pt x="231" y="178"/>
                  </a:lnTo>
                  <a:lnTo>
                    <a:pt x="230" y="178"/>
                  </a:lnTo>
                  <a:lnTo>
                    <a:pt x="230" y="179"/>
                  </a:lnTo>
                  <a:lnTo>
                    <a:pt x="230" y="181"/>
                  </a:lnTo>
                  <a:lnTo>
                    <a:pt x="228" y="181"/>
                  </a:lnTo>
                  <a:lnTo>
                    <a:pt x="228" y="179"/>
                  </a:lnTo>
                  <a:lnTo>
                    <a:pt x="226" y="179"/>
                  </a:lnTo>
                  <a:lnTo>
                    <a:pt x="224" y="179"/>
                  </a:lnTo>
                  <a:lnTo>
                    <a:pt x="224" y="181"/>
                  </a:lnTo>
                  <a:lnTo>
                    <a:pt x="222" y="181"/>
                  </a:lnTo>
                  <a:lnTo>
                    <a:pt x="220" y="181"/>
                  </a:lnTo>
                  <a:lnTo>
                    <a:pt x="220" y="183"/>
                  </a:lnTo>
                  <a:lnTo>
                    <a:pt x="222" y="183"/>
                  </a:lnTo>
                  <a:lnTo>
                    <a:pt x="222" y="185"/>
                  </a:lnTo>
                  <a:lnTo>
                    <a:pt x="224" y="185"/>
                  </a:lnTo>
                  <a:lnTo>
                    <a:pt x="226" y="185"/>
                  </a:lnTo>
                  <a:lnTo>
                    <a:pt x="226" y="187"/>
                  </a:lnTo>
                  <a:lnTo>
                    <a:pt x="228" y="189"/>
                  </a:lnTo>
                  <a:lnTo>
                    <a:pt x="230" y="191"/>
                  </a:lnTo>
                  <a:lnTo>
                    <a:pt x="231" y="191"/>
                  </a:lnTo>
                  <a:lnTo>
                    <a:pt x="231" y="192"/>
                  </a:lnTo>
                  <a:lnTo>
                    <a:pt x="233" y="192"/>
                  </a:lnTo>
                  <a:lnTo>
                    <a:pt x="231" y="194"/>
                  </a:lnTo>
                  <a:lnTo>
                    <a:pt x="233" y="194"/>
                  </a:lnTo>
                  <a:lnTo>
                    <a:pt x="233" y="196"/>
                  </a:lnTo>
                  <a:lnTo>
                    <a:pt x="233" y="198"/>
                  </a:lnTo>
                  <a:lnTo>
                    <a:pt x="233" y="200"/>
                  </a:lnTo>
                  <a:lnTo>
                    <a:pt x="233" y="202"/>
                  </a:lnTo>
                  <a:lnTo>
                    <a:pt x="231" y="204"/>
                  </a:lnTo>
                  <a:lnTo>
                    <a:pt x="230" y="205"/>
                  </a:lnTo>
                  <a:lnTo>
                    <a:pt x="231" y="207"/>
                  </a:lnTo>
                  <a:lnTo>
                    <a:pt x="231" y="209"/>
                  </a:lnTo>
                  <a:lnTo>
                    <a:pt x="231" y="211"/>
                  </a:lnTo>
                  <a:lnTo>
                    <a:pt x="233" y="211"/>
                  </a:lnTo>
                  <a:lnTo>
                    <a:pt x="233" y="213"/>
                  </a:lnTo>
                  <a:lnTo>
                    <a:pt x="233" y="215"/>
                  </a:lnTo>
                  <a:lnTo>
                    <a:pt x="235" y="215"/>
                  </a:lnTo>
                  <a:lnTo>
                    <a:pt x="235" y="216"/>
                  </a:lnTo>
                  <a:lnTo>
                    <a:pt x="235" y="215"/>
                  </a:lnTo>
                  <a:lnTo>
                    <a:pt x="237" y="216"/>
                  </a:lnTo>
                  <a:lnTo>
                    <a:pt x="235" y="218"/>
                  </a:lnTo>
                  <a:lnTo>
                    <a:pt x="235" y="220"/>
                  </a:lnTo>
                  <a:lnTo>
                    <a:pt x="235" y="222"/>
                  </a:lnTo>
                  <a:lnTo>
                    <a:pt x="237" y="222"/>
                  </a:lnTo>
                  <a:lnTo>
                    <a:pt x="237" y="224"/>
                  </a:lnTo>
                  <a:lnTo>
                    <a:pt x="239" y="226"/>
                  </a:lnTo>
                  <a:lnTo>
                    <a:pt x="239" y="228"/>
                  </a:lnTo>
                  <a:lnTo>
                    <a:pt x="241" y="228"/>
                  </a:lnTo>
                  <a:lnTo>
                    <a:pt x="241" y="229"/>
                  </a:lnTo>
                  <a:lnTo>
                    <a:pt x="243" y="231"/>
                  </a:lnTo>
                  <a:lnTo>
                    <a:pt x="243" y="233"/>
                  </a:lnTo>
                  <a:lnTo>
                    <a:pt x="241" y="233"/>
                  </a:lnTo>
                  <a:lnTo>
                    <a:pt x="239" y="233"/>
                  </a:lnTo>
                  <a:lnTo>
                    <a:pt x="239" y="235"/>
                  </a:lnTo>
                  <a:lnTo>
                    <a:pt x="239" y="233"/>
                  </a:lnTo>
                  <a:lnTo>
                    <a:pt x="237" y="233"/>
                  </a:lnTo>
                  <a:lnTo>
                    <a:pt x="239" y="235"/>
                  </a:lnTo>
                  <a:lnTo>
                    <a:pt x="237" y="235"/>
                  </a:lnTo>
                  <a:lnTo>
                    <a:pt x="235" y="235"/>
                  </a:lnTo>
                  <a:lnTo>
                    <a:pt x="233" y="235"/>
                  </a:lnTo>
                  <a:lnTo>
                    <a:pt x="233" y="237"/>
                  </a:lnTo>
                  <a:lnTo>
                    <a:pt x="231" y="237"/>
                  </a:lnTo>
                  <a:lnTo>
                    <a:pt x="231" y="239"/>
                  </a:lnTo>
                  <a:lnTo>
                    <a:pt x="230" y="239"/>
                  </a:lnTo>
                  <a:lnTo>
                    <a:pt x="228" y="239"/>
                  </a:lnTo>
                  <a:lnTo>
                    <a:pt x="226" y="239"/>
                  </a:lnTo>
                  <a:lnTo>
                    <a:pt x="224" y="239"/>
                  </a:lnTo>
                  <a:lnTo>
                    <a:pt x="224" y="241"/>
                  </a:lnTo>
                  <a:lnTo>
                    <a:pt x="222" y="241"/>
                  </a:lnTo>
                  <a:lnTo>
                    <a:pt x="220" y="241"/>
                  </a:lnTo>
                  <a:lnTo>
                    <a:pt x="219" y="241"/>
                  </a:lnTo>
                  <a:lnTo>
                    <a:pt x="217" y="241"/>
                  </a:lnTo>
                  <a:lnTo>
                    <a:pt x="217" y="242"/>
                  </a:lnTo>
                  <a:lnTo>
                    <a:pt x="215" y="244"/>
                  </a:lnTo>
                  <a:lnTo>
                    <a:pt x="213" y="244"/>
                  </a:lnTo>
                  <a:lnTo>
                    <a:pt x="213" y="246"/>
                  </a:lnTo>
                  <a:lnTo>
                    <a:pt x="213" y="248"/>
                  </a:lnTo>
                  <a:lnTo>
                    <a:pt x="213" y="250"/>
                  </a:lnTo>
                  <a:lnTo>
                    <a:pt x="213" y="252"/>
                  </a:lnTo>
                  <a:lnTo>
                    <a:pt x="215" y="252"/>
                  </a:lnTo>
                  <a:lnTo>
                    <a:pt x="215" y="253"/>
                  </a:lnTo>
                  <a:lnTo>
                    <a:pt x="215" y="255"/>
                  </a:lnTo>
                  <a:lnTo>
                    <a:pt x="215" y="257"/>
                  </a:lnTo>
                  <a:lnTo>
                    <a:pt x="217" y="257"/>
                  </a:lnTo>
                  <a:lnTo>
                    <a:pt x="217" y="259"/>
                  </a:lnTo>
                  <a:lnTo>
                    <a:pt x="217" y="261"/>
                  </a:lnTo>
                  <a:lnTo>
                    <a:pt x="215" y="261"/>
                  </a:lnTo>
                  <a:lnTo>
                    <a:pt x="213" y="261"/>
                  </a:lnTo>
                  <a:lnTo>
                    <a:pt x="211" y="261"/>
                  </a:lnTo>
                  <a:lnTo>
                    <a:pt x="207" y="263"/>
                  </a:lnTo>
                  <a:lnTo>
                    <a:pt x="206" y="265"/>
                  </a:lnTo>
                  <a:lnTo>
                    <a:pt x="204" y="265"/>
                  </a:lnTo>
                  <a:lnTo>
                    <a:pt x="204" y="266"/>
                  </a:lnTo>
                  <a:lnTo>
                    <a:pt x="202" y="266"/>
                  </a:lnTo>
                  <a:lnTo>
                    <a:pt x="200" y="266"/>
                  </a:lnTo>
                  <a:lnTo>
                    <a:pt x="200" y="268"/>
                  </a:lnTo>
                  <a:lnTo>
                    <a:pt x="193" y="289"/>
                  </a:lnTo>
                  <a:lnTo>
                    <a:pt x="191" y="290"/>
                  </a:lnTo>
                  <a:lnTo>
                    <a:pt x="189" y="290"/>
                  </a:lnTo>
                  <a:lnTo>
                    <a:pt x="189" y="292"/>
                  </a:lnTo>
                  <a:lnTo>
                    <a:pt x="187" y="292"/>
                  </a:lnTo>
                  <a:lnTo>
                    <a:pt x="185" y="292"/>
                  </a:lnTo>
                  <a:lnTo>
                    <a:pt x="183" y="294"/>
                  </a:lnTo>
                  <a:lnTo>
                    <a:pt x="185" y="294"/>
                  </a:lnTo>
                  <a:lnTo>
                    <a:pt x="183" y="294"/>
                  </a:lnTo>
                  <a:lnTo>
                    <a:pt x="182" y="294"/>
                  </a:lnTo>
                  <a:lnTo>
                    <a:pt x="180" y="296"/>
                  </a:lnTo>
                  <a:lnTo>
                    <a:pt x="178" y="296"/>
                  </a:lnTo>
                  <a:lnTo>
                    <a:pt x="176" y="296"/>
                  </a:lnTo>
                  <a:lnTo>
                    <a:pt x="176" y="298"/>
                  </a:lnTo>
                  <a:lnTo>
                    <a:pt x="174" y="298"/>
                  </a:lnTo>
                  <a:lnTo>
                    <a:pt x="174" y="300"/>
                  </a:lnTo>
                  <a:lnTo>
                    <a:pt x="170" y="302"/>
                  </a:lnTo>
                  <a:lnTo>
                    <a:pt x="169" y="302"/>
                  </a:lnTo>
                  <a:lnTo>
                    <a:pt x="169" y="303"/>
                  </a:lnTo>
                  <a:lnTo>
                    <a:pt x="169" y="305"/>
                  </a:lnTo>
                  <a:lnTo>
                    <a:pt x="169" y="307"/>
                  </a:lnTo>
                  <a:lnTo>
                    <a:pt x="167" y="307"/>
                  </a:lnTo>
                  <a:lnTo>
                    <a:pt x="167" y="309"/>
                  </a:lnTo>
                  <a:lnTo>
                    <a:pt x="169" y="309"/>
                  </a:lnTo>
                  <a:lnTo>
                    <a:pt x="170" y="309"/>
                  </a:lnTo>
                  <a:lnTo>
                    <a:pt x="172" y="309"/>
                  </a:lnTo>
                  <a:lnTo>
                    <a:pt x="174" y="309"/>
                  </a:lnTo>
                  <a:lnTo>
                    <a:pt x="172" y="309"/>
                  </a:lnTo>
                  <a:lnTo>
                    <a:pt x="172" y="311"/>
                  </a:lnTo>
                  <a:lnTo>
                    <a:pt x="174" y="311"/>
                  </a:lnTo>
                  <a:lnTo>
                    <a:pt x="174" y="313"/>
                  </a:lnTo>
                  <a:lnTo>
                    <a:pt x="174" y="314"/>
                  </a:lnTo>
                  <a:lnTo>
                    <a:pt x="176" y="314"/>
                  </a:lnTo>
                  <a:lnTo>
                    <a:pt x="176" y="316"/>
                  </a:lnTo>
                  <a:lnTo>
                    <a:pt x="176" y="318"/>
                  </a:lnTo>
                  <a:lnTo>
                    <a:pt x="178" y="318"/>
                  </a:lnTo>
                  <a:lnTo>
                    <a:pt x="178" y="320"/>
                  </a:lnTo>
                  <a:lnTo>
                    <a:pt x="176" y="320"/>
                  </a:lnTo>
                  <a:lnTo>
                    <a:pt x="176" y="322"/>
                  </a:lnTo>
                  <a:lnTo>
                    <a:pt x="176" y="324"/>
                  </a:lnTo>
                  <a:lnTo>
                    <a:pt x="178" y="324"/>
                  </a:lnTo>
                  <a:lnTo>
                    <a:pt x="176" y="324"/>
                  </a:lnTo>
                  <a:lnTo>
                    <a:pt x="176" y="326"/>
                  </a:lnTo>
                  <a:lnTo>
                    <a:pt x="176" y="327"/>
                  </a:lnTo>
                  <a:lnTo>
                    <a:pt x="178" y="329"/>
                  </a:lnTo>
                  <a:lnTo>
                    <a:pt x="178" y="331"/>
                  </a:lnTo>
                  <a:lnTo>
                    <a:pt x="180" y="333"/>
                  </a:lnTo>
                  <a:lnTo>
                    <a:pt x="178" y="335"/>
                  </a:lnTo>
                  <a:lnTo>
                    <a:pt x="178" y="337"/>
                  </a:lnTo>
                  <a:lnTo>
                    <a:pt x="176" y="337"/>
                  </a:lnTo>
                  <a:lnTo>
                    <a:pt x="176" y="339"/>
                  </a:lnTo>
                  <a:lnTo>
                    <a:pt x="176" y="340"/>
                  </a:lnTo>
                  <a:lnTo>
                    <a:pt x="176" y="342"/>
                  </a:lnTo>
                  <a:lnTo>
                    <a:pt x="178" y="348"/>
                  </a:lnTo>
                  <a:lnTo>
                    <a:pt x="178" y="350"/>
                  </a:lnTo>
                  <a:lnTo>
                    <a:pt x="178" y="351"/>
                  </a:lnTo>
                  <a:lnTo>
                    <a:pt x="176" y="351"/>
                  </a:lnTo>
                  <a:lnTo>
                    <a:pt x="176" y="353"/>
                  </a:lnTo>
                  <a:lnTo>
                    <a:pt x="176" y="355"/>
                  </a:lnTo>
                  <a:lnTo>
                    <a:pt x="176" y="357"/>
                  </a:lnTo>
                  <a:lnTo>
                    <a:pt x="174" y="357"/>
                  </a:lnTo>
                  <a:lnTo>
                    <a:pt x="174" y="359"/>
                  </a:lnTo>
                  <a:lnTo>
                    <a:pt x="174" y="361"/>
                  </a:lnTo>
                  <a:lnTo>
                    <a:pt x="172" y="361"/>
                  </a:lnTo>
                  <a:lnTo>
                    <a:pt x="174" y="361"/>
                  </a:lnTo>
                  <a:lnTo>
                    <a:pt x="174" y="363"/>
                  </a:lnTo>
                  <a:lnTo>
                    <a:pt x="172" y="363"/>
                  </a:lnTo>
                  <a:lnTo>
                    <a:pt x="172" y="364"/>
                  </a:lnTo>
                  <a:lnTo>
                    <a:pt x="172" y="366"/>
                  </a:lnTo>
                  <a:lnTo>
                    <a:pt x="174" y="366"/>
                  </a:lnTo>
                  <a:lnTo>
                    <a:pt x="174" y="368"/>
                  </a:lnTo>
                  <a:lnTo>
                    <a:pt x="174" y="370"/>
                  </a:lnTo>
                  <a:lnTo>
                    <a:pt x="174" y="372"/>
                  </a:lnTo>
                  <a:lnTo>
                    <a:pt x="176" y="372"/>
                  </a:lnTo>
                  <a:lnTo>
                    <a:pt x="176" y="374"/>
                  </a:lnTo>
                  <a:lnTo>
                    <a:pt x="178" y="374"/>
                  </a:lnTo>
                  <a:lnTo>
                    <a:pt x="180" y="374"/>
                  </a:lnTo>
                  <a:lnTo>
                    <a:pt x="180" y="376"/>
                  </a:lnTo>
                  <a:lnTo>
                    <a:pt x="182" y="376"/>
                  </a:lnTo>
                  <a:lnTo>
                    <a:pt x="182" y="377"/>
                  </a:lnTo>
                  <a:lnTo>
                    <a:pt x="182" y="379"/>
                  </a:lnTo>
                  <a:lnTo>
                    <a:pt x="182" y="381"/>
                  </a:lnTo>
                  <a:lnTo>
                    <a:pt x="183" y="383"/>
                  </a:lnTo>
                  <a:lnTo>
                    <a:pt x="185" y="385"/>
                  </a:lnTo>
                  <a:lnTo>
                    <a:pt x="187" y="387"/>
                  </a:lnTo>
                  <a:lnTo>
                    <a:pt x="189" y="387"/>
                  </a:lnTo>
                  <a:lnTo>
                    <a:pt x="202" y="413"/>
                  </a:lnTo>
                  <a:lnTo>
                    <a:pt x="202" y="418"/>
                  </a:lnTo>
                  <a:lnTo>
                    <a:pt x="202" y="420"/>
                  </a:lnTo>
                  <a:lnTo>
                    <a:pt x="204" y="422"/>
                  </a:lnTo>
                  <a:lnTo>
                    <a:pt x="202" y="422"/>
                  </a:lnTo>
                  <a:lnTo>
                    <a:pt x="202" y="424"/>
                  </a:lnTo>
                  <a:lnTo>
                    <a:pt x="204" y="425"/>
                  </a:lnTo>
                  <a:lnTo>
                    <a:pt x="204" y="427"/>
                  </a:lnTo>
                  <a:lnTo>
                    <a:pt x="204" y="429"/>
                  </a:lnTo>
                  <a:lnTo>
                    <a:pt x="206" y="429"/>
                  </a:lnTo>
                  <a:lnTo>
                    <a:pt x="206" y="431"/>
                  </a:lnTo>
                  <a:lnTo>
                    <a:pt x="206" y="433"/>
                  </a:lnTo>
                  <a:lnTo>
                    <a:pt x="207" y="433"/>
                  </a:lnTo>
                  <a:lnTo>
                    <a:pt x="207" y="435"/>
                  </a:lnTo>
                  <a:lnTo>
                    <a:pt x="215" y="450"/>
                  </a:lnTo>
                  <a:lnTo>
                    <a:pt x="215" y="451"/>
                  </a:lnTo>
                  <a:lnTo>
                    <a:pt x="215" y="453"/>
                  </a:lnTo>
                  <a:lnTo>
                    <a:pt x="217" y="453"/>
                  </a:lnTo>
                  <a:lnTo>
                    <a:pt x="217" y="455"/>
                  </a:lnTo>
                  <a:lnTo>
                    <a:pt x="215" y="455"/>
                  </a:lnTo>
                  <a:lnTo>
                    <a:pt x="213" y="455"/>
                  </a:lnTo>
                  <a:lnTo>
                    <a:pt x="202" y="455"/>
                  </a:lnTo>
                  <a:lnTo>
                    <a:pt x="200" y="455"/>
                  </a:lnTo>
                  <a:lnTo>
                    <a:pt x="198" y="457"/>
                  </a:lnTo>
                  <a:lnTo>
                    <a:pt x="196" y="457"/>
                  </a:lnTo>
                  <a:lnTo>
                    <a:pt x="194" y="457"/>
                  </a:lnTo>
                  <a:lnTo>
                    <a:pt x="194" y="459"/>
                  </a:lnTo>
                  <a:lnTo>
                    <a:pt x="193" y="459"/>
                  </a:lnTo>
                  <a:lnTo>
                    <a:pt x="191" y="459"/>
                  </a:lnTo>
                  <a:lnTo>
                    <a:pt x="191" y="461"/>
                  </a:lnTo>
                  <a:lnTo>
                    <a:pt x="183" y="459"/>
                  </a:lnTo>
                  <a:lnTo>
                    <a:pt x="182" y="457"/>
                  </a:lnTo>
                  <a:lnTo>
                    <a:pt x="180" y="453"/>
                  </a:lnTo>
                  <a:lnTo>
                    <a:pt x="178" y="450"/>
                  </a:lnTo>
                  <a:lnTo>
                    <a:pt x="176" y="450"/>
                  </a:lnTo>
                  <a:lnTo>
                    <a:pt x="172" y="448"/>
                  </a:lnTo>
                  <a:lnTo>
                    <a:pt x="170" y="448"/>
                  </a:lnTo>
                  <a:lnTo>
                    <a:pt x="170" y="446"/>
                  </a:lnTo>
                  <a:lnTo>
                    <a:pt x="169" y="446"/>
                  </a:lnTo>
                  <a:lnTo>
                    <a:pt x="169" y="444"/>
                  </a:lnTo>
                  <a:lnTo>
                    <a:pt x="169" y="442"/>
                  </a:lnTo>
                  <a:lnTo>
                    <a:pt x="169" y="440"/>
                  </a:lnTo>
                  <a:lnTo>
                    <a:pt x="169" y="438"/>
                  </a:lnTo>
                  <a:lnTo>
                    <a:pt x="169" y="437"/>
                  </a:lnTo>
                  <a:lnTo>
                    <a:pt x="169" y="435"/>
                  </a:lnTo>
                  <a:lnTo>
                    <a:pt x="167" y="435"/>
                  </a:lnTo>
                  <a:lnTo>
                    <a:pt x="165" y="435"/>
                  </a:lnTo>
                  <a:lnTo>
                    <a:pt x="163" y="435"/>
                  </a:lnTo>
                  <a:lnTo>
                    <a:pt x="161" y="435"/>
                  </a:lnTo>
                  <a:lnTo>
                    <a:pt x="161" y="437"/>
                  </a:lnTo>
                  <a:lnTo>
                    <a:pt x="159" y="437"/>
                  </a:lnTo>
                  <a:lnTo>
                    <a:pt x="158" y="437"/>
                  </a:lnTo>
                  <a:lnTo>
                    <a:pt x="158" y="438"/>
                  </a:lnTo>
                  <a:lnTo>
                    <a:pt x="156" y="438"/>
                  </a:lnTo>
                  <a:lnTo>
                    <a:pt x="154" y="438"/>
                  </a:lnTo>
                  <a:lnTo>
                    <a:pt x="154" y="440"/>
                  </a:lnTo>
                  <a:lnTo>
                    <a:pt x="152" y="440"/>
                  </a:lnTo>
                  <a:lnTo>
                    <a:pt x="152" y="438"/>
                  </a:lnTo>
                  <a:lnTo>
                    <a:pt x="150" y="437"/>
                  </a:lnTo>
                  <a:lnTo>
                    <a:pt x="148" y="435"/>
                  </a:lnTo>
                  <a:lnTo>
                    <a:pt x="146" y="435"/>
                  </a:lnTo>
                  <a:lnTo>
                    <a:pt x="145" y="435"/>
                  </a:lnTo>
                  <a:lnTo>
                    <a:pt x="143" y="435"/>
                  </a:lnTo>
                  <a:lnTo>
                    <a:pt x="143" y="433"/>
                  </a:lnTo>
                  <a:lnTo>
                    <a:pt x="141" y="433"/>
                  </a:lnTo>
                  <a:lnTo>
                    <a:pt x="141" y="431"/>
                  </a:lnTo>
                  <a:lnTo>
                    <a:pt x="139" y="429"/>
                  </a:lnTo>
                  <a:lnTo>
                    <a:pt x="137" y="429"/>
                  </a:lnTo>
                  <a:lnTo>
                    <a:pt x="137" y="427"/>
                  </a:lnTo>
                  <a:lnTo>
                    <a:pt x="135" y="425"/>
                  </a:lnTo>
                  <a:lnTo>
                    <a:pt x="135" y="424"/>
                  </a:lnTo>
                  <a:lnTo>
                    <a:pt x="133" y="424"/>
                  </a:lnTo>
                  <a:lnTo>
                    <a:pt x="132" y="424"/>
                  </a:lnTo>
                  <a:lnTo>
                    <a:pt x="132" y="425"/>
                  </a:lnTo>
                  <a:lnTo>
                    <a:pt x="130" y="425"/>
                  </a:lnTo>
                  <a:lnTo>
                    <a:pt x="128" y="425"/>
                  </a:lnTo>
                  <a:lnTo>
                    <a:pt x="126" y="425"/>
                  </a:lnTo>
                  <a:lnTo>
                    <a:pt x="124" y="424"/>
                  </a:lnTo>
                  <a:lnTo>
                    <a:pt x="122" y="424"/>
                  </a:lnTo>
                  <a:lnTo>
                    <a:pt x="128" y="422"/>
                  </a:lnTo>
                  <a:lnTo>
                    <a:pt x="126" y="420"/>
                  </a:lnTo>
                  <a:lnTo>
                    <a:pt x="124" y="420"/>
                  </a:lnTo>
                  <a:lnTo>
                    <a:pt x="122" y="418"/>
                  </a:lnTo>
                  <a:lnTo>
                    <a:pt x="121" y="416"/>
                  </a:lnTo>
                  <a:lnTo>
                    <a:pt x="121" y="414"/>
                  </a:lnTo>
                  <a:lnTo>
                    <a:pt x="119" y="416"/>
                  </a:lnTo>
                  <a:lnTo>
                    <a:pt x="119" y="418"/>
                  </a:lnTo>
                  <a:lnTo>
                    <a:pt x="117" y="418"/>
                  </a:lnTo>
                  <a:lnTo>
                    <a:pt x="115" y="418"/>
                  </a:lnTo>
                  <a:lnTo>
                    <a:pt x="113" y="418"/>
                  </a:lnTo>
                  <a:lnTo>
                    <a:pt x="111" y="418"/>
                  </a:lnTo>
                  <a:lnTo>
                    <a:pt x="109" y="418"/>
                  </a:lnTo>
                  <a:lnTo>
                    <a:pt x="109" y="420"/>
                  </a:lnTo>
                  <a:lnTo>
                    <a:pt x="108" y="420"/>
                  </a:lnTo>
                  <a:lnTo>
                    <a:pt x="106" y="422"/>
                  </a:lnTo>
                  <a:lnTo>
                    <a:pt x="106" y="424"/>
                  </a:lnTo>
                  <a:lnTo>
                    <a:pt x="106" y="425"/>
                  </a:lnTo>
                  <a:lnTo>
                    <a:pt x="104" y="425"/>
                  </a:lnTo>
                  <a:lnTo>
                    <a:pt x="102" y="425"/>
                  </a:lnTo>
                  <a:lnTo>
                    <a:pt x="102" y="427"/>
                  </a:lnTo>
                  <a:lnTo>
                    <a:pt x="100" y="427"/>
                  </a:lnTo>
                  <a:lnTo>
                    <a:pt x="98" y="427"/>
                  </a:lnTo>
                  <a:lnTo>
                    <a:pt x="98" y="429"/>
                  </a:lnTo>
                  <a:lnTo>
                    <a:pt x="97" y="429"/>
                  </a:lnTo>
                  <a:lnTo>
                    <a:pt x="95" y="427"/>
                  </a:lnTo>
                  <a:lnTo>
                    <a:pt x="95" y="425"/>
                  </a:lnTo>
                  <a:lnTo>
                    <a:pt x="93" y="427"/>
                  </a:lnTo>
                  <a:lnTo>
                    <a:pt x="93" y="425"/>
                  </a:lnTo>
                  <a:lnTo>
                    <a:pt x="91" y="425"/>
                  </a:lnTo>
                  <a:lnTo>
                    <a:pt x="89" y="425"/>
                  </a:lnTo>
                  <a:lnTo>
                    <a:pt x="87" y="425"/>
                  </a:lnTo>
                  <a:lnTo>
                    <a:pt x="85" y="425"/>
                  </a:lnTo>
                  <a:lnTo>
                    <a:pt x="84" y="424"/>
                  </a:lnTo>
                  <a:lnTo>
                    <a:pt x="82" y="424"/>
                  </a:lnTo>
                  <a:lnTo>
                    <a:pt x="82" y="425"/>
                  </a:lnTo>
                  <a:lnTo>
                    <a:pt x="80" y="425"/>
                  </a:lnTo>
                  <a:lnTo>
                    <a:pt x="78" y="425"/>
                  </a:lnTo>
                  <a:lnTo>
                    <a:pt x="76" y="427"/>
                  </a:lnTo>
                  <a:lnTo>
                    <a:pt x="74" y="427"/>
                  </a:lnTo>
                  <a:lnTo>
                    <a:pt x="72" y="427"/>
                  </a:lnTo>
                  <a:lnTo>
                    <a:pt x="71" y="427"/>
                  </a:lnTo>
                  <a:lnTo>
                    <a:pt x="69" y="427"/>
                  </a:lnTo>
                  <a:lnTo>
                    <a:pt x="69" y="425"/>
                  </a:lnTo>
                  <a:lnTo>
                    <a:pt x="67" y="425"/>
                  </a:lnTo>
                  <a:lnTo>
                    <a:pt x="65" y="425"/>
                  </a:lnTo>
                  <a:lnTo>
                    <a:pt x="63" y="425"/>
                  </a:lnTo>
                  <a:lnTo>
                    <a:pt x="61" y="424"/>
                  </a:lnTo>
                  <a:lnTo>
                    <a:pt x="60" y="424"/>
                  </a:lnTo>
                  <a:lnTo>
                    <a:pt x="60" y="422"/>
                  </a:lnTo>
                  <a:lnTo>
                    <a:pt x="58" y="422"/>
                  </a:lnTo>
                  <a:lnTo>
                    <a:pt x="56" y="422"/>
                  </a:lnTo>
                  <a:lnTo>
                    <a:pt x="54" y="422"/>
                  </a:lnTo>
                  <a:lnTo>
                    <a:pt x="54" y="420"/>
                  </a:lnTo>
                  <a:lnTo>
                    <a:pt x="52" y="420"/>
                  </a:lnTo>
                  <a:lnTo>
                    <a:pt x="50" y="420"/>
                  </a:lnTo>
                  <a:lnTo>
                    <a:pt x="50" y="418"/>
                  </a:lnTo>
                  <a:lnTo>
                    <a:pt x="48" y="418"/>
                  </a:lnTo>
                  <a:lnTo>
                    <a:pt x="47" y="418"/>
                  </a:lnTo>
                  <a:lnTo>
                    <a:pt x="47" y="416"/>
                  </a:lnTo>
                  <a:lnTo>
                    <a:pt x="45" y="416"/>
                  </a:lnTo>
                  <a:lnTo>
                    <a:pt x="43" y="416"/>
                  </a:lnTo>
                  <a:lnTo>
                    <a:pt x="43" y="414"/>
                  </a:lnTo>
                  <a:lnTo>
                    <a:pt x="43" y="416"/>
                  </a:lnTo>
                  <a:lnTo>
                    <a:pt x="41" y="416"/>
                  </a:lnTo>
                  <a:lnTo>
                    <a:pt x="41" y="414"/>
                  </a:lnTo>
                  <a:lnTo>
                    <a:pt x="41" y="413"/>
                  </a:lnTo>
                  <a:lnTo>
                    <a:pt x="39" y="413"/>
                  </a:lnTo>
                  <a:lnTo>
                    <a:pt x="37" y="413"/>
                  </a:lnTo>
                  <a:lnTo>
                    <a:pt x="37" y="411"/>
                  </a:lnTo>
                  <a:lnTo>
                    <a:pt x="36" y="411"/>
                  </a:lnTo>
                  <a:lnTo>
                    <a:pt x="36" y="409"/>
                  </a:lnTo>
                  <a:lnTo>
                    <a:pt x="34" y="409"/>
                  </a:lnTo>
                  <a:lnTo>
                    <a:pt x="32" y="409"/>
                  </a:lnTo>
                  <a:lnTo>
                    <a:pt x="32" y="407"/>
                  </a:lnTo>
                  <a:lnTo>
                    <a:pt x="30" y="407"/>
                  </a:lnTo>
                  <a:lnTo>
                    <a:pt x="30" y="405"/>
                  </a:lnTo>
                  <a:lnTo>
                    <a:pt x="28" y="405"/>
                  </a:lnTo>
                  <a:lnTo>
                    <a:pt x="26" y="405"/>
                  </a:lnTo>
                  <a:lnTo>
                    <a:pt x="26" y="403"/>
                  </a:lnTo>
                  <a:lnTo>
                    <a:pt x="26" y="401"/>
                  </a:lnTo>
                  <a:lnTo>
                    <a:pt x="26" y="400"/>
                  </a:lnTo>
                  <a:lnTo>
                    <a:pt x="28" y="400"/>
                  </a:lnTo>
                  <a:lnTo>
                    <a:pt x="28" y="398"/>
                  </a:lnTo>
                  <a:lnTo>
                    <a:pt x="28" y="396"/>
                  </a:lnTo>
                  <a:lnTo>
                    <a:pt x="30" y="396"/>
                  </a:lnTo>
                  <a:lnTo>
                    <a:pt x="30" y="394"/>
                  </a:lnTo>
                  <a:lnTo>
                    <a:pt x="32" y="394"/>
                  </a:lnTo>
                  <a:lnTo>
                    <a:pt x="32" y="392"/>
                  </a:lnTo>
                  <a:lnTo>
                    <a:pt x="34" y="392"/>
                  </a:lnTo>
                  <a:lnTo>
                    <a:pt x="36" y="390"/>
                  </a:lnTo>
                  <a:lnTo>
                    <a:pt x="37" y="390"/>
                  </a:lnTo>
                  <a:lnTo>
                    <a:pt x="37" y="388"/>
                  </a:lnTo>
                  <a:lnTo>
                    <a:pt x="39" y="388"/>
                  </a:lnTo>
                  <a:lnTo>
                    <a:pt x="41" y="388"/>
                  </a:lnTo>
                  <a:lnTo>
                    <a:pt x="41" y="387"/>
                  </a:lnTo>
                  <a:lnTo>
                    <a:pt x="41" y="385"/>
                  </a:lnTo>
                  <a:lnTo>
                    <a:pt x="43" y="385"/>
                  </a:lnTo>
                  <a:lnTo>
                    <a:pt x="43" y="383"/>
                  </a:lnTo>
                  <a:lnTo>
                    <a:pt x="43" y="381"/>
                  </a:lnTo>
                  <a:lnTo>
                    <a:pt x="45" y="381"/>
                  </a:lnTo>
                  <a:lnTo>
                    <a:pt x="47" y="379"/>
                  </a:lnTo>
                  <a:lnTo>
                    <a:pt x="47" y="377"/>
                  </a:lnTo>
                  <a:lnTo>
                    <a:pt x="48" y="377"/>
                  </a:lnTo>
                  <a:lnTo>
                    <a:pt x="48" y="376"/>
                  </a:lnTo>
                  <a:lnTo>
                    <a:pt x="47" y="376"/>
                  </a:lnTo>
                  <a:lnTo>
                    <a:pt x="47" y="374"/>
                  </a:lnTo>
                  <a:lnTo>
                    <a:pt x="47" y="372"/>
                  </a:lnTo>
                  <a:lnTo>
                    <a:pt x="48" y="372"/>
                  </a:lnTo>
                  <a:lnTo>
                    <a:pt x="50" y="372"/>
                  </a:lnTo>
                  <a:lnTo>
                    <a:pt x="50" y="370"/>
                  </a:lnTo>
                  <a:lnTo>
                    <a:pt x="50" y="368"/>
                  </a:lnTo>
                  <a:lnTo>
                    <a:pt x="48" y="368"/>
                  </a:lnTo>
                  <a:lnTo>
                    <a:pt x="48" y="366"/>
                  </a:lnTo>
                  <a:lnTo>
                    <a:pt x="48" y="364"/>
                  </a:lnTo>
                  <a:lnTo>
                    <a:pt x="47" y="364"/>
                  </a:lnTo>
                  <a:lnTo>
                    <a:pt x="47" y="363"/>
                  </a:lnTo>
                  <a:lnTo>
                    <a:pt x="45" y="363"/>
                  </a:lnTo>
                  <a:lnTo>
                    <a:pt x="45" y="361"/>
                  </a:lnTo>
                  <a:lnTo>
                    <a:pt x="45" y="359"/>
                  </a:lnTo>
                  <a:lnTo>
                    <a:pt x="43" y="359"/>
                  </a:lnTo>
                  <a:lnTo>
                    <a:pt x="43" y="357"/>
                  </a:lnTo>
                  <a:lnTo>
                    <a:pt x="41" y="357"/>
                  </a:lnTo>
                  <a:lnTo>
                    <a:pt x="39" y="357"/>
                  </a:lnTo>
                  <a:lnTo>
                    <a:pt x="39" y="355"/>
                  </a:lnTo>
                  <a:lnTo>
                    <a:pt x="41" y="355"/>
                  </a:lnTo>
                  <a:lnTo>
                    <a:pt x="39" y="355"/>
                  </a:lnTo>
                  <a:lnTo>
                    <a:pt x="39" y="353"/>
                  </a:lnTo>
                  <a:lnTo>
                    <a:pt x="39" y="351"/>
                  </a:lnTo>
                  <a:lnTo>
                    <a:pt x="39" y="350"/>
                  </a:lnTo>
                  <a:lnTo>
                    <a:pt x="39" y="348"/>
                  </a:lnTo>
                  <a:lnTo>
                    <a:pt x="39" y="346"/>
                  </a:lnTo>
                  <a:lnTo>
                    <a:pt x="41" y="346"/>
                  </a:lnTo>
                  <a:lnTo>
                    <a:pt x="41" y="344"/>
                  </a:lnTo>
                  <a:lnTo>
                    <a:pt x="41" y="342"/>
                  </a:lnTo>
                  <a:lnTo>
                    <a:pt x="41" y="340"/>
                  </a:lnTo>
                  <a:lnTo>
                    <a:pt x="41" y="339"/>
                  </a:lnTo>
                  <a:lnTo>
                    <a:pt x="39" y="339"/>
                  </a:lnTo>
                  <a:lnTo>
                    <a:pt x="39" y="337"/>
                  </a:lnTo>
                  <a:lnTo>
                    <a:pt x="39" y="335"/>
                  </a:lnTo>
                  <a:lnTo>
                    <a:pt x="37" y="335"/>
                  </a:lnTo>
                  <a:lnTo>
                    <a:pt x="37" y="333"/>
                  </a:lnTo>
                  <a:lnTo>
                    <a:pt x="37" y="331"/>
                  </a:lnTo>
                  <a:lnTo>
                    <a:pt x="36" y="331"/>
                  </a:lnTo>
                  <a:lnTo>
                    <a:pt x="36" y="329"/>
                  </a:lnTo>
                  <a:lnTo>
                    <a:pt x="36" y="327"/>
                  </a:lnTo>
                  <a:lnTo>
                    <a:pt x="36" y="326"/>
                  </a:lnTo>
                  <a:lnTo>
                    <a:pt x="36" y="324"/>
                  </a:lnTo>
                  <a:lnTo>
                    <a:pt x="36" y="322"/>
                  </a:lnTo>
                  <a:lnTo>
                    <a:pt x="36" y="320"/>
                  </a:lnTo>
                  <a:lnTo>
                    <a:pt x="34" y="320"/>
                  </a:lnTo>
                  <a:lnTo>
                    <a:pt x="34" y="318"/>
                  </a:lnTo>
                  <a:lnTo>
                    <a:pt x="34" y="316"/>
                  </a:lnTo>
                  <a:lnTo>
                    <a:pt x="34" y="314"/>
                  </a:lnTo>
                  <a:lnTo>
                    <a:pt x="32" y="314"/>
                  </a:lnTo>
                  <a:lnTo>
                    <a:pt x="30" y="314"/>
                  </a:lnTo>
                  <a:lnTo>
                    <a:pt x="30" y="313"/>
                  </a:lnTo>
                  <a:lnTo>
                    <a:pt x="30" y="311"/>
                  </a:lnTo>
                  <a:lnTo>
                    <a:pt x="32" y="311"/>
                  </a:lnTo>
                  <a:lnTo>
                    <a:pt x="32" y="309"/>
                  </a:lnTo>
                  <a:lnTo>
                    <a:pt x="34" y="309"/>
                  </a:lnTo>
                  <a:lnTo>
                    <a:pt x="34" y="311"/>
                  </a:lnTo>
                  <a:lnTo>
                    <a:pt x="34" y="309"/>
                  </a:lnTo>
                  <a:lnTo>
                    <a:pt x="36" y="309"/>
                  </a:lnTo>
                  <a:lnTo>
                    <a:pt x="36" y="307"/>
                  </a:lnTo>
                  <a:lnTo>
                    <a:pt x="37" y="307"/>
                  </a:lnTo>
                  <a:lnTo>
                    <a:pt x="37" y="305"/>
                  </a:lnTo>
                  <a:lnTo>
                    <a:pt x="39" y="305"/>
                  </a:lnTo>
                  <a:lnTo>
                    <a:pt x="41" y="305"/>
                  </a:lnTo>
                  <a:lnTo>
                    <a:pt x="41" y="303"/>
                  </a:lnTo>
                  <a:lnTo>
                    <a:pt x="43" y="303"/>
                  </a:lnTo>
                  <a:lnTo>
                    <a:pt x="43" y="302"/>
                  </a:lnTo>
                  <a:lnTo>
                    <a:pt x="45" y="302"/>
                  </a:lnTo>
                  <a:lnTo>
                    <a:pt x="45" y="303"/>
                  </a:lnTo>
                  <a:lnTo>
                    <a:pt x="45" y="302"/>
                  </a:lnTo>
                  <a:lnTo>
                    <a:pt x="47" y="302"/>
                  </a:lnTo>
                  <a:lnTo>
                    <a:pt x="47" y="303"/>
                  </a:lnTo>
                  <a:lnTo>
                    <a:pt x="47" y="302"/>
                  </a:lnTo>
                  <a:lnTo>
                    <a:pt x="47" y="300"/>
                  </a:lnTo>
                  <a:lnTo>
                    <a:pt x="48" y="300"/>
                  </a:lnTo>
                  <a:lnTo>
                    <a:pt x="50" y="300"/>
                  </a:lnTo>
                  <a:lnTo>
                    <a:pt x="50" y="298"/>
                  </a:lnTo>
                  <a:lnTo>
                    <a:pt x="52" y="298"/>
                  </a:lnTo>
                  <a:lnTo>
                    <a:pt x="50" y="298"/>
                  </a:lnTo>
                  <a:lnTo>
                    <a:pt x="52" y="296"/>
                  </a:lnTo>
                  <a:lnTo>
                    <a:pt x="52" y="298"/>
                  </a:lnTo>
                  <a:lnTo>
                    <a:pt x="52" y="296"/>
                  </a:lnTo>
                  <a:lnTo>
                    <a:pt x="54" y="296"/>
                  </a:lnTo>
                  <a:lnTo>
                    <a:pt x="56" y="296"/>
                  </a:lnTo>
                  <a:lnTo>
                    <a:pt x="56" y="294"/>
                  </a:lnTo>
                  <a:lnTo>
                    <a:pt x="58" y="294"/>
                  </a:lnTo>
                  <a:lnTo>
                    <a:pt x="60" y="294"/>
                  </a:lnTo>
                  <a:lnTo>
                    <a:pt x="60" y="292"/>
                  </a:lnTo>
                  <a:lnTo>
                    <a:pt x="61" y="292"/>
                  </a:lnTo>
                  <a:lnTo>
                    <a:pt x="61" y="290"/>
                  </a:lnTo>
                  <a:lnTo>
                    <a:pt x="61" y="289"/>
                  </a:lnTo>
                  <a:lnTo>
                    <a:pt x="60" y="289"/>
                  </a:lnTo>
                  <a:lnTo>
                    <a:pt x="61" y="289"/>
                  </a:lnTo>
                  <a:lnTo>
                    <a:pt x="60" y="287"/>
                  </a:lnTo>
                  <a:lnTo>
                    <a:pt x="60" y="285"/>
                  </a:lnTo>
                  <a:lnTo>
                    <a:pt x="58" y="285"/>
                  </a:lnTo>
                  <a:lnTo>
                    <a:pt x="58" y="283"/>
                  </a:lnTo>
                  <a:lnTo>
                    <a:pt x="58" y="281"/>
                  </a:lnTo>
                  <a:lnTo>
                    <a:pt x="56" y="281"/>
                  </a:lnTo>
                  <a:lnTo>
                    <a:pt x="56" y="279"/>
                  </a:lnTo>
                  <a:lnTo>
                    <a:pt x="54" y="279"/>
                  </a:lnTo>
                  <a:lnTo>
                    <a:pt x="54" y="278"/>
                  </a:lnTo>
                  <a:lnTo>
                    <a:pt x="52" y="278"/>
                  </a:lnTo>
                  <a:lnTo>
                    <a:pt x="52" y="276"/>
                  </a:lnTo>
                  <a:lnTo>
                    <a:pt x="52" y="274"/>
                  </a:lnTo>
                  <a:lnTo>
                    <a:pt x="50" y="274"/>
                  </a:lnTo>
                  <a:lnTo>
                    <a:pt x="50" y="272"/>
                  </a:lnTo>
                  <a:lnTo>
                    <a:pt x="50" y="270"/>
                  </a:lnTo>
                  <a:lnTo>
                    <a:pt x="48" y="270"/>
                  </a:lnTo>
                  <a:lnTo>
                    <a:pt x="48" y="268"/>
                  </a:lnTo>
                  <a:lnTo>
                    <a:pt x="47" y="268"/>
                  </a:lnTo>
                  <a:lnTo>
                    <a:pt x="45" y="266"/>
                  </a:lnTo>
                  <a:lnTo>
                    <a:pt x="45" y="268"/>
                  </a:lnTo>
                  <a:lnTo>
                    <a:pt x="43" y="268"/>
                  </a:lnTo>
                  <a:lnTo>
                    <a:pt x="43" y="270"/>
                  </a:lnTo>
                  <a:lnTo>
                    <a:pt x="41" y="270"/>
                  </a:lnTo>
                  <a:lnTo>
                    <a:pt x="39" y="270"/>
                  </a:lnTo>
                  <a:lnTo>
                    <a:pt x="37" y="270"/>
                  </a:lnTo>
                  <a:lnTo>
                    <a:pt x="36" y="270"/>
                  </a:lnTo>
                  <a:lnTo>
                    <a:pt x="36" y="272"/>
                  </a:lnTo>
                  <a:lnTo>
                    <a:pt x="36" y="270"/>
                  </a:lnTo>
                  <a:lnTo>
                    <a:pt x="36" y="272"/>
                  </a:lnTo>
                  <a:lnTo>
                    <a:pt x="34" y="272"/>
                  </a:lnTo>
                  <a:lnTo>
                    <a:pt x="34" y="274"/>
                  </a:lnTo>
                  <a:lnTo>
                    <a:pt x="32" y="274"/>
                  </a:lnTo>
                  <a:lnTo>
                    <a:pt x="30" y="272"/>
                  </a:lnTo>
                  <a:lnTo>
                    <a:pt x="28" y="272"/>
                  </a:lnTo>
                  <a:lnTo>
                    <a:pt x="28" y="274"/>
                  </a:lnTo>
                  <a:lnTo>
                    <a:pt x="26" y="274"/>
                  </a:lnTo>
                  <a:lnTo>
                    <a:pt x="26" y="276"/>
                  </a:lnTo>
                  <a:lnTo>
                    <a:pt x="24" y="276"/>
                  </a:lnTo>
                  <a:lnTo>
                    <a:pt x="23" y="276"/>
                  </a:lnTo>
                  <a:lnTo>
                    <a:pt x="23" y="274"/>
                  </a:lnTo>
                  <a:lnTo>
                    <a:pt x="23" y="272"/>
                  </a:lnTo>
                  <a:lnTo>
                    <a:pt x="23" y="270"/>
                  </a:lnTo>
                  <a:lnTo>
                    <a:pt x="21" y="270"/>
                  </a:lnTo>
                  <a:lnTo>
                    <a:pt x="19" y="268"/>
                  </a:lnTo>
                  <a:lnTo>
                    <a:pt x="19" y="266"/>
                  </a:lnTo>
                  <a:lnTo>
                    <a:pt x="19" y="265"/>
                  </a:lnTo>
                  <a:lnTo>
                    <a:pt x="17" y="265"/>
                  </a:lnTo>
                  <a:lnTo>
                    <a:pt x="17" y="263"/>
                  </a:lnTo>
                  <a:lnTo>
                    <a:pt x="15" y="263"/>
                  </a:lnTo>
                  <a:lnTo>
                    <a:pt x="15" y="261"/>
                  </a:lnTo>
                  <a:lnTo>
                    <a:pt x="13" y="261"/>
                  </a:lnTo>
                  <a:lnTo>
                    <a:pt x="13" y="259"/>
                  </a:lnTo>
                  <a:lnTo>
                    <a:pt x="11" y="259"/>
                  </a:lnTo>
                  <a:lnTo>
                    <a:pt x="13" y="259"/>
                  </a:lnTo>
                  <a:lnTo>
                    <a:pt x="13" y="257"/>
                  </a:lnTo>
                  <a:lnTo>
                    <a:pt x="15" y="257"/>
                  </a:lnTo>
                  <a:lnTo>
                    <a:pt x="15" y="255"/>
                  </a:lnTo>
                  <a:lnTo>
                    <a:pt x="15" y="253"/>
                  </a:lnTo>
                  <a:lnTo>
                    <a:pt x="17" y="253"/>
                  </a:lnTo>
                  <a:lnTo>
                    <a:pt x="17" y="250"/>
                  </a:lnTo>
                  <a:lnTo>
                    <a:pt x="19" y="246"/>
                  </a:lnTo>
                  <a:lnTo>
                    <a:pt x="21" y="246"/>
                  </a:lnTo>
                  <a:lnTo>
                    <a:pt x="21" y="244"/>
                  </a:lnTo>
                  <a:lnTo>
                    <a:pt x="23" y="244"/>
                  </a:lnTo>
                  <a:lnTo>
                    <a:pt x="24" y="242"/>
                  </a:lnTo>
                  <a:lnTo>
                    <a:pt x="23" y="242"/>
                  </a:lnTo>
                  <a:lnTo>
                    <a:pt x="23" y="241"/>
                  </a:lnTo>
                  <a:lnTo>
                    <a:pt x="21" y="241"/>
                  </a:lnTo>
                  <a:lnTo>
                    <a:pt x="21" y="239"/>
                  </a:lnTo>
                  <a:lnTo>
                    <a:pt x="21" y="241"/>
                  </a:lnTo>
                  <a:lnTo>
                    <a:pt x="19" y="241"/>
                  </a:lnTo>
                  <a:lnTo>
                    <a:pt x="19" y="242"/>
                  </a:lnTo>
                  <a:lnTo>
                    <a:pt x="17" y="242"/>
                  </a:lnTo>
                  <a:lnTo>
                    <a:pt x="15" y="244"/>
                  </a:lnTo>
                  <a:lnTo>
                    <a:pt x="13" y="244"/>
                  </a:lnTo>
                  <a:lnTo>
                    <a:pt x="13" y="246"/>
                  </a:lnTo>
                  <a:lnTo>
                    <a:pt x="11" y="246"/>
                  </a:lnTo>
                  <a:lnTo>
                    <a:pt x="10" y="246"/>
                  </a:lnTo>
                  <a:lnTo>
                    <a:pt x="10" y="248"/>
                  </a:lnTo>
                  <a:lnTo>
                    <a:pt x="8" y="248"/>
                  </a:lnTo>
                  <a:lnTo>
                    <a:pt x="8" y="246"/>
                  </a:lnTo>
                  <a:lnTo>
                    <a:pt x="8" y="244"/>
                  </a:lnTo>
                  <a:lnTo>
                    <a:pt x="8" y="242"/>
                  </a:lnTo>
                  <a:lnTo>
                    <a:pt x="8" y="241"/>
                  </a:lnTo>
                  <a:lnTo>
                    <a:pt x="6" y="241"/>
                  </a:lnTo>
                  <a:lnTo>
                    <a:pt x="6" y="239"/>
                  </a:lnTo>
                  <a:lnTo>
                    <a:pt x="6" y="237"/>
                  </a:lnTo>
                  <a:lnTo>
                    <a:pt x="4" y="235"/>
                  </a:lnTo>
                  <a:lnTo>
                    <a:pt x="4" y="233"/>
                  </a:lnTo>
                  <a:lnTo>
                    <a:pt x="4" y="231"/>
                  </a:lnTo>
                  <a:lnTo>
                    <a:pt x="2" y="231"/>
                  </a:lnTo>
                  <a:lnTo>
                    <a:pt x="2" y="229"/>
                  </a:lnTo>
                  <a:lnTo>
                    <a:pt x="0" y="229"/>
                  </a:lnTo>
                  <a:lnTo>
                    <a:pt x="2" y="229"/>
                  </a:lnTo>
                  <a:lnTo>
                    <a:pt x="4" y="229"/>
                  </a:lnTo>
                  <a:lnTo>
                    <a:pt x="6" y="229"/>
                  </a:lnTo>
                  <a:lnTo>
                    <a:pt x="8" y="229"/>
                  </a:lnTo>
                  <a:lnTo>
                    <a:pt x="10" y="229"/>
                  </a:lnTo>
                  <a:lnTo>
                    <a:pt x="10" y="231"/>
                  </a:lnTo>
                  <a:lnTo>
                    <a:pt x="11" y="231"/>
                  </a:lnTo>
                  <a:lnTo>
                    <a:pt x="13" y="231"/>
                  </a:lnTo>
                  <a:lnTo>
                    <a:pt x="13" y="229"/>
                  </a:lnTo>
                  <a:lnTo>
                    <a:pt x="13" y="231"/>
                  </a:lnTo>
                  <a:lnTo>
                    <a:pt x="13" y="229"/>
                  </a:lnTo>
                  <a:lnTo>
                    <a:pt x="15" y="229"/>
                  </a:lnTo>
                  <a:lnTo>
                    <a:pt x="17" y="229"/>
                  </a:lnTo>
                  <a:lnTo>
                    <a:pt x="19" y="229"/>
                  </a:lnTo>
                  <a:lnTo>
                    <a:pt x="26" y="228"/>
                  </a:lnTo>
                  <a:lnTo>
                    <a:pt x="28" y="228"/>
                  </a:lnTo>
                  <a:lnTo>
                    <a:pt x="28" y="226"/>
                  </a:lnTo>
                  <a:lnTo>
                    <a:pt x="30" y="226"/>
                  </a:lnTo>
                  <a:lnTo>
                    <a:pt x="30" y="224"/>
                  </a:lnTo>
                  <a:lnTo>
                    <a:pt x="32" y="224"/>
                  </a:lnTo>
                  <a:lnTo>
                    <a:pt x="32" y="222"/>
                  </a:lnTo>
                  <a:lnTo>
                    <a:pt x="32" y="220"/>
                  </a:lnTo>
                  <a:lnTo>
                    <a:pt x="32" y="218"/>
                  </a:lnTo>
                  <a:lnTo>
                    <a:pt x="32" y="216"/>
                  </a:lnTo>
                  <a:lnTo>
                    <a:pt x="34" y="216"/>
                  </a:lnTo>
                  <a:lnTo>
                    <a:pt x="34" y="215"/>
                  </a:lnTo>
                  <a:lnTo>
                    <a:pt x="36" y="215"/>
                  </a:lnTo>
                  <a:lnTo>
                    <a:pt x="36" y="213"/>
                  </a:lnTo>
                  <a:lnTo>
                    <a:pt x="37" y="213"/>
                  </a:lnTo>
                  <a:lnTo>
                    <a:pt x="37" y="211"/>
                  </a:lnTo>
                  <a:lnTo>
                    <a:pt x="39" y="209"/>
                  </a:lnTo>
                  <a:lnTo>
                    <a:pt x="39" y="207"/>
                  </a:lnTo>
                  <a:lnTo>
                    <a:pt x="41" y="207"/>
                  </a:lnTo>
                  <a:lnTo>
                    <a:pt x="43" y="207"/>
                  </a:lnTo>
                  <a:lnTo>
                    <a:pt x="43" y="205"/>
                  </a:lnTo>
                  <a:lnTo>
                    <a:pt x="41" y="205"/>
                  </a:lnTo>
                  <a:lnTo>
                    <a:pt x="43" y="205"/>
                  </a:lnTo>
                  <a:lnTo>
                    <a:pt x="43" y="204"/>
                  </a:lnTo>
                  <a:lnTo>
                    <a:pt x="41" y="204"/>
                  </a:lnTo>
                  <a:lnTo>
                    <a:pt x="41" y="202"/>
                  </a:lnTo>
                  <a:lnTo>
                    <a:pt x="41" y="200"/>
                  </a:lnTo>
                  <a:lnTo>
                    <a:pt x="41" y="198"/>
                  </a:lnTo>
                  <a:lnTo>
                    <a:pt x="43" y="198"/>
                  </a:lnTo>
                  <a:lnTo>
                    <a:pt x="43" y="196"/>
                  </a:lnTo>
                  <a:lnTo>
                    <a:pt x="43" y="194"/>
                  </a:lnTo>
                  <a:lnTo>
                    <a:pt x="41" y="194"/>
                  </a:lnTo>
                  <a:lnTo>
                    <a:pt x="41" y="192"/>
                  </a:lnTo>
                  <a:lnTo>
                    <a:pt x="41" y="191"/>
                  </a:lnTo>
                  <a:lnTo>
                    <a:pt x="39" y="189"/>
                  </a:lnTo>
                  <a:lnTo>
                    <a:pt x="41" y="189"/>
                  </a:lnTo>
                  <a:lnTo>
                    <a:pt x="39" y="189"/>
                  </a:lnTo>
                  <a:lnTo>
                    <a:pt x="39" y="187"/>
                  </a:lnTo>
                  <a:lnTo>
                    <a:pt x="39" y="185"/>
                  </a:lnTo>
                  <a:lnTo>
                    <a:pt x="39" y="183"/>
                  </a:lnTo>
                  <a:lnTo>
                    <a:pt x="39" y="181"/>
                  </a:lnTo>
                  <a:lnTo>
                    <a:pt x="41" y="181"/>
                  </a:lnTo>
                  <a:lnTo>
                    <a:pt x="41" y="179"/>
                  </a:lnTo>
                  <a:lnTo>
                    <a:pt x="43" y="179"/>
                  </a:lnTo>
                  <a:lnTo>
                    <a:pt x="43" y="178"/>
                  </a:lnTo>
                  <a:lnTo>
                    <a:pt x="45" y="178"/>
                  </a:lnTo>
                  <a:lnTo>
                    <a:pt x="47" y="179"/>
                  </a:lnTo>
                  <a:lnTo>
                    <a:pt x="48" y="178"/>
                  </a:lnTo>
                  <a:lnTo>
                    <a:pt x="50" y="178"/>
                  </a:lnTo>
                  <a:lnTo>
                    <a:pt x="52" y="178"/>
                  </a:lnTo>
                  <a:lnTo>
                    <a:pt x="54" y="178"/>
                  </a:lnTo>
                  <a:lnTo>
                    <a:pt x="56" y="178"/>
                  </a:lnTo>
                  <a:lnTo>
                    <a:pt x="56" y="176"/>
                  </a:lnTo>
                  <a:lnTo>
                    <a:pt x="54" y="176"/>
                  </a:lnTo>
                  <a:lnTo>
                    <a:pt x="56" y="176"/>
                  </a:lnTo>
                  <a:lnTo>
                    <a:pt x="58" y="176"/>
                  </a:lnTo>
                  <a:lnTo>
                    <a:pt x="58" y="174"/>
                  </a:lnTo>
                  <a:lnTo>
                    <a:pt x="58" y="172"/>
                  </a:lnTo>
                  <a:lnTo>
                    <a:pt x="58" y="170"/>
                  </a:lnTo>
                  <a:lnTo>
                    <a:pt x="58" y="168"/>
                  </a:lnTo>
                  <a:lnTo>
                    <a:pt x="58" y="167"/>
                  </a:lnTo>
                  <a:lnTo>
                    <a:pt x="58" y="165"/>
                  </a:lnTo>
                  <a:lnTo>
                    <a:pt x="56" y="165"/>
                  </a:lnTo>
                  <a:lnTo>
                    <a:pt x="56" y="163"/>
                  </a:lnTo>
                  <a:lnTo>
                    <a:pt x="58" y="163"/>
                  </a:lnTo>
                  <a:lnTo>
                    <a:pt x="56" y="163"/>
                  </a:lnTo>
                  <a:lnTo>
                    <a:pt x="56" y="161"/>
                  </a:lnTo>
                  <a:lnTo>
                    <a:pt x="56" y="159"/>
                  </a:lnTo>
                  <a:lnTo>
                    <a:pt x="54" y="159"/>
                  </a:lnTo>
                  <a:lnTo>
                    <a:pt x="54" y="157"/>
                  </a:lnTo>
                  <a:lnTo>
                    <a:pt x="56" y="157"/>
                  </a:lnTo>
                  <a:lnTo>
                    <a:pt x="56" y="155"/>
                  </a:lnTo>
                  <a:lnTo>
                    <a:pt x="58" y="155"/>
                  </a:lnTo>
                  <a:lnTo>
                    <a:pt x="58" y="157"/>
                  </a:lnTo>
                  <a:lnTo>
                    <a:pt x="58" y="159"/>
                  </a:lnTo>
                  <a:lnTo>
                    <a:pt x="60" y="159"/>
                  </a:lnTo>
                  <a:lnTo>
                    <a:pt x="60" y="157"/>
                  </a:lnTo>
                  <a:lnTo>
                    <a:pt x="61" y="157"/>
                  </a:lnTo>
                  <a:lnTo>
                    <a:pt x="61" y="159"/>
                  </a:lnTo>
                  <a:lnTo>
                    <a:pt x="63" y="159"/>
                  </a:lnTo>
                  <a:lnTo>
                    <a:pt x="65" y="157"/>
                  </a:lnTo>
                  <a:lnTo>
                    <a:pt x="67" y="157"/>
                  </a:lnTo>
                  <a:lnTo>
                    <a:pt x="69" y="155"/>
                  </a:lnTo>
                  <a:lnTo>
                    <a:pt x="69" y="154"/>
                  </a:lnTo>
                  <a:lnTo>
                    <a:pt x="71" y="154"/>
                  </a:lnTo>
                  <a:lnTo>
                    <a:pt x="71" y="155"/>
                  </a:lnTo>
                  <a:lnTo>
                    <a:pt x="71" y="154"/>
                  </a:lnTo>
                  <a:lnTo>
                    <a:pt x="72" y="154"/>
                  </a:lnTo>
                  <a:lnTo>
                    <a:pt x="72" y="152"/>
                  </a:lnTo>
                  <a:lnTo>
                    <a:pt x="74" y="152"/>
                  </a:lnTo>
                  <a:lnTo>
                    <a:pt x="74" y="154"/>
                  </a:lnTo>
                  <a:lnTo>
                    <a:pt x="76" y="154"/>
                  </a:lnTo>
                  <a:lnTo>
                    <a:pt x="78" y="154"/>
                  </a:lnTo>
                  <a:lnTo>
                    <a:pt x="80" y="154"/>
                  </a:lnTo>
                  <a:lnTo>
                    <a:pt x="80" y="152"/>
                  </a:lnTo>
                  <a:lnTo>
                    <a:pt x="82" y="152"/>
                  </a:lnTo>
                  <a:lnTo>
                    <a:pt x="82" y="150"/>
                  </a:lnTo>
                  <a:lnTo>
                    <a:pt x="84" y="150"/>
                  </a:lnTo>
                  <a:lnTo>
                    <a:pt x="85" y="150"/>
                  </a:lnTo>
                  <a:lnTo>
                    <a:pt x="87" y="150"/>
                  </a:lnTo>
                  <a:lnTo>
                    <a:pt x="89" y="150"/>
                  </a:lnTo>
                  <a:lnTo>
                    <a:pt x="89" y="148"/>
                  </a:lnTo>
                  <a:lnTo>
                    <a:pt x="89" y="150"/>
                  </a:lnTo>
                  <a:lnTo>
                    <a:pt x="91" y="150"/>
                  </a:lnTo>
                  <a:lnTo>
                    <a:pt x="91" y="152"/>
                  </a:lnTo>
                  <a:lnTo>
                    <a:pt x="91" y="154"/>
                  </a:lnTo>
                  <a:lnTo>
                    <a:pt x="93" y="154"/>
                  </a:lnTo>
                  <a:lnTo>
                    <a:pt x="95" y="152"/>
                  </a:lnTo>
                  <a:lnTo>
                    <a:pt x="97" y="152"/>
                  </a:lnTo>
                  <a:lnTo>
                    <a:pt x="97" y="150"/>
                  </a:lnTo>
                  <a:lnTo>
                    <a:pt x="97" y="152"/>
                  </a:lnTo>
                  <a:lnTo>
                    <a:pt x="97" y="150"/>
                  </a:lnTo>
                  <a:lnTo>
                    <a:pt x="98" y="150"/>
                  </a:lnTo>
                  <a:lnTo>
                    <a:pt x="100" y="150"/>
                  </a:lnTo>
                  <a:lnTo>
                    <a:pt x="100" y="148"/>
                  </a:lnTo>
                  <a:lnTo>
                    <a:pt x="102" y="148"/>
                  </a:lnTo>
                  <a:lnTo>
                    <a:pt x="104" y="148"/>
                  </a:lnTo>
                  <a:lnTo>
                    <a:pt x="104" y="150"/>
                  </a:lnTo>
                  <a:lnTo>
                    <a:pt x="106" y="152"/>
                  </a:lnTo>
                  <a:lnTo>
                    <a:pt x="108" y="152"/>
                  </a:lnTo>
                  <a:lnTo>
                    <a:pt x="109" y="150"/>
                  </a:lnTo>
                  <a:lnTo>
                    <a:pt x="111" y="148"/>
                  </a:lnTo>
                  <a:lnTo>
                    <a:pt x="113" y="148"/>
                  </a:lnTo>
                  <a:lnTo>
                    <a:pt x="115" y="150"/>
                  </a:lnTo>
                  <a:lnTo>
                    <a:pt x="117" y="150"/>
                  </a:lnTo>
                  <a:lnTo>
                    <a:pt x="119" y="150"/>
                  </a:lnTo>
                  <a:lnTo>
                    <a:pt x="121" y="150"/>
                  </a:lnTo>
                  <a:lnTo>
                    <a:pt x="121" y="152"/>
                  </a:lnTo>
                  <a:lnTo>
                    <a:pt x="122" y="154"/>
                  </a:lnTo>
                  <a:lnTo>
                    <a:pt x="124" y="154"/>
                  </a:lnTo>
                  <a:lnTo>
                    <a:pt x="126" y="154"/>
                  </a:lnTo>
                  <a:lnTo>
                    <a:pt x="128" y="152"/>
                  </a:lnTo>
                  <a:lnTo>
                    <a:pt x="128" y="154"/>
                  </a:lnTo>
                  <a:lnTo>
                    <a:pt x="130" y="154"/>
                  </a:lnTo>
                  <a:lnTo>
                    <a:pt x="132" y="154"/>
                  </a:lnTo>
                  <a:lnTo>
                    <a:pt x="133" y="154"/>
                  </a:lnTo>
                  <a:lnTo>
                    <a:pt x="135" y="154"/>
                  </a:lnTo>
                  <a:lnTo>
                    <a:pt x="137" y="154"/>
                  </a:lnTo>
                  <a:lnTo>
                    <a:pt x="137" y="155"/>
                  </a:lnTo>
                  <a:lnTo>
                    <a:pt x="139" y="155"/>
                  </a:lnTo>
                  <a:lnTo>
                    <a:pt x="141" y="155"/>
                  </a:lnTo>
                  <a:lnTo>
                    <a:pt x="143" y="155"/>
                  </a:lnTo>
                  <a:lnTo>
                    <a:pt x="143" y="157"/>
                  </a:lnTo>
                  <a:lnTo>
                    <a:pt x="145" y="155"/>
                  </a:lnTo>
                  <a:lnTo>
                    <a:pt x="143" y="157"/>
                  </a:lnTo>
                  <a:lnTo>
                    <a:pt x="145" y="157"/>
                  </a:lnTo>
                  <a:lnTo>
                    <a:pt x="146" y="157"/>
                  </a:lnTo>
                  <a:lnTo>
                    <a:pt x="148" y="157"/>
                  </a:lnTo>
                  <a:lnTo>
                    <a:pt x="152" y="159"/>
                  </a:lnTo>
                  <a:lnTo>
                    <a:pt x="154" y="159"/>
                  </a:lnTo>
                  <a:lnTo>
                    <a:pt x="156" y="159"/>
                  </a:lnTo>
                  <a:lnTo>
                    <a:pt x="158" y="157"/>
                  </a:lnTo>
                  <a:lnTo>
                    <a:pt x="159" y="157"/>
                  </a:lnTo>
                  <a:lnTo>
                    <a:pt x="161" y="157"/>
                  </a:lnTo>
                  <a:lnTo>
                    <a:pt x="161" y="155"/>
                  </a:lnTo>
                  <a:lnTo>
                    <a:pt x="163" y="155"/>
                  </a:lnTo>
                  <a:lnTo>
                    <a:pt x="165" y="155"/>
                  </a:lnTo>
                  <a:lnTo>
                    <a:pt x="167" y="155"/>
                  </a:lnTo>
                  <a:lnTo>
                    <a:pt x="169" y="155"/>
                  </a:lnTo>
                  <a:lnTo>
                    <a:pt x="170" y="154"/>
                  </a:lnTo>
                  <a:lnTo>
                    <a:pt x="172" y="154"/>
                  </a:lnTo>
                  <a:lnTo>
                    <a:pt x="174" y="154"/>
                  </a:lnTo>
                  <a:lnTo>
                    <a:pt x="176" y="154"/>
                  </a:lnTo>
                  <a:lnTo>
                    <a:pt x="178" y="154"/>
                  </a:lnTo>
                  <a:lnTo>
                    <a:pt x="178" y="152"/>
                  </a:lnTo>
                  <a:lnTo>
                    <a:pt x="180" y="152"/>
                  </a:lnTo>
                  <a:lnTo>
                    <a:pt x="180" y="150"/>
                  </a:lnTo>
                  <a:lnTo>
                    <a:pt x="182" y="150"/>
                  </a:lnTo>
                  <a:lnTo>
                    <a:pt x="182" y="148"/>
                  </a:lnTo>
                  <a:lnTo>
                    <a:pt x="183" y="148"/>
                  </a:lnTo>
                  <a:lnTo>
                    <a:pt x="185" y="148"/>
                  </a:lnTo>
                  <a:lnTo>
                    <a:pt x="185" y="146"/>
                  </a:lnTo>
                  <a:lnTo>
                    <a:pt x="187" y="146"/>
                  </a:lnTo>
                  <a:lnTo>
                    <a:pt x="189" y="146"/>
                  </a:lnTo>
                  <a:lnTo>
                    <a:pt x="191" y="146"/>
                  </a:lnTo>
                  <a:lnTo>
                    <a:pt x="193" y="146"/>
                  </a:lnTo>
                  <a:lnTo>
                    <a:pt x="194" y="146"/>
                  </a:lnTo>
                  <a:lnTo>
                    <a:pt x="194" y="148"/>
                  </a:lnTo>
                  <a:lnTo>
                    <a:pt x="194" y="150"/>
                  </a:lnTo>
                  <a:lnTo>
                    <a:pt x="196" y="150"/>
                  </a:lnTo>
                  <a:lnTo>
                    <a:pt x="196" y="148"/>
                  </a:lnTo>
                  <a:lnTo>
                    <a:pt x="198" y="148"/>
                  </a:lnTo>
                  <a:lnTo>
                    <a:pt x="198" y="150"/>
                  </a:lnTo>
                  <a:lnTo>
                    <a:pt x="200" y="150"/>
                  </a:lnTo>
                  <a:lnTo>
                    <a:pt x="202" y="148"/>
                  </a:lnTo>
                  <a:lnTo>
                    <a:pt x="204" y="148"/>
                  </a:lnTo>
                  <a:lnTo>
                    <a:pt x="206" y="148"/>
                  </a:lnTo>
                  <a:lnTo>
                    <a:pt x="207" y="148"/>
                  </a:lnTo>
                  <a:lnTo>
                    <a:pt x="209" y="148"/>
                  </a:lnTo>
                  <a:lnTo>
                    <a:pt x="211" y="148"/>
                  </a:lnTo>
                  <a:lnTo>
                    <a:pt x="211" y="146"/>
                  </a:lnTo>
                  <a:lnTo>
                    <a:pt x="213" y="146"/>
                  </a:lnTo>
                  <a:lnTo>
                    <a:pt x="215" y="146"/>
                  </a:lnTo>
                  <a:lnTo>
                    <a:pt x="215" y="144"/>
                  </a:lnTo>
                  <a:lnTo>
                    <a:pt x="217" y="144"/>
                  </a:lnTo>
                  <a:lnTo>
                    <a:pt x="219" y="144"/>
                  </a:lnTo>
                  <a:lnTo>
                    <a:pt x="220" y="144"/>
                  </a:lnTo>
                  <a:lnTo>
                    <a:pt x="220" y="142"/>
                  </a:lnTo>
                  <a:lnTo>
                    <a:pt x="222" y="142"/>
                  </a:lnTo>
                  <a:lnTo>
                    <a:pt x="224" y="141"/>
                  </a:lnTo>
                  <a:lnTo>
                    <a:pt x="226" y="141"/>
                  </a:lnTo>
                  <a:lnTo>
                    <a:pt x="226" y="142"/>
                  </a:lnTo>
                  <a:lnTo>
                    <a:pt x="228" y="142"/>
                  </a:lnTo>
                  <a:lnTo>
                    <a:pt x="230" y="142"/>
                  </a:lnTo>
                  <a:lnTo>
                    <a:pt x="231" y="142"/>
                  </a:lnTo>
                  <a:lnTo>
                    <a:pt x="231" y="141"/>
                  </a:lnTo>
                  <a:lnTo>
                    <a:pt x="233" y="141"/>
                  </a:lnTo>
                  <a:lnTo>
                    <a:pt x="233" y="139"/>
                  </a:lnTo>
                  <a:lnTo>
                    <a:pt x="235" y="139"/>
                  </a:lnTo>
                  <a:lnTo>
                    <a:pt x="237" y="139"/>
                  </a:lnTo>
                  <a:lnTo>
                    <a:pt x="237" y="137"/>
                  </a:lnTo>
                  <a:lnTo>
                    <a:pt x="239" y="139"/>
                  </a:lnTo>
                  <a:lnTo>
                    <a:pt x="239" y="137"/>
                  </a:lnTo>
                  <a:lnTo>
                    <a:pt x="241" y="137"/>
                  </a:lnTo>
                  <a:lnTo>
                    <a:pt x="243" y="137"/>
                  </a:lnTo>
                  <a:lnTo>
                    <a:pt x="243" y="135"/>
                  </a:lnTo>
                  <a:lnTo>
                    <a:pt x="244" y="135"/>
                  </a:lnTo>
                  <a:lnTo>
                    <a:pt x="244" y="133"/>
                  </a:lnTo>
                  <a:lnTo>
                    <a:pt x="246" y="133"/>
                  </a:lnTo>
                  <a:lnTo>
                    <a:pt x="246" y="131"/>
                  </a:lnTo>
                  <a:lnTo>
                    <a:pt x="248" y="131"/>
                  </a:lnTo>
                  <a:lnTo>
                    <a:pt x="250" y="131"/>
                  </a:lnTo>
                  <a:lnTo>
                    <a:pt x="250" y="133"/>
                  </a:lnTo>
                  <a:lnTo>
                    <a:pt x="252" y="131"/>
                  </a:lnTo>
                  <a:lnTo>
                    <a:pt x="254" y="131"/>
                  </a:lnTo>
                  <a:lnTo>
                    <a:pt x="255" y="131"/>
                  </a:lnTo>
                  <a:lnTo>
                    <a:pt x="257" y="131"/>
                  </a:lnTo>
                  <a:lnTo>
                    <a:pt x="259" y="131"/>
                  </a:lnTo>
                  <a:lnTo>
                    <a:pt x="259" y="133"/>
                  </a:lnTo>
                  <a:lnTo>
                    <a:pt x="261" y="133"/>
                  </a:lnTo>
                  <a:lnTo>
                    <a:pt x="263" y="133"/>
                  </a:lnTo>
                  <a:lnTo>
                    <a:pt x="265" y="133"/>
                  </a:lnTo>
                  <a:lnTo>
                    <a:pt x="267" y="133"/>
                  </a:lnTo>
                  <a:lnTo>
                    <a:pt x="267" y="135"/>
                  </a:lnTo>
                  <a:lnTo>
                    <a:pt x="268" y="135"/>
                  </a:lnTo>
                  <a:lnTo>
                    <a:pt x="270" y="135"/>
                  </a:lnTo>
                  <a:lnTo>
                    <a:pt x="272" y="135"/>
                  </a:lnTo>
                  <a:lnTo>
                    <a:pt x="272" y="137"/>
                  </a:lnTo>
                  <a:lnTo>
                    <a:pt x="274" y="137"/>
                  </a:lnTo>
                  <a:lnTo>
                    <a:pt x="274" y="139"/>
                  </a:lnTo>
                  <a:lnTo>
                    <a:pt x="274" y="141"/>
                  </a:lnTo>
                  <a:lnTo>
                    <a:pt x="276" y="141"/>
                  </a:lnTo>
                  <a:lnTo>
                    <a:pt x="276" y="142"/>
                  </a:lnTo>
                  <a:lnTo>
                    <a:pt x="278" y="142"/>
                  </a:lnTo>
                  <a:lnTo>
                    <a:pt x="278" y="144"/>
                  </a:lnTo>
                  <a:lnTo>
                    <a:pt x="280" y="144"/>
                  </a:lnTo>
                  <a:lnTo>
                    <a:pt x="281" y="144"/>
                  </a:lnTo>
                  <a:lnTo>
                    <a:pt x="283" y="144"/>
                  </a:lnTo>
                  <a:lnTo>
                    <a:pt x="285" y="144"/>
                  </a:lnTo>
                  <a:lnTo>
                    <a:pt x="285" y="142"/>
                  </a:lnTo>
                  <a:lnTo>
                    <a:pt x="287" y="142"/>
                  </a:lnTo>
                  <a:lnTo>
                    <a:pt x="287" y="144"/>
                  </a:lnTo>
                  <a:lnTo>
                    <a:pt x="289" y="144"/>
                  </a:lnTo>
                  <a:lnTo>
                    <a:pt x="291" y="144"/>
                  </a:lnTo>
                  <a:lnTo>
                    <a:pt x="292" y="144"/>
                  </a:lnTo>
                  <a:lnTo>
                    <a:pt x="294" y="142"/>
                  </a:lnTo>
                  <a:lnTo>
                    <a:pt x="296" y="141"/>
                  </a:lnTo>
                  <a:lnTo>
                    <a:pt x="298" y="141"/>
                  </a:lnTo>
                  <a:lnTo>
                    <a:pt x="300" y="141"/>
                  </a:lnTo>
                  <a:lnTo>
                    <a:pt x="302" y="141"/>
                  </a:lnTo>
                  <a:lnTo>
                    <a:pt x="302" y="139"/>
                  </a:lnTo>
                  <a:lnTo>
                    <a:pt x="304" y="139"/>
                  </a:lnTo>
                  <a:lnTo>
                    <a:pt x="304" y="137"/>
                  </a:lnTo>
                  <a:lnTo>
                    <a:pt x="305" y="137"/>
                  </a:lnTo>
                  <a:lnTo>
                    <a:pt x="305" y="135"/>
                  </a:lnTo>
                  <a:lnTo>
                    <a:pt x="307" y="135"/>
                  </a:lnTo>
                  <a:lnTo>
                    <a:pt x="309" y="135"/>
                  </a:lnTo>
                  <a:lnTo>
                    <a:pt x="311" y="135"/>
                  </a:lnTo>
                  <a:lnTo>
                    <a:pt x="313" y="133"/>
                  </a:lnTo>
                  <a:lnTo>
                    <a:pt x="315" y="133"/>
                  </a:lnTo>
                  <a:lnTo>
                    <a:pt x="316" y="133"/>
                  </a:lnTo>
                  <a:lnTo>
                    <a:pt x="318" y="133"/>
                  </a:lnTo>
                  <a:lnTo>
                    <a:pt x="320" y="131"/>
                  </a:lnTo>
                  <a:lnTo>
                    <a:pt x="322" y="131"/>
                  </a:lnTo>
                  <a:lnTo>
                    <a:pt x="324" y="130"/>
                  </a:lnTo>
                  <a:lnTo>
                    <a:pt x="326" y="128"/>
                  </a:lnTo>
                  <a:lnTo>
                    <a:pt x="329" y="126"/>
                  </a:lnTo>
                  <a:lnTo>
                    <a:pt x="329" y="124"/>
                  </a:lnTo>
                  <a:lnTo>
                    <a:pt x="328" y="124"/>
                  </a:lnTo>
                  <a:lnTo>
                    <a:pt x="326" y="124"/>
                  </a:lnTo>
                  <a:lnTo>
                    <a:pt x="326" y="122"/>
                  </a:lnTo>
                  <a:lnTo>
                    <a:pt x="328" y="120"/>
                  </a:lnTo>
                  <a:lnTo>
                    <a:pt x="328" y="118"/>
                  </a:lnTo>
                  <a:lnTo>
                    <a:pt x="329" y="120"/>
                  </a:lnTo>
                  <a:lnTo>
                    <a:pt x="329" y="122"/>
                  </a:lnTo>
                  <a:lnTo>
                    <a:pt x="331" y="120"/>
                  </a:lnTo>
                  <a:lnTo>
                    <a:pt x="331" y="118"/>
                  </a:lnTo>
                  <a:lnTo>
                    <a:pt x="333" y="118"/>
                  </a:lnTo>
                  <a:lnTo>
                    <a:pt x="333" y="117"/>
                  </a:lnTo>
                  <a:lnTo>
                    <a:pt x="331" y="117"/>
                  </a:lnTo>
                  <a:lnTo>
                    <a:pt x="331" y="115"/>
                  </a:lnTo>
                  <a:lnTo>
                    <a:pt x="331" y="113"/>
                  </a:lnTo>
                  <a:lnTo>
                    <a:pt x="331" y="111"/>
                  </a:lnTo>
                  <a:lnTo>
                    <a:pt x="329" y="111"/>
                  </a:lnTo>
                  <a:lnTo>
                    <a:pt x="329" y="109"/>
                  </a:lnTo>
                  <a:lnTo>
                    <a:pt x="329" y="107"/>
                  </a:lnTo>
                  <a:lnTo>
                    <a:pt x="331" y="107"/>
                  </a:lnTo>
                  <a:lnTo>
                    <a:pt x="333" y="107"/>
                  </a:lnTo>
                  <a:lnTo>
                    <a:pt x="333" y="105"/>
                  </a:lnTo>
                  <a:lnTo>
                    <a:pt x="333" y="104"/>
                  </a:lnTo>
                  <a:lnTo>
                    <a:pt x="335" y="104"/>
                  </a:lnTo>
                  <a:lnTo>
                    <a:pt x="333" y="104"/>
                  </a:lnTo>
                  <a:lnTo>
                    <a:pt x="333" y="102"/>
                  </a:lnTo>
                  <a:lnTo>
                    <a:pt x="335" y="102"/>
                  </a:lnTo>
                  <a:lnTo>
                    <a:pt x="335" y="100"/>
                  </a:lnTo>
                  <a:lnTo>
                    <a:pt x="335" y="98"/>
                  </a:lnTo>
                  <a:lnTo>
                    <a:pt x="335" y="96"/>
                  </a:lnTo>
                  <a:lnTo>
                    <a:pt x="335" y="94"/>
                  </a:lnTo>
                  <a:lnTo>
                    <a:pt x="335" y="93"/>
                  </a:lnTo>
                  <a:lnTo>
                    <a:pt x="335" y="91"/>
                  </a:lnTo>
                  <a:lnTo>
                    <a:pt x="335" y="89"/>
                  </a:lnTo>
                  <a:lnTo>
                    <a:pt x="333" y="89"/>
                  </a:lnTo>
                  <a:lnTo>
                    <a:pt x="333" y="87"/>
                  </a:lnTo>
                  <a:lnTo>
                    <a:pt x="333" y="85"/>
                  </a:lnTo>
                  <a:lnTo>
                    <a:pt x="331" y="85"/>
                  </a:lnTo>
                  <a:lnTo>
                    <a:pt x="331" y="83"/>
                  </a:lnTo>
                  <a:lnTo>
                    <a:pt x="333" y="83"/>
                  </a:lnTo>
                  <a:lnTo>
                    <a:pt x="333" y="81"/>
                  </a:lnTo>
                  <a:lnTo>
                    <a:pt x="333" y="80"/>
                  </a:lnTo>
                  <a:lnTo>
                    <a:pt x="335" y="80"/>
                  </a:lnTo>
                  <a:lnTo>
                    <a:pt x="335" y="78"/>
                  </a:lnTo>
                  <a:lnTo>
                    <a:pt x="335" y="76"/>
                  </a:lnTo>
                  <a:lnTo>
                    <a:pt x="335" y="74"/>
                  </a:lnTo>
                  <a:lnTo>
                    <a:pt x="337" y="74"/>
                  </a:lnTo>
                  <a:lnTo>
                    <a:pt x="339" y="74"/>
                  </a:lnTo>
                  <a:lnTo>
                    <a:pt x="341" y="74"/>
                  </a:lnTo>
                  <a:lnTo>
                    <a:pt x="341" y="76"/>
                  </a:lnTo>
                  <a:lnTo>
                    <a:pt x="342" y="76"/>
                  </a:lnTo>
                  <a:lnTo>
                    <a:pt x="344" y="76"/>
                  </a:lnTo>
                  <a:lnTo>
                    <a:pt x="346" y="76"/>
                  </a:lnTo>
                  <a:lnTo>
                    <a:pt x="348" y="76"/>
                  </a:lnTo>
                  <a:lnTo>
                    <a:pt x="350" y="76"/>
                  </a:lnTo>
                  <a:lnTo>
                    <a:pt x="352" y="76"/>
                  </a:lnTo>
                  <a:lnTo>
                    <a:pt x="352" y="78"/>
                  </a:lnTo>
                  <a:lnTo>
                    <a:pt x="353" y="78"/>
                  </a:lnTo>
                  <a:lnTo>
                    <a:pt x="353" y="80"/>
                  </a:lnTo>
                  <a:lnTo>
                    <a:pt x="355" y="80"/>
                  </a:lnTo>
                  <a:lnTo>
                    <a:pt x="355" y="81"/>
                  </a:lnTo>
                  <a:lnTo>
                    <a:pt x="357" y="81"/>
                  </a:lnTo>
                  <a:lnTo>
                    <a:pt x="359" y="81"/>
                  </a:lnTo>
                  <a:lnTo>
                    <a:pt x="359" y="80"/>
                  </a:lnTo>
                  <a:lnTo>
                    <a:pt x="361" y="80"/>
                  </a:lnTo>
                  <a:lnTo>
                    <a:pt x="359" y="80"/>
                  </a:lnTo>
                  <a:lnTo>
                    <a:pt x="359" y="78"/>
                  </a:lnTo>
                  <a:lnTo>
                    <a:pt x="361" y="78"/>
                  </a:lnTo>
                  <a:lnTo>
                    <a:pt x="363" y="78"/>
                  </a:lnTo>
                  <a:lnTo>
                    <a:pt x="363" y="76"/>
                  </a:lnTo>
                  <a:lnTo>
                    <a:pt x="365" y="76"/>
                  </a:lnTo>
                  <a:lnTo>
                    <a:pt x="366" y="76"/>
                  </a:lnTo>
                  <a:lnTo>
                    <a:pt x="366" y="74"/>
                  </a:lnTo>
                  <a:lnTo>
                    <a:pt x="368" y="74"/>
                  </a:lnTo>
                  <a:lnTo>
                    <a:pt x="370" y="74"/>
                  </a:lnTo>
                  <a:lnTo>
                    <a:pt x="372" y="72"/>
                  </a:lnTo>
                  <a:lnTo>
                    <a:pt x="374" y="72"/>
                  </a:lnTo>
                  <a:lnTo>
                    <a:pt x="376" y="72"/>
                  </a:lnTo>
                  <a:lnTo>
                    <a:pt x="376" y="70"/>
                  </a:lnTo>
                  <a:lnTo>
                    <a:pt x="377" y="70"/>
                  </a:lnTo>
                  <a:lnTo>
                    <a:pt x="377" y="68"/>
                  </a:lnTo>
                  <a:lnTo>
                    <a:pt x="379" y="68"/>
                  </a:lnTo>
                  <a:lnTo>
                    <a:pt x="379" y="67"/>
                  </a:lnTo>
                  <a:lnTo>
                    <a:pt x="381" y="67"/>
                  </a:lnTo>
                  <a:lnTo>
                    <a:pt x="381" y="65"/>
                  </a:lnTo>
                  <a:lnTo>
                    <a:pt x="383" y="65"/>
                  </a:lnTo>
                  <a:lnTo>
                    <a:pt x="385" y="65"/>
                  </a:lnTo>
                  <a:lnTo>
                    <a:pt x="387" y="65"/>
                  </a:lnTo>
                  <a:lnTo>
                    <a:pt x="389" y="65"/>
                  </a:lnTo>
                  <a:lnTo>
                    <a:pt x="390" y="65"/>
                  </a:lnTo>
                  <a:lnTo>
                    <a:pt x="392" y="65"/>
                  </a:lnTo>
                  <a:lnTo>
                    <a:pt x="392" y="63"/>
                  </a:lnTo>
                  <a:lnTo>
                    <a:pt x="394" y="63"/>
                  </a:lnTo>
                  <a:lnTo>
                    <a:pt x="396" y="63"/>
                  </a:lnTo>
                  <a:lnTo>
                    <a:pt x="398" y="63"/>
                  </a:lnTo>
                  <a:lnTo>
                    <a:pt x="400" y="63"/>
                  </a:lnTo>
                  <a:lnTo>
                    <a:pt x="402" y="63"/>
                  </a:lnTo>
                  <a:lnTo>
                    <a:pt x="402" y="61"/>
                  </a:lnTo>
                  <a:lnTo>
                    <a:pt x="403" y="61"/>
                  </a:lnTo>
                  <a:lnTo>
                    <a:pt x="403" y="59"/>
                  </a:lnTo>
                  <a:lnTo>
                    <a:pt x="405" y="59"/>
                  </a:lnTo>
                  <a:lnTo>
                    <a:pt x="407" y="59"/>
                  </a:lnTo>
                  <a:lnTo>
                    <a:pt x="413" y="57"/>
                  </a:lnTo>
                  <a:lnTo>
                    <a:pt x="414" y="57"/>
                  </a:lnTo>
                  <a:lnTo>
                    <a:pt x="416" y="56"/>
                  </a:lnTo>
                  <a:lnTo>
                    <a:pt x="418" y="56"/>
                  </a:lnTo>
                  <a:lnTo>
                    <a:pt x="420" y="56"/>
                  </a:lnTo>
                  <a:lnTo>
                    <a:pt x="422" y="54"/>
                  </a:lnTo>
                  <a:lnTo>
                    <a:pt x="424" y="54"/>
                  </a:lnTo>
                  <a:lnTo>
                    <a:pt x="424" y="52"/>
                  </a:lnTo>
                  <a:lnTo>
                    <a:pt x="427" y="52"/>
                  </a:lnTo>
                  <a:lnTo>
                    <a:pt x="429" y="50"/>
                  </a:lnTo>
                  <a:lnTo>
                    <a:pt x="429" y="48"/>
                  </a:lnTo>
                  <a:lnTo>
                    <a:pt x="431" y="48"/>
                  </a:lnTo>
                  <a:lnTo>
                    <a:pt x="431" y="46"/>
                  </a:lnTo>
                  <a:lnTo>
                    <a:pt x="431" y="48"/>
                  </a:lnTo>
                  <a:lnTo>
                    <a:pt x="431" y="46"/>
                  </a:lnTo>
                  <a:lnTo>
                    <a:pt x="433" y="46"/>
                  </a:lnTo>
                  <a:lnTo>
                    <a:pt x="433" y="44"/>
                  </a:lnTo>
                  <a:lnTo>
                    <a:pt x="435" y="44"/>
                  </a:lnTo>
                  <a:lnTo>
                    <a:pt x="435" y="43"/>
                  </a:lnTo>
                  <a:lnTo>
                    <a:pt x="435" y="44"/>
                  </a:lnTo>
                  <a:lnTo>
                    <a:pt x="435" y="43"/>
                  </a:lnTo>
                  <a:lnTo>
                    <a:pt x="437" y="43"/>
                  </a:lnTo>
                  <a:lnTo>
                    <a:pt x="435" y="43"/>
                  </a:lnTo>
                  <a:lnTo>
                    <a:pt x="437" y="43"/>
                  </a:lnTo>
                  <a:lnTo>
                    <a:pt x="437" y="41"/>
                  </a:lnTo>
                  <a:lnTo>
                    <a:pt x="438" y="41"/>
                  </a:lnTo>
                  <a:lnTo>
                    <a:pt x="440" y="41"/>
                  </a:lnTo>
                  <a:lnTo>
                    <a:pt x="442" y="41"/>
                  </a:lnTo>
                  <a:lnTo>
                    <a:pt x="444" y="41"/>
                  </a:lnTo>
                  <a:lnTo>
                    <a:pt x="446" y="41"/>
                  </a:lnTo>
                  <a:lnTo>
                    <a:pt x="446" y="39"/>
                  </a:lnTo>
                  <a:lnTo>
                    <a:pt x="448" y="39"/>
                  </a:lnTo>
                  <a:lnTo>
                    <a:pt x="448" y="37"/>
                  </a:lnTo>
                  <a:lnTo>
                    <a:pt x="450" y="37"/>
                  </a:lnTo>
                  <a:lnTo>
                    <a:pt x="451" y="37"/>
                  </a:lnTo>
                  <a:lnTo>
                    <a:pt x="451" y="35"/>
                  </a:lnTo>
                  <a:lnTo>
                    <a:pt x="451" y="37"/>
                  </a:lnTo>
                  <a:lnTo>
                    <a:pt x="453" y="37"/>
                  </a:lnTo>
                  <a:lnTo>
                    <a:pt x="455" y="37"/>
                  </a:lnTo>
                  <a:lnTo>
                    <a:pt x="457" y="37"/>
                  </a:lnTo>
                  <a:lnTo>
                    <a:pt x="457" y="35"/>
                  </a:lnTo>
                  <a:lnTo>
                    <a:pt x="459" y="35"/>
                  </a:lnTo>
                  <a:lnTo>
                    <a:pt x="459" y="33"/>
                  </a:lnTo>
                  <a:lnTo>
                    <a:pt x="461" y="33"/>
                  </a:lnTo>
                  <a:lnTo>
                    <a:pt x="463" y="31"/>
                  </a:lnTo>
                  <a:lnTo>
                    <a:pt x="464" y="31"/>
                  </a:lnTo>
                  <a:lnTo>
                    <a:pt x="466" y="31"/>
                  </a:lnTo>
                  <a:lnTo>
                    <a:pt x="466" y="30"/>
                  </a:lnTo>
                  <a:lnTo>
                    <a:pt x="464" y="30"/>
                  </a:lnTo>
                  <a:lnTo>
                    <a:pt x="463" y="28"/>
                  </a:lnTo>
                  <a:lnTo>
                    <a:pt x="463" y="26"/>
                  </a:lnTo>
                  <a:lnTo>
                    <a:pt x="461" y="26"/>
                  </a:lnTo>
                  <a:lnTo>
                    <a:pt x="461" y="24"/>
                  </a:lnTo>
                  <a:lnTo>
                    <a:pt x="461" y="22"/>
                  </a:lnTo>
                  <a:lnTo>
                    <a:pt x="461" y="20"/>
                  </a:lnTo>
                  <a:lnTo>
                    <a:pt x="461" y="19"/>
                  </a:lnTo>
                  <a:lnTo>
                    <a:pt x="459" y="19"/>
                  </a:lnTo>
                  <a:lnTo>
                    <a:pt x="461" y="19"/>
                  </a:lnTo>
                  <a:lnTo>
                    <a:pt x="459" y="19"/>
                  </a:lnTo>
                  <a:lnTo>
                    <a:pt x="459" y="17"/>
                  </a:lnTo>
                  <a:lnTo>
                    <a:pt x="459" y="15"/>
                  </a:lnTo>
                  <a:lnTo>
                    <a:pt x="461" y="15"/>
                  </a:lnTo>
                  <a:lnTo>
                    <a:pt x="461" y="13"/>
                  </a:lnTo>
                  <a:lnTo>
                    <a:pt x="463" y="11"/>
                  </a:lnTo>
                  <a:lnTo>
                    <a:pt x="463" y="9"/>
                  </a:lnTo>
                  <a:lnTo>
                    <a:pt x="464" y="9"/>
                  </a:lnTo>
                  <a:lnTo>
                    <a:pt x="464" y="7"/>
                  </a:lnTo>
                  <a:lnTo>
                    <a:pt x="466" y="7"/>
                  </a:lnTo>
                  <a:lnTo>
                    <a:pt x="464" y="6"/>
                  </a:lnTo>
                  <a:lnTo>
                    <a:pt x="468" y="4"/>
                  </a:lnTo>
                  <a:lnTo>
                    <a:pt x="470" y="2"/>
                  </a:lnTo>
                  <a:lnTo>
                    <a:pt x="475" y="2"/>
                  </a:lnTo>
                  <a:lnTo>
                    <a:pt x="477" y="2"/>
                  </a:lnTo>
                  <a:lnTo>
                    <a:pt x="479" y="2"/>
                  </a:lnTo>
                  <a:lnTo>
                    <a:pt x="481" y="0"/>
                  </a:lnTo>
                  <a:lnTo>
                    <a:pt x="483" y="0"/>
                  </a:lnTo>
                  <a:lnTo>
                    <a:pt x="483" y="2"/>
                  </a:lnTo>
                  <a:lnTo>
                    <a:pt x="485" y="2"/>
                  </a:lnTo>
                  <a:lnTo>
                    <a:pt x="485" y="4"/>
                  </a:lnTo>
                  <a:lnTo>
                    <a:pt x="487" y="4"/>
                  </a:lnTo>
                  <a:lnTo>
                    <a:pt x="488" y="4"/>
                  </a:lnTo>
                  <a:lnTo>
                    <a:pt x="487" y="4"/>
                  </a:lnTo>
                  <a:lnTo>
                    <a:pt x="488" y="6"/>
                  </a:lnTo>
                  <a:lnTo>
                    <a:pt x="487" y="6"/>
                  </a:lnTo>
                  <a:lnTo>
                    <a:pt x="488" y="6"/>
                  </a:lnTo>
                  <a:lnTo>
                    <a:pt x="488" y="7"/>
                  </a:lnTo>
                  <a:lnTo>
                    <a:pt x="488" y="9"/>
                  </a:lnTo>
                  <a:lnTo>
                    <a:pt x="487" y="9"/>
                  </a:lnTo>
                  <a:lnTo>
                    <a:pt x="487" y="11"/>
                  </a:lnTo>
                  <a:lnTo>
                    <a:pt x="488" y="13"/>
                  </a:lnTo>
                  <a:lnTo>
                    <a:pt x="488" y="11"/>
                  </a:lnTo>
                  <a:lnTo>
                    <a:pt x="488" y="13"/>
                  </a:lnTo>
                  <a:lnTo>
                    <a:pt x="488" y="11"/>
                  </a:lnTo>
                  <a:lnTo>
                    <a:pt x="490" y="11"/>
                  </a:lnTo>
                  <a:lnTo>
                    <a:pt x="492" y="9"/>
                  </a:lnTo>
                  <a:lnTo>
                    <a:pt x="494" y="9"/>
                  </a:lnTo>
                  <a:lnTo>
                    <a:pt x="496" y="9"/>
                  </a:lnTo>
                  <a:lnTo>
                    <a:pt x="496" y="11"/>
                  </a:lnTo>
                  <a:lnTo>
                    <a:pt x="498" y="11"/>
                  </a:lnTo>
                  <a:lnTo>
                    <a:pt x="498" y="9"/>
                  </a:lnTo>
                  <a:lnTo>
                    <a:pt x="498" y="11"/>
                  </a:lnTo>
                  <a:lnTo>
                    <a:pt x="498" y="9"/>
                  </a:lnTo>
                  <a:lnTo>
                    <a:pt x="499" y="9"/>
                  </a:lnTo>
                  <a:lnTo>
                    <a:pt x="501" y="9"/>
                  </a:lnTo>
                  <a:lnTo>
                    <a:pt x="501" y="7"/>
                  </a:lnTo>
                  <a:lnTo>
                    <a:pt x="503" y="7"/>
                  </a:lnTo>
                  <a:lnTo>
                    <a:pt x="505" y="9"/>
                  </a:lnTo>
                  <a:lnTo>
                    <a:pt x="507" y="11"/>
                  </a:lnTo>
                  <a:lnTo>
                    <a:pt x="509" y="11"/>
                  </a:lnTo>
                  <a:lnTo>
                    <a:pt x="511" y="11"/>
                  </a:lnTo>
                  <a:lnTo>
                    <a:pt x="512" y="11"/>
                  </a:lnTo>
                  <a:lnTo>
                    <a:pt x="514" y="11"/>
                  </a:lnTo>
                  <a:lnTo>
                    <a:pt x="518" y="11"/>
                  </a:lnTo>
                  <a:lnTo>
                    <a:pt x="520" y="11"/>
                  </a:lnTo>
                  <a:lnTo>
                    <a:pt x="522" y="11"/>
                  </a:lnTo>
                  <a:lnTo>
                    <a:pt x="524" y="11"/>
                  </a:lnTo>
                  <a:lnTo>
                    <a:pt x="525" y="11"/>
                  </a:lnTo>
                  <a:lnTo>
                    <a:pt x="527" y="11"/>
                  </a:lnTo>
                  <a:lnTo>
                    <a:pt x="529" y="11"/>
                  </a:lnTo>
                  <a:lnTo>
                    <a:pt x="529" y="13"/>
                  </a:lnTo>
                  <a:lnTo>
                    <a:pt x="531" y="13"/>
                  </a:lnTo>
                  <a:lnTo>
                    <a:pt x="533" y="11"/>
                  </a:lnTo>
                  <a:lnTo>
                    <a:pt x="533" y="13"/>
                  </a:lnTo>
                  <a:lnTo>
                    <a:pt x="535" y="13"/>
                  </a:lnTo>
                  <a:lnTo>
                    <a:pt x="535" y="11"/>
                  </a:lnTo>
                  <a:lnTo>
                    <a:pt x="535" y="13"/>
                  </a:lnTo>
                  <a:lnTo>
                    <a:pt x="536" y="13"/>
                  </a:lnTo>
                  <a:lnTo>
                    <a:pt x="535" y="13"/>
                  </a:lnTo>
                  <a:lnTo>
                    <a:pt x="536" y="13"/>
                  </a:lnTo>
                  <a:lnTo>
                    <a:pt x="538" y="13"/>
                  </a:lnTo>
                  <a:lnTo>
                    <a:pt x="538" y="15"/>
                  </a:lnTo>
                  <a:lnTo>
                    <a:pt x="542" y="17"/>
                  </a:lnTo>
                  <a:lnTo>
                    <a:pt x="544" y="17"/>
                  </a:lnTo>
                  <a:lnTo>
                    <a:pt x="544" y="19"/>
                  </a:lnTo>
                  <a:lnTo>
                    <a:pt x="546" y="19"/>
                  </a:lnTo>
                  <a:lnTo>
                    <a:pt x="546" y="17"/>
                  </a:lnTo>
                  <a:lnTo>
                    <a:pt x="546" y="19"/>
                  </a:lnTo>
                  <a:lnTo>
                    <a:pt x="548" y="20"/>
                  </a:lnTo>
                  <a:lnTo>
                    <a:pt x="546" y="20"/>
                  </a:lnTo>
                  <a:lnTo>
                    <a:pt x="548" y="22"/>
                  </a:lnTo>
                  <a:lnTo>
                    <a:pt x="549" y="22"/>
                  </a:lnTo>
                  <a:lnTo>
                    <a:pt x="549" y="20"/>
                  </a:lnTo>
                  <a:lnTo>
                    <a:pt x="551" y="20"/>
                  </a:lnTo>
                  <a:lnTo>
                    <a:pt x="553" y="19"/>
                  </a:lnTo>
                  <a:lnTo>
                    <a:pt x="555" y="19"/>
                  </a:lnTo>
                  <a:lnTo>
                    <a:pt x="557" y="19"/>
                  </a:lnTo>
                  <a:lnTo>
                    <a:pt x="557" y="20"/>
                  </a:lnTo>
                  <a:lnTo>
                    <a:pt x="557" y="22"/>
                  </a:lnTo>
                  <a:lnTo>
                    <a:pt x="557" y="20"/>
                  </a:lnTo>
                  <a:lnTo>
                    <a:pt x="557" y="22"/>
                  </a:lnTo>
                  <a:lnTo>
                    <a:pt x="557" y="24"/>
                  </a:lnTo>
                  <a:lnTo>
                    <a:pt x="559" y="24"/>
                  </a:lnTo>
                  <a:lnTo>
                    <a:pt x="560" y="24"/>
                  </a:lnTo>
                  <a:lnTo>
                    <a:pt x="560" y="26"/>
                  </a:lnTo>
                  <a:lnTo>
                    <a:pt x="560" y="24"/>
                  </a:lnTo>
                  <a:lnTo>
                    <a:pt x="560" y="26"/>
                  </a:lnTo>
                  <a:lnTo>
                    <a:pt x="562" y="26"/>
                  </a:lnTo>
                  <a:lnTo>
                    <a:pt x="562" y="28"/>
                  </a:lnTo>
                  <a:lnTo>
                    <a:pt x="564" y="28"/>
                  </a:lnTo>
                  <a:lnTo>
                    <a:pt x="564" y="30"/>
                  </a:lnTo>
                  <a:lnTo>
                    <a:pt x="566" y="30"/>
                  </a:lnTo>
                  <a:lnTo>
                    <a:pt x="568" y="31"/>
                  </a:lnTo>
                  <a:lnTo>
                    <a:pt x="570" y="31"/>
                  </a:lnTo>
                  <a:lnTo>
                    <a:pt x="572" y="31"/>
                  </a:lnTo>
                  <a:lnTo>
                    <a:pt x="572" y="33"/>
                  </a:lnTo>
                  <a:lnTo>
                    <a:pt x="573" y="33"/>
                  </a:lnTo>
                  <a:lnTo>
                    <a:pt x="573" y="35"/>
                  </a:lnTo>
                  <a:lnTo>
                    <a:pt x="575" y="35"/>
                  </a:lnTo>
                  <a:lnTo>
                    <a:pt x="577" y="37"/>
                  </a:lnTo>
                  <a:lnTo>
                    <a:pt x="579" y="37"/>
                  </a:lnTo>
                  <a:lnTo>
                    <a:pt x="579" y="39"/>
                  </a:lnTo>
                  <a:lnTo>
                    <a:pt x="581" y="39"/>
                  </a:lnTo>
                  <a:lnTo>
                    <a:pt x="583" y="39"/>
                  </a:lnTo>
                  <a:lnTo>
                    <a:pt x="585" y="41"/>
                  </a:lnTo>
                  <a:lnTo>
                    <a:pt x="586" y="41"/>
                  </a:lnTo>
                  <a:lnTo>
                    <a:pt x="588" y="41"/>
                  </a:lnTo>
                  <a:lnTo>
                    <a:pt x="590" y="41"/>
                  </a:lnTo>
                  <a:lnTo>
                    <a:pt x="592" y="41"/>
                  </a:lnTo>
                  <a:lnTo>
                    <a:pt x="592" y="43"/>
                  </a:lnTo>
                  <a:lnTo>
                    <a:pt x="594" y="43"/>
                  </a:lnTo>
                  <a:lnTo>
                    <a:pt x="596" y="44"/>
                  </a:lnTo>
                  <a:lnTo>
                    <a:pt x="597" y="44"/>
                  </a:lnTo>
                  <a:lnTo>
                    <a:pt x="599" y="44"/>
                  </a:lnTo>
                  <a:lnTo>
                    <a:pt x="599" y="46"/>
                  </a:lnTo>
                  <a:lnTo>
                    <a:pt x="601" y="46"/>
                  </a:lnTo>
                  <a:lnTo>
                    <a:pt x="603" y="46"/>
                  </a:lnTo>
                  <a:lnTo>
                    <a:pt x="603" y="48"/>
                  </a:lnTo>
                  <a:lnTo>
                    <a:pt x="605" y="48"/>
                  </a:lnTo>
                  <a:lnTo>
                    <a:pt x="605" y="50"/>
                  </a:lnTo>
                  <a:lnTo>
                    <a:pt x="605" y="52"/>
                  </a:lnTo>
                  <a:lnTo>
                    <a:pt x="603" y="52"/>
                  </a:lnTo>
                  <a:lnTo>
                    <a:pt x="605" y="54"/>
                  </a:lnTo>
                  <a:lnTo>
                    <a:pt x="603" y="56"/>
                  </a:lnTo>
                  <a:lnTo>
                    <a:pt x="603" y="57"/>
                  </a:lnTo>
                  <a:lnTo>
                    <a:pt x="601" y="57"/>
                  </a:lnTo>
                  <a:lnTo>
                    <a:pt x="599" y="57"/>
                  </a:lnTo>
                  <a:lnTo>
                    <a:pt x="597" y="59"/>
                  </a:lnTo>
                  <a:lnTo>
                    <a:pt x="596" y="59"/>
                  </a:lnTo>
                  <a:lnTo>
                    <a:pt x="594" y="59"/>
                  </a:lnTo>
                  <a:lnTo>
                    <a:pt x="592" y="59"/>
                  </a:lnTo>
                  <a:lnTo>
                    <a:pt x="592" y="61"/>
                  </a:lnTo>
                  <a:lnTo>
                    <a:pt x="590" y="61"/>
                  </a:lnTo>
                  <a:lnTo>
                    <a:pt x="588" y="61"/>
                  </a:lnTo>
                  <a:lnTo>
                    <a:pt x="586" y="61"/>
                  </a:lnTo>
                  <a:lnTo>
                    <a:pt x="585" y="61"/>
                  </a:lnTo>
                  <a:lnTo>
                    <a:pt x="585" y="63"/>
                  </a:lnTo>
                  <a:lnTo>
                    <a:pt x="583" y="63"/>
                  </a:lnTo>
                  <a:lnTo>
                    <a:pt x="581" y="63"/>
                  </a:lnTo>
                  <a:lnTo>
                    <a:pt x="579" y="63"/>
                  </a:lnTo>
                  <a:lnTo>
                    <a:pt x="577" y="63"/>
                  </a:lnTo>
                  <a:lnTo>
                    <a:pt x="575" y="63"/>
                  </a:lnTo>
                  <a:lnTo>
                    <a:pt x="575" y="65"/>
                  </a:lnTo>
                  <a:lnTo>
                    <a:pt x="575" y="63"/>
                  </a:lnTo>
                  <a:lnTo>
                    <a:pt x="573" y="65"/>
                  </a:lnTo>
                  <a:lnTo>
                    <a:pt x="572" y="65"/>
                  </a:lnTo>
                  <a:lnTo>
                    <a:pt x="572" y="63"/>
                  </a:lnTo>
                  <a:lnTo>
                    <a:pt x="570" y="63"/>
                  </a:lnTo>
                  <a:lnTo>
                    <a:pt x="568" y="63"/>
                  </a:lnTo>
                  <a:lnTo>
                    <a:pt x="568" y="65"/>
                  </a:lnTo>
                  <a:lnTo>
                    <a:pt x="566" y="65"/>
                  </a:lnTo>
                  <a:lnTo>
                    <a:pt x="564" y="65"/>
                  </a:lnTo>
                  <a:lnTo>
                    <a:pt x="564" y="67"/>
                  </a:lnTo>
                  <a:lnTo>
                    <a:pt x="562" y="67"/>
                  </a:lnTo>
                  <a:lnTo>
                    <a:pt x="560" y="67"/>
                  </a:lnTo>
                  <a:lnTo>
                    <a:pt x="560" y="68"/>
                  </a:lnTo>
                  <a:lnTo>
                    <a:pt x="559" y="68"/>
                  </a:lnTo>
                  <a:lnTo>
                    <a:pt x="557" y="68"/>
                  </a:lnTo>
                  <a:lnTo>
                    <a:pt x="555" y="68"/>
                  </a:lnTo>
                  <a:lnTo>
                    <a:pt x="553" y="70"/>
                  </a:lnTo>
                  <a:lnTo>
                    <a:pt x="553" y="68"/>
                  </a:lnTo>
                  <a:lnTo>
                    <a:pt x="553" y="67"/>
                  </a:lnTo>
                  <a:lnTo>
                    <a:pt x="551" y="67"/>
                  </a:lnTo>
                  <a:lnTo>
                    <a:pt x="549" y="67"/>
                  </a:lnTo>
                  <a:lnTo>
                    <a:pt x="549" y="68"/>
                  </a:lnTo>
                  <a:lnTo>
                    <a:pt x="548" y="68"/>
                  </a:lnTo>
                  <a:lnTo>
                    <a:pt x="546" y="68"/>
                  </a:lnTo>
                  <a:lnTo>
                    <a:pt x="544" y="68"/>
                  </a:lnTo>
                  <a:lnTo>
                    <a:pt x="542" y="68"/>
                  </a:lnTo>
                  <a:lnTo>
                    <a:pt x="540" y="68"/>
                  </a:lnTo>
                  <a:lnTo>
                    <a:pt x="538" y="68"/>
                  </a:lnTo>
                  <a:lnTo>
                    <a:pt x="536" y="68"/>
                  </a:lnTo>
                  <a:lnTo>
                    <a:pt x="535" y="68"/>
                  </a:lnTo>
                  <a:lnTo>
                    <a:pt x="535" y="70"/>
                  </a:lnTo>
                  <a:lnTo>
                    <a:pt x="533" y="70"/>
                  </a:lnTo>
                  <a:lnTo>
                    <a:pt x="531" y="70"/>
                  </a:lnTo>
                  <a:lnTo>
                    <a:pt x="529" y="70"/>
                  </a:lnTo>
                  <a:lnTo>
                    <a:pt x="527" y="70"/>
                  </a:lnTo>
                  <a:lnTo>
                    <a:pt x="525" y="70"/>
                  </a:lnTo>
                  <a:lnTo>
                    <a:pt x="524" y="70"/>
                  </a:lnTo>
                  <a:lnTo>
                    <a:pt x="522" y="70"/>
                  </a:lnTo>
                  <a:lnTo>
                    <a:pt x="522" y="68"/>
                  </a:lnTo>
                  <a:lnTo>
                    <a:pt x="522" y="67"/>
                  </a:lnTo>
                  <a:lnTo>
                    <a:pt x="522" y="65"/>
                  </a:lnTo>
                  <a:lnTo>
                    <a:pt x="520" y="65"/>
                  </a:lnTo>
                  <a:lnTo>
                    <a:pt x="520" y="63"/>
                  </a:lnTo>
                  <a:lnTo>
                    <a:pt x="520" y="61"/>
                  </a:lnTo>
                  <a:lnTo>
                    <a:pt x="518" y="61"/>
                  </a:lnTo>
                  <a:lnTo>
                    <a:pt x="516" y="61"/>
                  </a:lnTo>
                  <a:lnTo>
                    <a:pt x="514" y="63"/>
                  </a:lnTo>
                  <a:lnTo>
                    <a:pt x="514" y="65"/>
                  </a:lnTo>
                  <a:lnTo>
                    <a:pt x="512" y="65"/>
                  </a:lnTo>
                  <a:lnTo>
                    <a:pt x="511" y="65"/>
                  </a:lnTo>
                  <a:lnTo>
                    <a:pt x="511" y="67"/>
                  </a:lnTo>
                  <a:lnTo>
                    <a:pt x="511" y="68"/>
                  </a:lnTo>
                  <a:lnTo>
                    <a:pt x="509" y="68"/>
                  </a:lnTo>
                  <a:lnTo>
                    <a:pt x="509" y="70"/>
                  </a:lnTo>
                  <a:lnTo>
                    <a:pt x="507" y="70"/>
                  </a:lnTo>
                  <a:lnTo>
                    <a:pt x="507" y="72"/>
                  </a:lnTo>
                  <a:lnTo>
                    <a:pt x="505" y="72"/>
                  </a:lnTo>
                  <a:lnTo>
                    <a:pt x="505" y="74"/>
                  </a:lnTo>
                  <a:lnTo>
                    <a:pt x="507" y="76"/>
                  </a:lnTo>
                  <a:lnTo>
                    <a:pt x="505" y="76"/>
                  </a:lnTo>
                  <a:close/>
                  <a:moveTo>
                    <a:pt x="581" y="50"/>
                  </a:moveTo>
                  <a:lnTo>
                    <a:pt x="579" y="50"/>
                  </a:lnTo>
                  <a:lnTo>
                    <a:pt x="581" y="50"/>
                  </a:lnTo>
                  <a:close/>
                  <a:moveTo>
                    <a:pt x="237" y="176"/>
                  </a:moveTo>
                  <a:lnTo>
                    <a:pt x="237" y="174"/>
                  </a:lnTo>
                  <a:lnTo>
                    <a:pt x="239" y="176"/>
                  </a:lnTo>
                  <a:lnTo>
                    <a:pt x="237" y="176"/>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34" name="Freeform 192"/>
            <p:cNvSpPr>
              <a:spLocks noEditPoints="1"/>
            </p:cNvSpPr>
            <p:nvPr/>
          </p:nvSpPr>
          <p:spPr bwMode="auto">
            <a:xfrm>
              <a:off x="5351918" y="4351635"/>
              <a:ext cx="1154014" cy="1727372"/>
            </a:xfrm>
            <a:custGeom>
              <a:avLst/>
              <a:gdLst>
                <a:gd name="T0" fmla="*/ 119 w 1107"/>
                <a:gd name="T1" fmla="*/ 503 h 1657"/>
                <a:gd name="T2" fmla="*/ 107 w 1107"/>
                <a:gd name="T3" fmla="*/ 412 h 1657"/>
                <a:gd name="T4" fmla="*/ 74 w 1107"/>
                <a:gd name="T5" fmla="*/ 355 h 1657"/>
                <a:gd name="T6" fmla="*/ 13 w 1107"/>
                <a:gd name="T7" fmla="*/ 379 h 1657"/>
                <a:gd name="T8" fmla="*/ 9 w 1107"/>
                <a:gd name="T9" fmla="*/ 324 h 1657"/>
                <a:gd name="T10" fmla="*/ 63 w 1107"/>
                <a:gd name="T11" fmla="*/ 290 h 1657"/>
                <a:gd name="T12" fmla="*/ 130 w 1107"/>
                <a:gd name="T13" fmla="*/ 231 h 1657"/>
                <a:gd name="T14" fmla="*/ 191 w 1107"/>
                <a:gd name="T15" fmla="*/ 189 h 1657"/>
                <a:gd name="T16" fmla="*/ 204 w 1107"/>
                <a:gd name="T17" fmla="*/ 111 h 1657"/>
                <a:gd name="T18" fmla="*/ 274 w 1107"/>
                <a:gd name="T19" fmla="*/ 117 h 1657"/>
                <a:gd name="T20" fmla="*/ 344 w 1107"/>
                <a:gd name="T21" fmla="*/ 133 h 1657"/>
                <a:gd name="T22" fmla="*/ 401 w 1107"/>
                <a:gd name="T23" fmla="*/ 118 h 1657"/>
                <a:gd name="T24" fmla="*/ 464 w 1107"/>
                <a:gd name="T25" fmla="*/ 129 h 1657"/>
                <a:gd name="T26" fmla="*/ 520 w 1107"/>
                <a:gd name="T27" fmla="*/ 122 h 1657"/>
                <a:gd name="T28" fmla="*/ 677 w 1107"/>
                <a:gd name="T29" fmla="*/ 122 h 1657"/>
                <a:gd name="T30" fmla="*/ 740 w 1107"/>
                <a:gd name="T31" fmla="*/ 63 h 1657"/>
                <a:gd name="T32" fmla="*/ 769 w 1107"/>
                <a:gd name="T33" fmla="*/ 24 h 1657"/>
                <a:gd name="T34" fmla="*/ 841 w 1107"/>
                <a:gd name="T35" fmla="*/ 46 h 1657"/>
                <a:gd name="T36" fmla="*/ 924 w 1107"/>
                <a:gd name="T37" fmla="*/ 87 h 1657"/>
                <a:gd name="T38" fmla="*/ 899 w 1107"/>
                <a:gd name="T39" fmla="*/ 148 h 1657"/>
                <a:gd name="T40" fmla="*/ 895 w 1107"/>
                <a:gd name="T41" fmla="*/ 215 h 1657"/>
                <a:gd name="T42" fmla="*/ 923 w 1107"/>
                <a:gd name="T43" fmla="*/ 279 h 1657"/>
                <a:gd name="T44" fmla="*/ 967 w 1107"/>
                <a:gd name="T45" fmla="*/ 309 h 1657"/>
                <a:gd name="T46" fmla="*/ 997 w 1107"/>
                <a:gd name="T47" fmla="*/ 374 h 1657"/>
                <a:gd name="T48" fmla="*/ 1015 w 1107"/>
                <a:gd name="T49" fmla="*/ 448 h 1657"/>
                <a:gd name="T50" fmla="*/ 1000 w 1107"/>
                <a:gd name="T51" fmla="*/ 501 h 1657"/>
                <a:gd name="T52" fmla="*/ 991 w 1107"/>
                <a:gd name="T53" fmla="*/ 573 h 1657"/>
                <a:gd name="T54" fmla="*/ 976 w 1107"/>
                <a:gd name="T55" fmla="*/ 633 h 1657"/>
                <a:gd name="T56" fmla="*/ 956 w 1107"/>
                <a:gd name="T57" fmla="*/ 699 h 1657"/>
                <a:gd name="T58" fmla="*/ 985 w 1107"/>
                <a:gd name="T59" fmla="*/ 810 h 1657"/>
                <a:gd name="T60" fmla="*/ 1052 w 1107"/>
                <a:gd name="T61" fmla="*/ 882 h 1657"/>
                <a:gd name="T62" fmla="*/ 1106 w 1107"/>
                <a:gd name="T63" fmla="*/ 943 h 1657"/>
                <a:gd name="T64" fmla="*/ 1056 w 1107"/>
                <a:gd name="T65" fmla="*/ 1006 h 1657"/>
                <a:gd name="T66" fmla="*/ 991 w 1107"/>
                <a:gd name="T67" fmla="*/ 1041 h 1657"/>
                <a:gd name="T68" fmla="*/ 995 w 1107"/>
                <a:gd name="T69" fmla="*/ 1152 h 1657"/>
                <a:gd name="T70" fmla="*/ 932 w 1107"/>
                <a:gd name="T71" fmla="*/ 1175 h 1657"/>
                <a:gd name="T72" fmla="*/ 915 w 1107"/>
                <a:gd name="T73" fmla="*/ 1247 h 1657"/>
                <a:gd name="T74" fmla="*/ 891 w 1107"/>
                <a:gd name="T75" fmla="*/ 1326 h 1657"/>
                <a:gd name="T76" fmla="*/ 910 w 1107"/>
                <a:gd name="T77" fmla="*/ 1402 h 1657"/>
                <a:gd name="T78" fmla="*/ 963 w 1107"/>
                <a:gd name="T79" fmla="*/ 1446 h 1657"/>
                <a:gd name="T80" fmla="*/ 1011 w 1107"/>
                <a:gd name="T81" fmla="*/ 1502 h 1657"/>
                <a:gd name="T82" fmla="*/ 973 w 1107"/>
                <a:gd name="T83" fmla="*/ 1546 h 1657"/>
                <a:gd name="T84" fmla="*/ 958 w 1107"/>
                <a:gd name="T85" fmla="*/ 1598 h 1657"/>
                <a:gd name="T86" fmla="*/ 939 w 1107"/>
                <a:gd name="T87" fmla="*/ 1650 h 1657"/>
                <a:gd name="T88" fmla="*/ 889 w 1107"/>
                <a:gd name="T89" fmla="*/ 1630 h 1657"/>
                <a:gd name="T90" fmla="*/ 841 w 1107"/>
                <a:gd name="T91" fmla="*/ 1618 h 1657"/>
                <a:gd name="T92" fmla="*/ 778 w 1107"/>
                <a:gd name="T93" fmla="*/ 1630 h 1657"/>
                <a:gd name="T94" fmla="*/ 799 w 1107"/>
                <a:gd name="T95" fmla="*/ 1554 h 1657"/>
                <a:gd name="T96" fmla="*/ 760 w 1107"/>
                <a:gd name="T97" fmla="*/ 1458 h 1657"/>
                <a:gd name="T98" fmla="*/ 706 w 1107"/>
                <a:gd name="T99" fmla="*/ 1372 h 1657"/>
                <a:gd name="T100" fmla="*/ 656 w 1107"/>
                <a:gd name="T101" fmla="*/ 1323 h 1657"/>
                <a:gd name="T102" fmla="*/ 588 w 1107"/>
                <a:gd name="T103" fmla="*/ 1300 h 1657"/>
                <a:gd name="T104" fmla="*/ 679 w 1107"/>
                <a:gd name="T105" fmla="*/ 1151 h 1657"/>
                <a:gd name="T106" fmla="*/ 595 w 1107"/>
                <a:gd name="T107" fmla="*/ 1099 h 1657"/>
                <a:gd name="T108" fmla="*/ 444 w 1107"/>
                <a:gd name="T109" fmla="*/ 1088 h 1657"/>
                <a:gd name="T110" fmla="*/ 390 w 1107"/>
                <a:gd name="T111" fmla="*/ 1051 h 1657"/>
                <a:gd name="T112" fmla="*/ 333 w 1107"/>
                <a:gd name="T113" fmla="*/ 1041 h 1657"/>
                <a:gd name="T114" fmla="*/ 316 w 1107"/>
                <a:gd name="T115" fmla="*/ 986 h 1657"/>
                <a:gd name="T116" fmla="*/ 263 w 1107"/>
                <a:gd name="T117" fmla="*/ 923 h 1657"/>
                <a:gd name="T118" fmla="*/ 185 w 1107"/>
                <a:gd name="T119" fmla="*/ 843 h 1657"/>
                <a:gd name="T120" fmla="*/ 91 w 1107"/>
                <a:gd name="T121" fmla="*/ 790 h 1657"/>
                <a:gd name="T122" fmla="*/ 82 w 1107"/>
                <a:gd name="T123" fmla="*/ 681 h 1657"/>
                <a:gd name="T124" fmla="*/ 120 w 1107"/>
                <a:gd name="T125" fmla="*/ 618 h 16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07" h="1657">
                  <a:moveTo>
                    <a:pt x="119" y="599"/>
                  </a:moveTo>
                  <a:lnTo>
                    <a:pt x="119" y="597"/>
                  </a:lnTo>
                  <a:lnTo>
                    <a:pt x="119" y="596"/>
                  </a:lnTo>
                  <a:lnTo>
                    <a:pt x="119" y="594"/>
                  </a:lnTo>
                  <a:lnTo>
                    <a:pt x="119" y="592"/>
                  </a:lnTo>
                  <a:lnTo>
                    <a:pt x="117" y="590"/>
                  </a:lnTo>
                  <a:lnTo>
                    <a:pt x="117" y="586"/>
                  </a:lnTo>
                  <a:lnTo>
                    <a:pt x="115" y="583"/>
                  </a:lnTo>
                  <a:lnTo>
                    <a:pt x="115" y="581"/>
                  </a:lnTo>
                  <a:lnTo>
                    <a:pt x="115" y="579"/>
                  </a:lnTo>
                  <a:lnTo>
                    <a:pt x="117" y="577"/>
                  </a:lnTo>
                  <a:lnTo>
                    <a:pt x="117" y="575"/>
                  </a:lnTo>
                  <a:lnTo>
                    <a:pt x="119" y="573"/>
                  </a:lnTo>
                  <a:lnTo>
                    <a:pt x="119" y="572"/>
                  </a:lnTo>
                  <a:lnTo>
                    <a:pt x="119" y="570"/>
                  </a:lnTo>
                  <a:lnTo>
                    <a:pt x="120" y="568"/>
                  </a:lnTo>
                  <a:lnTo>
                    <a:pt x="122" y="568"/>
                  </a:lnTo>
                  <a:lnTo>
                    <a:pt x="124" y="566"/>
                  </a:lnTo>
                  <a:lnTo>
                    <a:pt x="126" y="562"/>
                  </a:lnTo>
                  <a:lnTo>
                    <a:pt x="126" y="560"/>
                  </a:lnTo>
                  <a:lnTo>
                    <a:pt x="126" y="559"/>
                  </a:lnTo>
                  <a:lnTo>
                    <a:pt x="124" y="559"/>
                  </a:lnTo>
                  <a:lnTo>
                    <a:pt x="124" y="557"/>
                  </a:lnTo>
                  <a:lnTo>
                    <a:pt x="124" y="555"/>
                  </a:lnTo>
                  <a:lnTo>
                    <a:pt x="124" y="553"/>
                  </a:lnTo>
                  <a:lnTo>
                    <a:pt x="124" y="551"/>
                  </a:lnTo>
                  <a:lnTo>
                    <a:pt x="122" y="549"/>
                  </a:lnTo>
                  <a:lnTo>
                    <a:pt x="122" y="547"/>
                  </a:lnTo>
                  <a:lnTo>
                    <a:pt x="122" y="546"/>
                  </a:lnTo>
                  <a:lnTo>
                    <a:pt x="122" y="540"/>
                  </a:lnTo>
                  <a:lnTo>
                    <a:pt x="122" y="538"/>
                  </a:lnTo>
                  <a:lnTo>
                    <a:pt x="120" y="535"/>
                  </a:lnTo>
                  <a:lnTo>
                    <a:pt x="120" y="531"/>
                  </a:lnTo>
                  <a:lnTo>
                    <a:pt x="120" y="529"/>
                  </a:lnTo>
                  <a:lnTo>
                    <a:pt x="120" y="527"/>
                  </a:lnTo>
                  <a:lnTo>
                    <a:pt x="120" y="525"/>
                  </a:lnTo>
                  <a:lnTo>
                    <a:pt x="119" y="522"/>
                  </a:lnTo>
                  <a:lnTo>
                    <a:pt x="119" y="520"/>
                  </a:lnTo>
                  <a:lnTo>
                    <a:pt x="117" y="518"/>
                  </a:lnTo>
                  <a:lnTo>
                    <a:pt x="115" y="516"/>
                  </a:lnTo>
                  <a:lnTo>
                    <a:pt x="115" y="514"/>
                  </a:lnTo>
                  <a:lnTo>
                    <a:pt x="115" y="512"/>
                  </a:lnTo>
                  <a:lnTo>
                    <a:pt x="113" y="512"/>
                  </a:lnTo>
                  <a:lnTo>
                    <a:pt x="113" y="509"/>
                  </a:lnTo>
                  <a:lnTo>
                    <a:pt x="115" y="507"/>
                  </a:lnTo>
                  <a:lnTo>
                    <a:pt x="117" y="505"/>
                  </a:lnTo>
                  <a:lnTo>
                    <a:pt x="119" y="503"/>
                  </a:lnTo>
                  <a:lnTo>
                    <a:pt x="120" y="501"/>
                  </a:lnTo>
                  <a:lnTo>
                    <a:pt x="120" y="498"/>
                  </a:lnTo>
                  <a:lnTo>
                    <a:pt x="122" y="498"/>
                  </a:lnTo>
                  <a:lnTo>
                    <a:pt x="124" y="496"/>
                  </a:lnTo>
                  <a:lnTo>
                    <a:pt x="126" y="494"/>
                  </a:lnTo>
                  <a:lnTo>
                    <a:pt x="128" y="492"/>
                  </a:lnTo>
                  <a:lnTo>
                    <a:pt x="126" y="490"/>
                  </a:lnTo>
                  <a:lnTo>
                    <a:pt x="120" y="485"/>
                  </a:lnTo>
                  <a:lnTo>
                    <a:pt x="119" y="481"/>
                  </a:lnTo>
                  <a:lnTo>
                    <a:pt x="117" y="479"/>
                  </a:lnTo>
                  <a:lnTo>
                    <a:pt x="117" y="475"/>
                  </a:lnTo>
                  <a:lnTo>
                    <a:pt x="115" y="474"/>
                  </a:lnTo>
                  <a:lnTo>
                    <a:pt x="117" y="472"/>
                  </a:lnTo>
                  <a:lnTo>
                    <a:pt x="117" y="470"/>
                  </a:lnTo>
                  <a:lnTo>
                    <a:pt x="119" y="468"/>
                  </a:lnTo>
                  <a:lnTo>
                    <a:pt x="120" y="466"/>
                  </a:lnTo>
                  <a:lnTo>
                    <a:pt x="122" y="464"/>
                  </a:lnTo>
                  <a:lnTo>
                    <a:pt x="122" y="461"/>
                  </a:lnTo>
                  <a:lnTo>
                    <a:pt x="122" y="459"/>
                  </a:lnTo>
                  <a:lnTo>
                    <a:pt x="120" y="457"/>
                  </a:lnTo>
                  <a:lnTo>
                    <a:pt x="119" y="455"/>
                  </a:lnTo>
                  <a:lnTo>
                    <a:pt x="119" y="453"/>
                  </a:lnTo>
                  <a:lnTo>
                    <a:pt x="117" y="451"/>
                  </a:lnTo>
                  <a:lnTo>
                    <a:pt x="117" y="449"/>
                  </a:lnTo>
                  <a:lnTo>
                    <a:pt x="115" y="448"/>
                  </a:lnTo>
                  <a:lnTo>
                    <a:pt x="113" y="448"/>
                  </a:lnTo>
                  <a:lnTo>
                    <a:pt x="111" y="446"/>
                  </a:lnTo>
                  <a:lnTo>
                    <a:pt x="109" y="444"/>
                  </a:lnTo>
                  <a:lnTo>
                    <a:pt x="107" y="444"/>
                  </a:lnTo>
                  <a:lnTo>
                    <a:pt x="107" y="440"/>
                  </a:lnTo>
                  <a:lnTo>
                    <a:pt x="107" y="438"/>
                  </a:lnTo>
                  <a:lnTo>
                    <a:pt x="106" y="438"/>
                  </a:lnTo>
                  <a:lnTo>
                    <a:pt x="106" y="435"/>
                  </a:lnTo>
                  <a:lnTo>
                    <a:pt x="106" y="433"/>
                  </a:lnTo>
                  <a:lnTo>
                    <a:pt x="107" y="433"/>
                  </a:lnTo>
                  <a:lnTo>
                    <a:pt x="107" y="431"/>
                  </a:lnTo>
                  <a:lnTo>
                    <a:pt x="109" y="431"/>
                  </a:lnTo>
                  <a:lnTo>
                    <a:pt x="111" y="429"/>
                  </a:lnTo>
                  <a:lnTo>
                    <a:pt x="111" y="425"/>
                  </a:lnTo>
                  <a:lnTo>
                    <a:pt x="109" y="425"/>
                  </a:lnTo>
                  <a:lnTo>
                    <a:pt x="109" y="424"/>
                  </a:lnTo>
                  <a:lnTo>
                    <a:pt x="111" y="422"/>
                  </a:lnTo>
                  <a:lnTo>
                    <a:pt x="109" y="420"/>
                  </a:lnTo>
                  <a:lnTo>
                    <a:pt x="109" y="418"/>
                  </a:lnTo>
                  <a:lnTo>
                    <a:pt x="107" y="416"/>
                  </a:lnTo>
                  <a:lnTo>
                    <a:pt x="107" y="414"/>
                  </a:lnTo>
                  <a:lnTo>
                    <a:pt x="107" y="412"/>
                  </a:lnTo>
                  <a:lnTo>
                    <a:pt x="109" y="411"/>
                  </a:lnTo>
                  <a:lnTo>
                    <a:pt x="109" y="409"/>
                  </a:lnTo>
                  <a:lnTo>
                    <a:pt x="113" y="407"/>
                  </a:lnTo>
                  <a:lnTo>
                    <a:pt x="115" y="405"/>
                  </a:lnTo>
                  <a:lnTo>
                    <a:pt x="117" y="403"/>
                  </a:lnTo>
                  <a:lnTo>
                    <a:pt x="119" y="400"/>
                  </a:lnTo>
                  <a:lnTo>
                    <a:pt x="119" y="398"/>
                  </a:lnTo>
                  <a:lnTo>
                    <a:pt x="119" y="396"/>
                  </a:lnTo>
                  <a:lnTo>
                    <a:pt x="119" y="394"/>
                  </a:lnTo>
                  <a:lnTo>
                    <a:pt x="117" y="392"/>
                  </a:lnTo>
                  <a:lnTo>
                    <a:pt x="115" y="392"/>
                  </a:lnTo>
                  <a:lnTo>
                    <a:pt x="113" y="392"/>
                  </a:lnTo>
                  <a:lnTo>
                    <a:pt x="113" y="390"/>
                  </a:lnTo>
                  <a:lnTo>
                    <a:pt x="113" y="387"/>
                  </a:lnTo>
                  <a:lnTo>
                    <a:pt x="113" y="385"/>
                  </a:lnTo>
                  <a:lnTo>
                    <a:pt x="113" y="383"/>
                  </a:lnTo>
                  <a:lnTo>
                    <a:pt x="113" y="381"/>
                  </a:lnTo>
                  <a:lnTo>
                    <a:pt x="111" y="381"/>
                  </a:lnTo>
                  <a:lnTo>
                    <a:pt x="111" y="379"/>
                  </a:lnTo>
                  <a:lnTo>
                    <a:pt x="109" y="379"/>
                  </a:lnTo>
                  <a:lnTo>
                    <a:pt x="107" y="379"/>
                  </a:lnTo>
                  <a:lnTo>
                    <a:pt x="107" y="377"/>
                  </a:lnTo>
                  <a:lnTo>
                    <a:pt x="106" y="377"/>
                  </a:lnTo>
                  <a:lnTo>
                    <a:pt x="104" y="377"/>
                  </a:lnTo>
                  <a:lnTo>
                    <a:pt x="104" y="375"/>
                  </a:lnTo>
                  <a:lnTo>
                    <a:pt x="102" y="374"/>
                  </a:lnTo>
                  <a:lnTo>
                    <a:pt x="100" y="372"/>
                  </a:lnTo>
                  <a:lnTo>
                    <a:pt x="100" y="370"/>
                  </a:lnTo>
                  <a:lnTo>
                    <a:pt x="98" y="370"/>
                  </a:lnTo>
                  <a:lnTo>
                    <a:pt x="100" y="368"/>
                  </a:lnTo>
                  <a:lnTo>
                    <a:pt x="100" y="366"/>
                  </a:lnTo>
                  <a:lnTo>
                    <a:pt x="98" y="364"/>
                  </a:lnTo>
                  <a:lnTo>
                    <a:pt x="96" y="359"/>
                  </a:lnTo>
                  <a:lnTo>
                    <a:pt x="91" y="355"/>
                  </a:lnTo>
                  <a:lnTo>
                    <a:pt x="89" y="355"/>
                  </a:lnTo>
                  <a:lnTo>
                    <a:pt x="87" y="355"/>
                  </a:lnTo>
                  <a:lnTo>
                    <a:pt x="85" y="355"/>
                  </a:lnTo>
                  <a:lnTo>
                    <a:pt x="83" y="355"/>
                  </a:lnTo>
                  <a:lnTo>
                    <a:pt x="83" y="357"/>
                  </a:lnTo>
                  <a:lnTo>
                    <a:pt x="82" y="357"/>
                  </a:lnTo>
                  <a:lnTo>
                    <a:pt x="80" y="357"/>
                  </a:lnTo>
                  <a:lnTo>
                    <a:pt x="80" y="355"/>
                  </a:lnTo>
                  <a:lnTo>
                    <a:pt x="80" y="353"/>
                  </a:lnTo>
                  <a:lnTo>
                    <a:pt x="78" y="353"/>
                  </a:lnTo>
                  <a:lnTo>
                    <a:pt x="78" y="355"/>
                  </a:lnTo>
                  <a:lnTo>
                    <a:pt x="76" y="355"/>
                  </a:lnTo>
                  <a:lnTo>
                    <a:pt x="74" y="355"/>
                  </a:lnTo>
                  <a:lnTo>
                    <a:pt x="72" y="355"/>
                  </a:lnTo>
                  <a:lnTo>
                    <a:pt x="70" y="355"/>
                  </a:lnTo>
                  <a:lnTo>
                    <a:pt x="69" y="355"/>
                  </a:lnTo>
                  <a:lnTo>
                    <a:pt x="69" y="357"/>
                  </a:lnTo>
                  <a:lnTo>
                    <a:pt x="67" y="357"/>
                  </a:lnTo>
                  <a:lnTo>
                    <a:pt x="65" y="359"/>
                  </a:lnTo>
                  <a:lnTo>
                    <a:pt x="63" y="359"/>
                  </a:lnTo>
                  <a:lnTo>
                    <a:pt x="61" y="359"/>
                  </a:lnTo>
                  <a:lnTo>
                    <a:pt x="61" y="361"/>
                  </a:lnTo>
                  <a:lnTo>
                    <a:pt x="59" y="361"/>
                  </a:lnTo>
                  <a:lnTo>
                    <a:pt x="58" y="361"/>
                  </a:lnTo>
                  <a:lnTo>
                    <a:pt x="56" y="361"/>
                  </a:lnTo>
                  <a:lnTo>
                    <a:pt x="54" y="361"/>
                  </a:lnTo>
                  <a:lnTo>
                    <a:pt x="54" y="363"/>
                  </a:lnTo>
                  <a:lnTo>
                    <a:pt x="52" y="363"/>
                  </a:lnTo>
                  <a:lnTo>
                    <a:pt x="52" y="364"/>
                  </a:lnTo>
                  <a:lnTo>
                    <a:pt x="50" y="364"/>
                  </a:lnTo>
                  <a:lnTo>
                    <a:pt x="50" y="366"/>
                  </a:lnTo>
                  <a:lnTo>
                    <a:pt x="48" y="366"/>
                  </a:lnTo>
                  <a:lnTo>
                    <a:pt x="46" y="366"/>
                  </a:lnTo>
                  <a:lnTo>
                    <a:pt x="46" y="364"/>
                  </a:lnTo>
                  <a:lnTo>
                    <a:pt x="45" y="364"/>
                  </a:lnTo>
                  <a:lnTo>
                    <a:pt x="43" y="364"/>
                  </a:lnTo>
                  <a:lnTo>
                    <a:pt x="41" y="364"/>
                  </a:lnTo>
                  <a:lnTo>
                    <a:pt x="39" y="364"/>
                  </a:lnTo>
                  <a:lnTo>
                    <a:pt x="39" y="366"/>
                  </a:lnTo>
                  <a:lnTo>
                    <a:pt x="37" y="366"/>
                  </a:lnTo>
                  <a:lnTo>
                    <a:pt x="35" y="366"/>
                  </a:lnTo>
                  <a:lnTo>
                    <a:pt x="33" y="366"/>
                  </a:lnTo>
                  <a:lnTo>
                    <a:pt x="33" y="368"/>
                  </a:lnTo>
                  <a:lnTo>
                    <a:pt x="32" y="368"/>
                  </a:lnTo>
                  <a:lnTo>
                    <a:pt x="32" y="370"/>
                  </a:lnTo>
                  <a:lnTo>
                    <a:pt x="30" y="372"/>
                  </a:lnTo>
                  <a:lnTo>
                    <a:pt x="30" y="374"/>
                  </a:lnTo>
                  <a:lnTo>
                    <a:pt x="28" y="374"/>
                  </a:lnTo>
                  <a:lnTo>
                    <a:pt x="26" y="374"/>
                  </a:lnTo>
                  <a:lnTo>
                    <a:pt x="24" y="374"/>
                  </a:lnTo>
                  <a:lnTo>
                    <a:pt x="22" y="374"/>
                  </a:lnTo>
                  <a:lnTo>
                    <a:pt x="21" y="374"/>
                  </a:lnTo>
                  <a:lnTo>
                    <a:pt x="19" y="374"/>
                  </a:lnTo>
                  <a:lnTo>
                    <a:pt x="19" y="375"/>
                  </a:lnTo>
                  <a:lnTo>
                    <a:pt x="19" y="377"/>
                  </a:lnTo>
                  <a:lnTo>
                    <a:pt x="17" y="377"/>
                  </a:lnTo>
                  <a:lnTo>
                    <a:pt x="17" y="379"/>
                  </a:lnTo>
                  <a:lnTo>
                    <a:pt x="15" y="379"/>
                  </a:lnTo>
                  <a:lnTo>
                    <a:pt x="15" y="381"/>
                  </a:lnTo>
                  <a:lnTo>
                    <a:pt x="13" y="379"/>
                  </a:lnTo>
                  <a:lnTo>
                    <a:pt x="11" y="379"/>
                  </a:lnTo>
                  <a:lnTo>
                    <a:pt x="11" y="377"/>
                  </a:lnTo>
                  <a:lnTo>
                    <a:pt x="11" y="379"/>
                  </a:lnTo>
                  <a:lnTo>
                    <a:pt x="11" y="377"/>
                  </a:lnTo>
                  <a:lnTo>
                    <a:pt x="9" y="377"/>
                  </a:lnTo>
                  <a:lnTo>
                    <a:pt x="9" y="379"/>
                  </a:lnTo>
                  <a:lnTo>
                    <a:pt x="8" y="379"/>
                  </a:lnTo>
                  <a:lnTo>
                    <a:pt x="6" y="381"/>
                  </a:lnTo>
                  <a:lnTo>
                    <a:pt x="6" y="379"/>
                  </a:lnTo>
                  <a:lnTo>
                    <a:pt x="6" y="381"/>
                  </a:lnTo>
                  <a:lnTo>
                    <a:pt x="4" y="381"/>
                  </a:lnTo>
                  <a:lnTo>
                    <a:pt x="4" y="379"/>
                  </a:lnTo>
                  <a:lnTo>
                    <a:pt x="2" y="375"/>
                  </a:lnTo>
                  <a:lnTo>
                    <a:pt x="2" y="374"/>
                  </a:lnTo>
                  <a:lnTo>
                    <a:pt x="2" y="372"/>
                  </a:lnTo>
                  <a:lnTo>
                    <a:pt x="2" y="370"/>
                  </a:lnTo>
                  <a:lnTo>
                    <a:pt x="0" y="364"/>
                  </a:lnTo>
                  <a:lnTo>
                    <a:pt x="0" y="363"/>
                  </a:lnTo>
                  <a:lnTo>
                    <a:pt x="2" y="363"/>
                  </a:lnTo>
                  <a:lnTo>
                    <a:pt x="4" y="361"/>
                  </a:lnTo>
                  <a:lnTo>
                    <a:pt x="6" y="359"/>
                  </a:lnTo>
                  <a:lnTo>
                    <a:pt x="6" y="357"/>
                  </a:lnTo>
                  <a:lnTo>
                    <a:pt x="6" y="355"/>
                  </a:lnTo>
                  <a:lnTo>
                    <a:pt x="6" y="353"/>
                  </a:lnTo>
                  <a:lnTo>
                    <a:pt x="4" y="351"/>
                  </a:lnTo>
                  <a:lnTo>
                    <a:pt x="6" y="351"/>
                  </a:lnTo>
                  <a:lnTo>
                    <a:pt x="8" y="350"/>
                  </a:lnTo>
                  <a:lnTo>
                    <a:pt x="9" y="348"/>
                  </a:lnTo>
                  <a:lnTo>
                    <a:pt x="11" y="348"/>
                  </a:lnTo>
                  <a:lnTo>
                    <a:pt x="13" y="348"/>
                  </a:lnTo>
                  <a:lnTo>
                    <a:pt x="15" y="348"/>
                  </a:lnTo>
                  <a:lnTo>
                    <a:pt x="13" y="346"/>
                  </a:lnTo>
                  <a:lnTo>
                    <a:pt x="13" y="344"/>
                  </a:lnTo>
                  <a:lnTo>
                    <a:pt x="11" y="344"/>
                  </a:lnTo>
                  <a:lnTo>
                    <a:pt x="11" y="342"/>
                  </a:lnTo>
                  <a:lnTo>
                    <a:pt x="9" y="340"/>
                  </a:lnTo>
                  <a:lnTo>
                    <a:pt x="9" y="338"/>
                  </a:lnTo>
                  <a:lnTo>
                    <a:pt x="9" y="337"/>
                  </a:lnTo>
                  <a:lnTo>
                    <a:pt x="8" y="335"/>
                  </a:lnTo>
                  <a:lnTo>
                    <a:pt x="8" y="333"/>
                  </a:lnTo>
                  <a:lnTo>
                    <a:pt x="6" y="331"/>
                  </a:lnTo>
                  <a:lnTo>
                    <a:pt x="6" y="329"/>
                  </a:lnTo>
                  <a:lnTo>
                    <a:pt x="8" y="329"/>
                  </a:lnTo>
                  <a:lnTo>
                    <a:pt x="8" y="327"/>
                  </a:lnTo>
                  <a:lnTo>
                    <a:pt x="8" y="326"/>
                  </a:lnTo>
                  <a:lnTo>
                    <a:pt x="9" y="326"/>
                  </a:lnTo>
                  <a:lnTo>
                    <a:pt x="9" y="324"/>
                  </a:lnTo>
                  <a:lnTo>
                    <a:pt x="11" y="324"/>
                  </a:lnTo>
                  <a:lnTo>
                    <a:pt x="11" y="322"/>
                  </a:lnTo>
                  <a:lnTo>
                    <a:pt x="11" y="320"/>
                  </a:lnTo>
                  <a:lnTo>
                    <a:pt x="11" y="318"/>
                  </a:lnTo>
                  <a:lnTo>
                    <a:pt x="13" y="318"/>
                  </a:lnTo>
                  <a:lnTo>
                    <a:pt x="13" y="316"/>
                  </a:lnTo>
                  <a:lnTo>
                    <a:pt x="15" y="316"/>
                  </a:lnTo>
                  <a:lnTo>
                    <a:pt x="17" y="314"/>
                  </a:lnTo>
                  <a:lnTo>
                    <a:pt x="17" y="313"/>
                  </a:lnTo>
                  <a:lnTo>
                    <a:pt x="17" y="311"/>
                  </a:lnTo>
                  <a:lnTo>
                    <a:pt x="17" y="309"/>
                  </a:lnTo>
                  <a:lnTo>
                    <a:pt x="15" y="305"/>
                  </a:lnTo>
                  <a:lnTo>
                    <a:pt x="13" y="300"/>
                  </a:lnTo>
                  <a:lnTo>
                    <a:pt x="13" y="298"/>
                  </a:lnTo>
                  <a:lnTo>
                    <a:pt x="13" y="296"/>
                  </a:lnTo>
                  <a:lnTo>
                    <a:pt x="13" y="294"/>
                  </a:lnTo>
                  <a:lnTo>
                    <a:pt x="13" y="292"/>
                  </a:lnTo>
                  <a:lnTo>
                    <a:pt x="15" y="292"/>
                  </a:lnTo>
                  <a:lnTo>
                    <a:pt x="17" y="294"/>
                  </a:lnTo>
                  <a:lnTo>
                    <a:pt x="19" y="294"/>
                  </a:lnTo>
                  <a:lnTo>
                    <a:pt x="22" y="294"/>
                  </a:lnTo>
                  <a:lnTo>
                    <a:pt x="24" y="296"/>
                  </a:lnTo>
                  <a:lnTo>
                    <a:pt x="26" y="296"/>
                  </a:lnTo>
                  <a:lnTo>
                    <a:pt x="26" y="298"/>
                  </a:lnTo>
                  <a:lnTo>
                    <a:pt x="28" y="296"/>
                  </a:lnTo>
                  <a:lnTo>
                    <a:pt x="28" y="298"/>
                  </a:lnTo>
                  <a:lnTo>
                    <a:pt x="30" y="296"/>
                  </a:lnTo>
                  <a:lnTo>
                    <a:pt x="33" y="296"/>
                  </a:lnTo>
                  <a:lnTo>
                    <a:pt x="35" y="296"/>
                  </a:lnTo>
                  <a:lnTo>
                    <a:pt x="37" y="296"/>
                  </a:lnTo>
                  <a:lnTo>
                    <a:pt x="39" y="296"/>
                  </a:lnTo>
                  <a:lnTo>
                    <a:pt x="41" y="296"/>
                  </a:lnTo>
                  <a:lnTo>
                    <a:pt x="41" y="294"/>
                  </a:lnTo>
                  <a:lnTo>
                    <a:pt x="43" y="292"/>
                  </a:lnTo>
                  <a:lnTo>
                    <a:pt x="45" y="292"/>
                  </a:lnTo>
                  <a:lnTo>
                    <a:pt x="46" y="294"/>
                  </a:lnTo>
                  <a:lnTo>
                    <a:pt x="48" y="294"/>
                  </a:lnTo>
                  <a:lnTo>
                    <a:pt x="48" y="296"/>
                  </a:lnTo>
                  <a:lnTo>
                    <a:pt x="50" y="296"/>
                  </a:lnTo>
                  <a:lnTo>
                    <a:pt x="52" y="296"/>
                  </a:lnTo>
                  <a:lnTo>
                    <a:pt x="54" y="296"/>
                  </a:lnTo>
                  <a:lnTo>
                    <a:pt x="56" y="294"/>
                  </a:lnTo>
                  <a:lnTo>
                    <a:pt x="58" y="292"/>
                  </a:lnTo>
                  <a:lnTo>
                    <a:pt x="59" y="292"/>
                  </a:lnTo>
                  <a:lnTo>
                    <a:pt x="61" y="292"/>
                  </a:lnTo>
                  <a:lnTo>
                    <a:pt x="63" y="292"/>
                  </a:lnTo>
                  <a:lnTo>
                    <a:pt x="63" y="290"/>
                  </a:lnTo>
                  <a:lnTo>
                    <a:pt x="65" y="290"/>
                  </a:lnTo>
                  <a:lnTo>
                    <a:pt x="67" y="290"/>
                  </a:lnTo>
                  <a:lnTo>
                    <a:pt x="67" y="289"/>
                  </a:lnTo>
                  <a:lnTo>
                    <a:pt x="69" y="289"/>
                  </a:lnTo>
                  <a:lnTo>
                    <a:pt x="69" y="287"/>
                  </a:lnTo>
                  <a:lnTo>
                    <a:pt x="70" y="287"/>
                  </a:lnTo>
                  <a:lnTo>
                    <a:pt x="72" y="287"/>
                  </a:lnTo>
                  <a:lnTo>
                    <a:pt x="74" y="287"/>
                  </a:lnTo>
                  <a:lnTo>
                    <a:pt x="76" y="289"/>
                  </a:lnTo>
                  <a:lnTo>
                    <a:pt x="78" y="289"/>
                  </a:lnTo>
                  <a:lnTo>
                    <a:pt x="80" y="289"/>
                  </a:lnTo>
                  <a:lnTo>
                    <a:pt x="82" y="289"/>
                  </a:lnTo>
                  <a:lnTo>
                    <a:pt x="83" y="290"/>
                  </a:lnTo>
                  <a:lnTo>
                    <a:pt x="85" y="290"/>
                  </a:lnTo>
                  <a:lnTo>
                    <a:pt x="85" y="289"/>
                  </a:lnTo>
                  <a:lnTo>
                    <a:pt x="87" y="287"/>
                  </a:lnTo>
                  <a:lnTo>
                    <a:pt x="87" y="285"/>
                  </a:lnTo>
                  <a:lnTo>
                    <a:pt x="89" y="285"/>
                  </a:lnTo>
                  <a:lnTo>
                    <a:pt x="89" y="283"/>
                  </a:lnTo>
                  <a:lnTo>
                    <a:pt x="89" y="281"/>
                  </a:lnTo>
                  <a:lnTo>
                    <a:pt x="93" y="274"/>
                  </a:lnTo>
                  <a:lnTo>
                    <a:pt x="96" y="264"/>
                  </a:lnTo>
                  <a:lnTo>
                    <a:pt x="98" y="264"/>
                  </a:lnTo>
                  <a:lnTo>
                    <a:pt x="100" y="264"/>
                  </a:lnTo>
                  <a:lnTo>
                    <a:pt x="102" y="264"/>
                  </a:lnTo>
                  <a:lnTo>
                    <a:pt x="109" y="257"/>
                  </a:lnTo>
                  <a:lnTo>
                    <a:pt x="109" y="255"/>
                  </a:lnTo>
                  <a:lnTo>
                    <a:pt x="111" y="253"/>
                  </a:lnTo>
                  <a:lnTo>
                    <a:pt x="111" y="252"/>
                  </a:lnTo>
                  <a:lnTo>
                    <a:pt x="113" y="250"/>
                  </a:lnTo>
                  <a:lnTo>
                    <a:pt x="115" y="248"/>
                  </a:lnTo>
                  <a:lnTo>
                    <a:pt x="117" y="246"/>
                  </a:lnTo>
                  <a:lnTo>
                    <a:pt x="117" y="244"/>
                  </a:lnTo>
                  <a:lnTo>
                    <a:pt x="119" y="244"/>
                  </a:lnTo>
                  <a:lnTo>
                    <a:pt x="119" y="242"/>
                  </a:lnTo>
                  <a:lnTo>
                    <a:pt x="120" y="242"/>
                  </a:lnTo>
                  <a:lnTo>
                    <a:pt x="122" y="242"/>
                  </a:lnTo>
                  <a:lnTo>
                    <a:pt x="122" y="240"/>
                  </a:lnTo>
                  <a:lnTo>
                    <a:pt x="124" y="239"/>
                  </a:lnTo>
                  <a:lnTo>
                    <a:pt x="122" y="239"/>
                  </a:lnTo>
                  <a:lnTo>
                    <a:pt x="124" y="237"/>
                  </a:lnTo>
                  <a:lnTo>
                    <a:pt x="124" y="235"/>
                  </a:lnTo>
                  <a:lnTo>
                    <a:pt x="126" y="235"/>
                  </a:lnTo>
                  <a:lnTo>
                    <a:pt x="126" y="233"/>
                  </a:lnTo>
                  <a:lnTo>
                    <a:pt x="128" y="233"/>
                  </a:lnTo>
                  <a:lnTo>
                    <a:pt x="128" y="231"/>
                  </a:lnTo>
                  <a:lnTo>
                    <a:pt x="130" y="231"/>
                  </a:lnTo>
                  <a:lnTo>
                    <a:pt x="131" y="231"/>
                  </a:lnTo>
                  <a:lnTo>
                    <a:pt x="131" y="229"/>
                  </a:lnTo>
                  <a:lnTo>
                    <a:pt x="133" y="229"/>
                  </a:lnTo>
                  <a:lnTo>
                    <a:pt x="133" y="227"/>
                  </a:lnTo>
                  <a:lnTo>
                    <a:pt x="133" y="226"/>
                  </a:lnTo>
                  <a:lnTo>
                    <a:pt x="131" y="226"/>
                  </a:lnTo>
                  <a:lnTo>
                    <a:pt x="131" y="224"/>
                  </a:lnTo>
                  <a:lnTo>
                    <a:pt x="133" y="224"/>
                  </a:lnTo>
                  <a:lnTo>
                    <a:pt x="135" y="222"/>
                  </a:lnTo>
                  <a:lnTo>
                    <a:pt x="137" y="220"/>
                  </a:lnTo>
                  <a:lnTo>
                    <a:pt x="139" y="216"/>
                  </a:lnTo>
                  <a:lnTo>
                    <a:pt x="139" y="215"/>
                  </a:lnTo>
                  <a:lnTo>
                    <a:pt x="141" y="215"/>
                  </a:lnTo>
                  <a:lnTo>
                    <a:pt x="143" y="215"/>
                  </a:lnTo>
                  <a:lnTo>
                    <a:pt x="144" y="213"/>
                  </a:lnTo>
                  <a:lnTo>
                    <a:pt x="150" y="213"/>
                  </a:lnTo>
                  <a:lnTo>
                    <a:pt x="152" y="213"/>
                  </a:lnTo>
                  <a:lnTo>
                    <a:pt x="155" y="211"/>
                  </a:lnTo>
                  <a:lnTo>
                    <a:pt x="157" y="209"/>
                  </a:lnTo>
                  <a:lnTo>
                    <a:pt x="159" y="209"/>
                  </a:lnTo>
                  <a:lnTo>
                    <a:pt x="161" y="211"/>
                  </a:lnTo>
                  <a:lnTo>
                    <a:pt x="163" y="209"/>
                  </a:lnTo>
                  <a:lnTo>
                    <a:pt x="163" y="211"/>
                  </a:lnTo>
                  <a:lnTo>
                    <a:pt x="165" y="209"/>
                  </a:lnTo>
                  <a:lnTo>
                    <a:pt x="167" y="209"/>
                  </a:lnTo>
                  <a:lnTo>
                    <a:pt x="168" y="209"/>
                  </a:lnTo>
                  <a:lnTo>
                    <a:pt x="170" y="209"/>
                  </a:lnTo>
                  <a:lnTo>
                    <a:pt x="172" y="209"/>
                  </a:lnTo>
                  <a:lnTo>
                    <a:pt x="174" y="207"/>
                  </a:lnTo>
                  <a:lnTo>
                    <a:pt x="174" y="205"/>
                  </a:lnTo>
                  <a:lnTo>
                    <a:pt x="178" y="205"/>
                  </a:lnTo>
                  <a:lnTo>
                    <a:pt x="178" y="203"/>
                  </a:lnTo>
                  <a:lnTo>
                    <a:pt x="180" y="203"/>
                  </a:lnTo>
                  <a:lnTo>
                    <a:pt x="181" y="203"/>
                  </a:lnTo>
                  <a:lnTo>
                    <a:pt x="181" y="202"/>
                  </a:lnTo>
                  <a:lnTo>
                    <a:pt x="183" y="202"/>
                  </a:lnTo>
                  <a:lnTo>
                    <a:pt x="185" y="202"/>
                  </a:lnTo>
                  <a:lnTo>
                    <a:pt x="187" y="200"/>
                  </a:lnTo>
                  <a:lnTo>
                    <a:pt x="189" y="200"/>
                  </a:lnTo>
                  <a:lnTo>
                    <a:pt x="191" y="200"/>
                  </a:lnTo>
                  <a:lnTo>
                    <a:pt x="191" y="198"/>
                  </a:lnTo>
                  <a:lnTo>
                    <a:pt x="191" y="196"/>
                  </a:lnTo>
                  <a:lnTo>
                    <a:pt x="191" y="194"/>
                  </a:lnTo>
                  <a:lnTo>
                    <a:pt x="192" y="194"/>
                  </a:lnTo>
                  <a:lnTo>
                    <a:pt x="192" y="192"/>
                  </a:lnTo>
                  <a:lnTo>
                    <a:pt x="191" y="191"/>
                  </a:lnTo>
                  <a:lnTo>
                    <a:pt x="191" y="189"/>
                  </a:lnTo>
                  <a:lnTo>
                    <a:pt x="189" y="189"/>
                  </a:lnTo>
                  <a:lnTo>
                    <a:pt x="189" y="187"/>
                  </a:lnTo>
                  <a:lnTo>
                    <a:pt x="189" y="185"/>
                  </a:lnTo>
                  <a:lnTo>
                    <a:pt x="187" y="183"/>
                  </a:lnTo>
                  <a:lnTo>
                    <a:pt x="185" y="181"/>
                  </a:lnTo>
                  <a:lnTo>
                    <a:pt x="185" y="178"/>
                  </a:lnTo>
                  <a:lnTo>
                    <a:pt x="185" y="176"/>
                  </a:lnTo>
                  <a:lnTo>
                    <a:pt x="183" y="176"/>
                  </a:lnTo>
                  <a:lnTo>
                    <a:pt x="183" y="174"/>
                  </a:lnTo>
                  <a:lnTo>
                    <a:pt x="185" y="172"/>
                  </a:lnTo>
                  <a:lnTo>
                    <a:pt x="185" y="168"/>
                  </a:lnTo>
                  <a:lnTo>
                    <a:pt x="185" y="166"/>
                  </a:lnTo>
                  <a:lnTo>
                    <a:pt x="183" y="165"/>
                  </a:lnTo>
                  <a:lnTo>
                    <a:pt x="181" y="165"/>
                  </a:lnTo>
                  <a:lnTo>
                    <a:pt x="181" y="163"/>
                  </a:lnTo>
                  <a:lnTo>
                    <a:pt x="181" y="161"/>
                  </a:lnTo>
                  <a:lnTo>
                    <a:pt x="181" y="159"/>
                  </a:lnTo>
                  <a:lnTo>
                    <a:pt x="183" y="157"/>
                  </a:lnTo>
                  <a:lnTo>
                    <a:pt x="183" y="155"/>
                  </a:lnTo>
                  <a:lnTo>
                    <a:pt x="185" y="154"/>
                  </a:lnTo>
                  <a:lnTo>
                    <a:pt x="187" y="152"/>
                  </a:lnTo>
                  <a:lnTo>
                    <a:pt x="189" y="148"/>
                  </a:lnTo>
                  <a:lnTo>
                    <a:pt x="189" y="146"/>
                  </a:lnTo>
                  <a:lnTo>
                    <a:pt x="191" y="144"/>
                  </a:lnTo>
                  <a:lnTo>
                    <a:pt x="192" y="142"/>
                  </a:lnTo>
                  <a:lnTo>
                    <a:pt x="192" y="141"/>
                  </a:lnTo>
                  <a:lnTo>
                    <a:pt x="192" y="139"/>
                  </a:lnTo>
                  <a:lnTo>
                    <a:pt x="192" y="137"/>
                  </a:lnTo>
                  <a:lnTo>
                    <a:pt x="192" y="135"/>
                  </a:lnTo>
                  <a:lnTo>
                    <a:pt x="191" y="133"/>
                  </a:lnTo>
                  <a:lnTo>
                    <a:pt x="191" y="131"/>
                  </a:lnTo>
                  <a:lnTo>
                    <a:pt x="192" y="128"/>
                  </a:lnTo>
                  <a:lnTo>
                    <a:pt x="194" y="128"/>
                  </a:lnTo>
                  <a:lnTo>
                    <a:pt x="194" y="126"/>
                  </a:lnTo>
                  <a:lnTo>
                    <a:pt x="194" y="124"/>
                  </a:lnTo>
                  <a:lnTo>
                    <a:pt x="192" y="124"/>
                  </a:lnTo>
                  <a:lnTo>
                    <a:pt x="192" y="122"/>
                  </a:lnTo>
                  <a:lnTo>
                    <a:pt x="194" y="122"/>
                  </a:lnTo>
                  <a:lnTo>
                    <a:pt x="196" y="122"/>
                  </a:lnTo>
                  <a:lnTo>
                    <a:pt x="198" y="120"/>
                  </a:lnTo>
                  <a:lnTo>
                    <a:pt x="198" y="118"/>
                  </a:lnTo>
                  <a:lnTo>
                    <a:pt x="198" y="117"/>
                  </a:lnTo>
                  <a:lnTo>
                    <a:pt x="200" y="117"/>
                  </a:lnTo>
                  <a:lnTo>
                    <a:pt x="200" y="115"/>
                  </a:lnTo>
                  <a:lnTo>
                    <a:pt x="200" y="113"/>
                  </a:lnTo>
                  <a:lnTo>
                    <a:pt x="202" y="113"/>
                  </a:lnTo>
                  <a:lnTo>
                    <a:pt x="204" y="111"/>
                  </a:lnTo>
                  <a:lnTo>
                    <a:pt x="204" y="109"/>
                  </a:lnTo>
                  <a:lnTo>
                    <a:pt x="205" y="109"/>
                  </a:lnTo>
                  <a:lnTo>
                    <a:pt x="205" y="107"/>
                  </a:lnTo>
                  <a:lnTo>
                    <a:pt x="207" y="107"/>
                  </a:lnTo>
                  <a:lnTo>
                    <a:pt x="211" y="107"/>
                  </a:lnTo>
                  <a:lnTo>
                    <a:pt x="213" y="107"/>
                  </a:lnTo>
                  <a:lnTo>
                    <a:pt x="213" y="105"/>
                  </a:lnTo>
                  <a:lnTo>
                    <a:pt x="215" y="105"/>
                  </a:lnTo>
                  <a:lnTo>
                    <a:pt x="216" y="104"/>
                  </a:lnTo>
                  <a:lnTo>
                    <a:pt x="216" y="102"/>
                  </a:lnTo>
                  <a:lnTo>
                    <a:pt x="218" y="104"/>
                  </a:lnTo>
                  <a:lnTo>
                    <a:pt x="220" y="104"/>
                  </a:lnTo>
                  <a:lnTo>
                    <a:pt x="220" y="105"/>
                  </a:lnTo>
                  <a:lnTo>
                    <a:pt x="222" y="105"/>
                  </a:lnTo>
                  <a:lnTo>
                    <a:pt x="224" y="107"/>
                  </a:lnTo>
                  <a:lnTo>
                    <a:pt x="226" y="107"/>
                  </a:lnTo>
                  <a:lnTo>
                    <a:pt x="228" y="109"/>
                  </a:lnTo>
                  <a:lnTo>
                    <a:pt x="228" y="111"/>
                  </a:lnTo>
                  <a:lnTo>
                    <a:pt x="229" y="113"/>
                  </a:lnTo>
                  <a:lnTo>
                    <a:pt x="231" y="113"/>
                  </a:lnTo>
                  <a:lnTo>
                    <a:pt x="233" y="113"/>
                  </a:lnTo>
                  <a:lnTo>
                    <a:pt x="237" y="115"/>
                  </a:lnTo>
                  <a:lnTo>
                    <a:pt x="239" y="115"/>
                  </a:lnTo>
                  <a:lnTo>
                    <a:pt x="241" y="115"/>
                  </a:lnTo>
                  <a:lnTo>
                    <a:pt x="242" y="115"/>
                  </a:lnTo>
                  <a:lnTo>
                    <a:pt x="242" y="113"/>
                  </a:lnTo>
                  <a:lnTo>
                    <a:pt x="244" y="113"/>
                  </a:lnTo>
                  <a:lnTo>
                    <a:pt x="246" y="113"/>
                  </a:lnTo>
                  <a:lnTo>
                    <a:pt x="248" y="113"/>
                  </a:lnTo>
                  <a:lnTo>
                    <a:pt x="250" y="113"/>
                  </a:lnTo>
                  <a:lnTo>
                    <a:pt x="252" y="113"/>
                  </a:lnTo>
                  <a:lnTo>
                    <a:pt x="253" y="113"/>
                  </a:lnTo>
                  <a:lnTo>
                    <a:pt x="255" y="113"/>
                  </a:lnTo>
                  <a:lnTo>
                    <a:pt x="257" y="113"/>
                  </a:lnTo>
                  <a:lnTo>
                    <a:pt x="257" y="111"/>
                  </a:lnTo>
                  <a:lnTo>
                    <a:pt x="259" y="111"/>
                  </a:lnTo>
                  <a:lnTo>
                    <a:pt x="263" y="109"/>
                  </a:lnTo>
                  <a:lnTo>
                    <a:pt x="265" y="107"/>
                  </a:lnTo>
                  <a:lnTo>
                    <a:pt x="266" y="107"/>
                  </a:lnTo>
                  <a:lnTo>
                    <a:pt x="266" y="109"/>
                  </a:lnTo>
                  <a:lnTo>
                    <a:pt x="268" y="109"/>
                  </a:lnTo>
                  <a:lnTo>
                    <a:pt x="268" y="111"/>
                  </a:lnTo>
                  <a:lnTo>
                    <a:pt x="270" y="111"/>
                  </a:lnTo>
                  <a:lnTo>
                    <a:pt x="272" y="113"/>
                  </a:lnTo>
                  <a:lnTo>
                    <a:pt x="272" y="115"/>
                  </a:lnTo>
                  <a:lnTo>
                    <a:pt x="274" y="115"/>
                  </a:lnTo>
                  <a:lnTo>
                    <a:pt x="274" y="117"/>
                  </a:lnTo>
                  <a:lnTo>
                    <a:pt x="276" y="118"/>
                  </a:lnTo>
                  <a:lnTo>
                    <a:pt x="277" y="122"/>
                  </a:lnTo>
                  <a:lnTo>
                    <a:pt x="279" y="122"/>
                  </a:lnTo>
                  <a:lnTo>
                    <a:pt x="281" y="122"/>
                  </a:lnTo>
                  <a:lnTo>
                    <a:pt x="283" y="122"/>
                  </a:lnTo>
                  <a:lnTo>
                    <a:pt x="283" y="124"/>
                  </a:lnTo>
                  <a:lnTo>
                    <a:pt x="287" y="126"/>
                  </a:lnTo>
                  <a:lnTo>
                    <a:pt x="289" y="128"/>
                  </a:lnTo>
                  <a:lnTo>
                    <a:pt x="290" y="128"/>
                  </a:lnTo>
                  <a:lnTo>
                    <a:pt x="292" y="128"/>
                  </a:lnTo>
                  <a:lnTo>
                    <a:pt x="294" y="128"/>
                  </a:lnTo>
                  <a:lnTo>
                    <a:pt x="296" y="128"/>
                  </a:lnTo>
                  <a:lnTo>
                    <a:pt x="298" y="128"/>
                  </a:lnTo>
                  <a:lnTo>
                    <a:pt x="300" y="128"/>
                  </a:lnTo>
                  <a:lnTo>
                    <a:pt x="302" y="128"/>
                  </a:lnTo>
                  <a:lnTo>
                    <a:pt x="303" y="128"/>
                  </a:lnTo>
                  <a:lnTo>
                    <a:pt x="305" y="128"/>
                  </a:lnTo>
                  <a:lnTo>
                    <a:pt x="307" y="128"/>
                  </a:lnTo>
                  <a:lnTo>
                    <a:pt x="309" y="128"/>
                  </a:lnTo>
                  <a:lnTo>
                    <a:pt x="311" y="126"/>
                  </a:lnTo>
                  <a:lnTo>
                    <a:pt x="313" y="126"/>
                  </a:lnTo>
                  <a:lnTo>
                    <a:pt x="314" y="126"/>
                  </a:lnTo>
                  <a:lnTo>
                    <a:pt x="316" y="126"/>
                  </a:lnTo>
                  <a:lnTo>
                    <a:pt x="318" y="126"/>
                  </a:lnTo>
                  <a:lnTo>
                    <a:pt x="318" y="124"/>
                  </a:lnTo>
                  <a:lnTo>
                    <a:pt x="320" y="124"/>
                  </a:lnTo>
                  <a:lnTo>
                    <a:pt x="322" y="122"/>
                  </a:lnTo>
                  <a:lnTo>
                    <a:pt x="324" y="120"/>
                  </a:lnTo>
                  <a:lnTo>
                    <a:pt x="324" y="118"/>
                  </a:lnTo>
                  <a:lnTo>
                    <a:pt x="326" y="118"/>
                  </a:lnTo>
                  <a:lnTo>
                    <a:pt x="327" y="118"/>
                  </a:lnTo>
                  <a:lnTo>
                    <a:pt x="329" y="118"/>
                  </a:lnTo>
                  <a:lnTo>
                    <a:pt x="331" y="118"/>
                  </a:lnTo>
                  <a:lnTo>
                    <a:pt x="333" y="118"/>
                  </a:lnTo>
                  <a:lnTo>
                    <a:pt x="335" y="120"/>
                  </a:lnTo>
                  <a:lnTo>
                    <a:pt x="337" y="120"/>
                  </a:lnTo>
                  <a:lnTo>
                    <a:pt x="338" y="120"/>
                  </a:lnTo>
                  <a:lnTo>
                    <a:pt x="338" y="122"/>
                  </a:lnTo>
                  <a:lnTo>
                    <a:pt x="340" y="122"/>
                  </a:lnTo>
                  <a:lnTo>
                    <a:pt x="340" y="124"/>
                  </a:lnTo>
                  <a:lnTo>
                    <a:pt x="340" y="126"/>
                  </a:lnTo>
                  <a:lnTo>
                    <a:pt x="342" y="126"/>
                  </a:lnTo>
                  <a:lnTo>
                    <a:pt x="344" y="126"/>
                  </a:lnTo>
                  <a:lnTo>
                    <a:pt x="344" y="128"/>
                  </a:lnTo>
                  <a:lnTo>
                    <a:pt x="344" y="129"/>
                  </a:lnTo>
                  <a:lnTo>
                    <a:pt x="344" y="131"/>
                  </a:lnTo>
                  <a:lnTo>
                    <a:pt x="344" y="133"/>
                  </a:lnTo>
                  <a:lnTo>
                    <a:pt x="344" y="135"/>
                  </a:lnTo>
                  <a:lnTo>
                    <a:pt x="344" y="137"/>
                  </a:lnTo>
                  <a:lnTo>
                    <a:pt x="346" y="137"/>
                  </a:lnTo>
                  <a:lnTo>
                    <a:pt x="346" y="139"/>
                  </a:lnTo>
                  <a:lnTo>
                    <a:pt x="346" y="141"/>
                  </a:lnTo>
                  <a:lnTo>
                    <a:pt x="346" y="142"/>
                  </a:lnTo>
                  <a:lnTo>
                    <a:pt x="346" y="144"/>
                  </a:lnTo>
                  <a:lnTo>
                    <a:pt x="348" y="144"/>
                  </a:lnTo>
                  <a:lnTo>
                    <a:pt x="350" y="144"/>
                  </a:lnTo>
                  <a:lnTo>
                    <a:pt x="351" y="144"/>
                  </a:lnTo>
                  <a:lnTo>
                    <a:pt x="351" y="146"/>
                  </a:lnTo>
                  <a:lnTo>
                    <a:pt x="353" y="146"/>
                  </a:lnTo>
                  <a:lnTo>
                    <a:pt x="355" y="146"/>
                  </a:lnTo>
                  <a:lnTo>
                    <a:pt x="357" y="146"/>
                  </a:lnTo>
                  <a:lnTo>
                    <a:pt x="359" y="146"/>
                  </a:lnTo>
                  <a:lnTo>
                    <a:pt x="361" y="146"/>
                  </a:lnTo>
                  <a:lnTo>
                    <a:pt x="363" y="146"/>
                  </a:lnTo>
                  <a:lnTo>
                    <a:pt x="364" y="144"/>
                  </a:lnTo>
                  <a:lnTo>
                    <a:pt x="366" y="144"/>
                  </a:lnTo>
                  <a:lnTo>
                    <a:pt x="368" y="144"/>
                  </a:lnTo>
                  <a:lnTo>
                    <a:pt x="370" y="142"/>
                  </a:lnTo>
                  <a:lnTo>
                    <a:pt x="372" y="142"/>
                  </a:lnTo>
                  <a:lnTo>
                    <a:pt x="374" y="142"/>
                  </a:lnTo>
                  <a:lnTo>
                    <a:pt x="374" y="141"/>
                  </a:lnTo>
                  <a:lnTo>
                    <a:pt x="375" y="141"/>
                  </a:lnTo>
                  <a:lnTo>
                    <a:pt x="377" y="141"/>
                  </a:lnTo>
                  <a:lnTo>
                    <a:pt x="377" y="139"/>
                  </a:lnTo>
                  <a:lnTo>
                    <a:pt x="379" y="139"/>
                  </a:lnTo>
                  <a:lnTo>
                    <a:pt x="379" y="137"/>
                  </a:lnTo>
                  <a:lnTo>
                    <a:pt x="381" y="137"/>
                  </a:lnTo>
                  <a:lnTo>
                    <a:pt x="383" y="137"/>
                  </a:lnTo>
                  <a:lnTo>
                    <a:pt x="383" y="135"/>
                  </a:lnTo>
                  <a:lnTo>
                    <a:pt x="385" y="135"/>
                  </a:lnTo>
                  <a:lnTo>
                    <a:pt x="385" y="133"/>
                  </a:lnTo>
                  <a:lnTo>
                    <a:pt x="387" y="131"/>
                  </a:lnTo>
                  <a:lnTo>
                    <a:pt x="387" y="129"/>
                  </a:lnTo>
                  <a:lnTo>
                    <a:pt x="387" y="128"/>
                  </a:lnTo>
                  <a:lnTo>
                    <a:pt x="387" y="126"/>
                  </a:lnTo>
                  <a:lnTo>
                    <a:pt x="388" y="128"/>
                  </a:lnTo>
                  <a:lnTo>
                    <a:pt x="390" y="126"/>
                  </a:lnTo>
                  <a:lnTo>
                    <a:pt x="392" y="126"/>
                  </a:lnTo>
                  <a:lnTo>
                    <a:pt x="394" y="124"/>
                  </a:lnTo>
                  <a:lnTo>
                    <a:pt x="396" y="122"/>
                  </a:lnTo>
                  <a:lnTo>
                    <a:pt x="398" y="120"/>
                  </a:lnTo>
                  <a:lnTo>
                    <a:pt x="399" y="120"/>
                  </a:lnTo>
                  <a:lnTo>
                    <a:pt x="399" y="118"/>
                  </a:lnTo>
                  <a:lnTo>
                    <a:pt x="401" y="118"/>
                  </a:lnTo>
                  <a:lnTo>
                    <a:pt x="403" y="118"/>
                  </a:lnTo>
                  <a:lnTo>
                    <a:pt x="405" y="118"/>
                  </a:lnTo>
                  <a:lnTo>
                    <a:pt x="405" y="117"/>
                  </a:lnTo>
                  <a:lnTo>
                    <a:pt x="407" y="117"/>
                  </a:lnTo>
                  <a:lnTo>
                    <a:pt x="409" y="117"/>
                  </a:lnTo>
                  <a:lnTo>
                    <a:pt x="411" y="117"/>
                  </a:lnTo>
                  <a:lnTo>
                    <a:pt x="412" y="117"/>
                  </a:lnTo>
                  <a:lnTo>
                    <a:pt x="414" y="115"/>
                  </a:lnTo>
                  <a:lnTo>
                    <a:pt x="414" y="117"/>
                  </a:lnTo>
                  <a:lnTo>
                    <a:pt x="416" y="117"/>
                  </a:lnTo>
                  <a:lnTo>
                    <a:pt x="418" y="117"/>
                  </a:lnTo>
                  <a:lnTo>
                    <a:pt x="418" y="115"/>
                  </a:lnTo>
                  <a:lnTo>
                    <a:pt x="420" y="115"/>
                  </a:lnTo>
                  <a:lnTo>
                    <a:pt x="420" y="113"/>
                  </a:lnTo>
                  <a:lnTo>
                    <a:pt x="422" y="113"/>
                  </a:lnTo>
                  <a:lnTo>
                    <a:pt x="424" y="113"/>
                  </a:lnTo>
                  <a:lnTo>
                    <a:pt x="425" y="113"/>
                  </a:lnTo>
                  <a:lnTo>
                    <a:pt x="427" y="113"/>
                  </a:lnTo>
                  <a:lnTo>
                    <a:pt x="427" y="111"/>
                  </a:lnTo>
                  <a:lnTo>
                    <a:pt x="429" y="113"/>
                  </a:lnTo>
                  <a:lnTo>
                    <a:pt x="431" y="113"/>
                  </a:lnTo>
                  <a:lnTo>
                    <a:pt x="433" y="113"/>
                  </a:lnTo>
                  <a:lnTo>
                    <a:pt x="435" y="113"/>
                  </a:lnTo>
                  <a:lnTo>
                    <a:pt x="436" y="111"/>
                  </a:lnTo>
                  <a:lnTo>
                    <a:pt x="438" y="111"/>
                  </a:lnTo>
                  <a:lnTo>
                    <a:pt x="440" y="111"/>
                  </a:lnTo>
                  <a:lnTo>
                    <a:pt x="442" y="111"/>
                  </a:lnTo>
                  <a:lnTo>
                    <a:pt x="442" y="113"/>
                  </a:lnTo>
                  <a:lnTo>
                    <a:pt x="442" y="115"/>
                  </a:lnTo>
                  <a:lnTo>
                    <a:pt x="444" y="115"/>
                  </a:lnTo>
                  <a:lnTo>
                    <a:pt x="446" y="115"/>
                  </a:lnTo>
                  <a:lnTo>
                    <a:pt x="448" y="115"/>
                  </a:lnTo>
                  <a:lnTo>
                    <a:pt x="448" y="117"/>
                  </a:lnTo>
                  <a:lnTo>
                    <a:pt x="449" y="117"/>
                  </a:lnTo>
                  <a:lnTo>
                    <a:pt x="449" y="118"/>
                  </a:lnTo>
                  <a:lnTo>
                    <a:pt x="451" y="118"/>
                  </a:lnTo>
                  <a:lnTo>
                    <a:pt x="451" y="120"/>
                  </a:lnTo>
                  <a:lnTo>
                    <a:pt x="451" y="122"/>
                  </a:lnTo>
                  <a:lnTo>
                    <a:pt x="451" y="124"/>
                  </a:lnTo>
                  <a:lnTo>
                    <a:pt x="451" y="126"/>
                  </a:lnTo>
                  <a:lnTo>
                    <a:pt x="453" y="126"/>
                  </a:lnTo>
                  <a:lnTo>
                    <a:pt x="457" y="126"/>
                  </a:lnTo>
                  <a:lnTo>
                    <a:pt x="459" y="128"/>
                  </a:lnTo>
                  <a:lnTo>
                    <a:pt x="460" y="128"/>
                  </a:lnTo>
                  <a:lnTo>
                    <a:pt x="460" y="129"/>
                  </a:lnTo>
                  <a:lnTo>
                    <a:pt x="462" y="129"/>
                  </a:lnTo>
                  <a:lnTo>
                    <a:pt x="464" y="129"/>
                  </a:lnTo>
                  <a:lnTo>
                    <a:pt x="466" y="129"/>
                  </a:lnTo>
                  <a:lnTo>
                    <a:pt x="468" y="129"/>
                  </a:lnTo>
                  <a:lnTo>
                    <a:pt x="468" y="131"/>
                  </a:lnTo>
                  <a:lnTo>
                    <a:pt x="468" y="129"/>
                  </a:lnTo>
                  <a:lnTo>
                    <a:pt x="470" y="129"/>
                  </a:lnTo>
                  <a:lnTo>
                    <a:pt x="472" y="129"/>
                  </a:lnTo>
                  <a:lnTo>
                    <a:pt x="472" y="128"/>
                  </a:lnTo>
                  <a:lnTo>
                    <a:pt x="473" y="128"/>
                  </a:lnTo>
                  <a:lnTo>
                    <a:pt x="473" y="126"/>
                  </a:lnTo>
                  <a:lnTo>
                    <a:pt x="475" y="126"/>
                  </a:lnTo>
                  <a:lnTo>
                    <a:pt x="475" y="124"/>
                  </a:lnTo>
                  <a:lnTo>
                    <a:pt x="477" y="124"/>
                  </a:lnTo>
                  <a:lnTo>
                    <a:pt x="477" y="122"/>
                  </a:lnTo>
                  <a:lnTo>
                    <a:pt x="479" y="122"/>
                  </a:lnTo>
                  <a:lnTo>
                    <a:pt x="481" y="120"/>
                  </a:lnTo>
                  <a:lnTo>
                    <a:pt x="483" y="120"/>
                  </a:lnTo>
                  <a:lnTo>
                    <a:pt x="483" y="118"/>
                  </a:lnTo>
                  <a:lnTo>
                    <a:pt x="483" y="120"/>
                  </a:lnTo>
                  <a:lnTo>
                    <a:pt x="485" y="120"/>
                  </a:lnTo>
                  <a:lnTo>
                    <a:pt x="486" y="120"/>
                  </a:lnTo>
                  <a:lnTo>
                    <a:pt x="486" y="122"/>
                  </a:lnTo>
                  <a:lnTo>
                    <a:pt x="488" y="122"/>
                  </a:lnTo>
                  <a:lnTo>
                    <a:pt x="490" y="122"/>
                  </a:lnTo>
                  <a:lnTo>
                    <a:pt x="492" y="124"/>
                  </a:lnTo>
                  <a:lnTo>
                    <a:pt x="494" y="124"/>
                  </a:lnTo>
                  <a:lnTo>
                    <a:pt x="496" y="124"/>
                  </a:lnTo>
                  <a:lnTo>
                    <a:pt x="496" y="126"/>
                  </a:lnTo>
                  <a:lnTo>
                    <a:pt x="497" y="126"/>
                  </a:lnTo>
                  <a:lnTo>
                    <a:pt x="497" y="128"/>
                  </a:lnTo>
                  <a:lnTo>
                    <a:pt x="499" y="128"/>
                  </a:lnTo>
                  <a:lnTo>
                    <a:pt x="501" y="128"/>
                  </a:lnTo>
                  <a:lnTo>
                    <a:pt x="503" y="128"/>
                  </a:lnTo>
                  <a:lnTo>
                    <a:pt x="505" y="128"/>
                  </a:lnTo>
                  <a:lnTo>
                    <a:pt x="507" y="128"/>
                  </a:lnTo>
                  <a:lnTo>
                    <a:pt x="507" y="126"/>
                  </a:lnTo>
                  <a:lnTo>
                    <a:pt x="509" y="126"/>
                  </a:lnTo>
                  <a:lnTo>
                    <a:pt x="509" y="124"/>
                  </a:lnTo>
                  <a:lnTo>
                    <a:pt x="510" y="124"/>
                  </a:lnTo>
                  <a:lnTo>
                    <a:pt x="510" y="122"/>
                  </a:lnTo>
                  <a:lnTo>
                    <a:pt x="512" y="122"/>
                  </a:lnTo>
                  <a:lnTo>
                    <a:pt x="512" y="120"/>
                  </a:lnTo>
                  <a:lnTo>
                    <a:pt x="514" y="120"/>
                  </a:lnTo>
                  <a:lnTo>
                    <a:pt x="514" y="118"/>
                  </a:lnTo>
                  <a:lnTo>
                    <a:pt x="516" y="120"/>
                  </a:lnTo>
                  <a:lnTo>
                    <a:pt x="518" y="120"/>
                  </a:lnTo>
                  <a:lnTo>
                    <a:pt x="518" y="122"/>
                  </a:lnTo>
                  <a:lnTo>
                    <a:pt x="520" y="122"/>
                  </a:lnTo>
                  <a:lnTo>
                    <a:pt x="521" y="124"/>
                  </a:lnTo>
                  <a:lnTo>
                    <a:pt x="523" y="124"/>
                  </a:lnTo>
                  <a:lnTo>
                    <a:pt x="525" y="124"/>
                  </a:lnTo>
                  <a:lnTo>
                    <a:pt x="527" y="124"/>
                  </a:lnTo>
                  <a:lnTo>
                    <a:pt x="529" y="124"/>
                  </a:lnTo>
                  <a:lnTo>
                    <a:pt x="531" y="122"/>
                  </a:lnTo>
                  <a:lnTo>
                    <a:pt x="564" y="135"/>
                  </a:lnTo>
                  <a:lnTo>
                    <a:pt x="586" y="144"/>
                  </a:lnTo>
                  <a:lnTo>
                    <a:pt x="625" y="128"/>
                  </a:lnTo>
                  <a:lnTo>
                    <a:pt x="625" y="129"/>
                  </a:lnTo>
                  <a:lnTo>
                    <a:pt x="625" y="131"/>
                  </a:lnTo>
                  <a:lnTo>
                    <a:pt x="627" y="133"/>
                  </a:lnTo>
                  <a:lnTo>
                    <a:pt x="625" y="135"/>
                  </a:lnTo>
                  <a:lnTo>
                    <a:pt x="627" y="135"/>
                  </a:lnTo>
                  <a:lnTo>
                    <a:pt x="627" y="137"/>
                  </a:lnTo>
                  <a:lnTo>
                    <a:pt x="627" y="139"/>
                  </a:lnTo>
                  <a:lnTo>
                    <a:pt x="627" y="141"/>
                  </a:lnTo>
                  <a:lnTo>
                    <a:pt x="629" y="142"/>
                  </a:lnTo>
                  <a:lnTo>
                    <a:pt x="631" y="142"/>
                  </a:lnTo>
                  <a:lnTo>
                    <a:pt x="632" y="142"/>
                  </a:lnTo>
                  <a:lnTo>
                    <a:pt x="634" y="142"/>
                  </a:lnTo>
                  <a:lnTo>
                    <a:pt x="634" y="144"/>
                  </a:lnTo>
                  <a:lnTo>
                    <a:pt x="636" y="144"/>
                  </a:lnTo>
                  <a:lnTo>
                    <a:pt x="638" y="142"/>
                  </a:lnTo>
                  <a:lnTo>
                    <a:pt x="638" y="144"/>
                  </a:lnTo>
                  <a:lnTo>
                    <a:pt x="640" y="144"/>
                  </a:lnTo>
                  <a:lnTo>
                    <a:pt x="642" y="142"/>
                  </a:lnTo>
                  <a:lnTo>
                    <a:pt x="643" y="142"/>
                  </a:lnTo>
                  <a:lnTo>
                    <a:pt x="645" y="142"/>
                  </a:lnTo>
                  <a:lnTo>
                    <a:pt x="647" y="142"/>
                  </a:lnTo>
                  <a:lnTo>
                    <a:pt x="653" y="137"/>
                  </a:lnTo>
                  <a:lnTo>
                    <a:pt x="655" y="135"/>
                  </a:lnTo>
                  <a:lnTo>
                    <a:pt x="656" y="133"/>
                  </a:lnTo>
                  <a:lnTo>
                    <a:pt x="658" y="131"/>
                  </a:lnTo>
                  <a:lnTo>
                    <a:pt x="660" y="131"/>
                  </a:lnTo>
                  <a:lnTo>
                    <a:pt x="660" y="129"/>
                  </a:lnTo>
                  <a:lnTo>
                    <a:pt x="662" y="129"/>
                  </a:lnTo>
                  <a:lnTo>
                    <a:pt x="664" y="129"/>
                  </a:lnTo>
                  <a:lnTo>
                    <a:pt x="666" y="129"/>
                  </a:lnTo>
                  <a:lnTo>
                    <a:pt x="669" y="128"/>
                  </a:lnTo>
                  <a:lnTo>
                    <a:pt x="671" y="128"/>
                  </a:lnTo>
                  <a:lnTo>
                    <a:pt x="671" y="126"/>
                  </a:lnTo>
                  <a:lnTo>
                    <a:pt x="673" y="124"/>
                  </a:lnTo>
                  <a:lnTo>
                    <a:pt x="673" y="122"/>
                  </a:lnTo>
                  <a:lnTo>
                    <a:pt x="675" y="124"/>
                  </a:lnTo>
                  <a:lnTo>
                    <a:pt x="675" y="122"/>
                  </a:lnTo>
                  <a:lnTo>
                    <a:pt x="677" y="122"/>
                  </a:lnTo>
                  <a:lnTo>
                    <a:pt x="679" y="122"/>
                  </a:lnTo>
                  <a:lnTo>
                    <a:pt x="680" y="122"/>
                  </a:lnTo>
                  <a:lnTo>
                    <a:pt x="682" y="122"/>
                  </a:lnTo>
                  <a:lnTo>
                    <a:pt x="684" y="122"/>
                  </a:lnTo>
                  <a:lnTo>
                    <a:pt x="684" y="120"/>
                  </a:lnTo>
                  <a:lnTo>
                    <a:pt x="686" y="120"/>
                  </a:lnTo>
                  <a:lnTo>
                    <a:pt x="688" y="120"/>
                  </a:lnTo>
                  <a:lnTo>
                    <a:pt x="690" y="120"/>
                  </a:lnTo>
                  <a:lnTo>
                    <a:pt x="692" y="120"/>
                  </a:lnTo>
                  <a:lnTo>
                    <a:pt x="692" y="118"/>
                  </a:lnTo>
                  <a:lnTo>
                    <a:pt x="693" y="118"/>
                  </a:lnTo>
                  <a:lnTo>
                    <a:pt x="693" y="117"/>
                  </a:lnTo>
                  <a:lnTo>
                    <a:pt x="695" y="115"/>
                  </a:lnTo>
                  <a:lnTo>
                    <a:pt x="695" y="113"/>
                  </a:lnTo>
                  <a:lnTo>
                    <a:pt x="710" y="109"/>
                  </a:lnTo>
                  <a:lnTo>
                    <a:pt x="716" y="104"/>
                  </a:lnTo>
                  <a:lnTo>
                    <a:pt x="723" y="102"/>
                  </a:lnTo>
                  <a:lnTo>
                    <a:pt x="729" y="100"/>
                  </a:lnTo>
                  <a:lnTo>
                    <a:pt x="730" y="100"/>
                  </a:lnTo>
                  <a:lnTo>
                    <a:pt x="730" y="98"/>
                  </a:lnTo>
                  <a:lnTo>
                    <a:pt x="732" y="96"/>
                  </a:lnTo>
                  <a:lnTo>
                    <a:pt x="734" y="94"/>
                  </a:lnTo>
                  <a:lnTo>
                    <a:pt x="736" y="94"/>
                  </a:lnTo>
                  <a:lnTo>
                    <a:pt x="736" y="92"/>
                  </a:lnTo>
                  <a:lnTo>
                    <a:pt x="738" y="91"/>
                  </a:lnTo>
                  <a:lnTo>
                    <a:pt x="740" y="91"/>
                  </a:lnTo>
                  <a:lnTo>
                    <a:pt x="740" y="89"/>
                  </a:lnTo>
                  <a:lnTo>
                    <a:pt x="741" y="89"/>
                  </a:lnTo>
                  <a:lnTo>
                    <a:pt x="741" y="87"/>
                  </a:lnTo>
                  <a:lnTo>
                    <a:pt x="743" y="85"/>
                  </a:lnTo>
                  <a:lnTo>
                    <a:pt x="743" y="83"/>
                  </a:lnTo>
                  <a:lnTo>
                    <a:pt x="745" y="83"/>
                  </a:lnTo>
                  <a:lnTo>
                    <a:pt x="745" y="81"/>
                  </a:lnTo>
                  <a:lnTo>
                    <a:pt x="747" y="81"/>
                  </a:lnTo>
                  <a:lnTo>
                    <a:pt x="745" y="80"/>
                  </a:lnTo>
                  <a:lnTo>
                    <a:pt x="745" y="78"/>
                  </a:lnTo>
                  <a:lnTo>
                    <a:pt x="745" y="76"/>
                  </a:lnTo>
                  <a:lnTo>
                    <a:pt x="745" y="74"/>
                  </a:lnTo>
                  <a:lnTo>
                    <a:pt x="747" y="74"/>
                  </a:lnTo>
                  <a:lnTo>
                    <a:pt x="747" y="72"/>
                  </a:lnTo>
                  <a:lnTo>
                    <a:pt x="747" y="70"/>
                  </a:lnTo>
                  <a:lnTo>
                    <a:pt x="745" y="70"/>
                  </a:lnTo>
                  <a:lnTo>
                    <a:pt x="745" y="68"/>
                  </a:lnTo>
                  <a:lnTo>
                    <a:pt x="743" y="67"/>
                  </a:lnTo>
                  <a:lnTo>
                    <a:pt x="741" y="67"/>
                  </a:lnTo>
                  <a:lnTo>
                    <a:pt x="741" y="65"/>
                  </a:lnTo>
                  <a:lnTo>
                    <a:pt x="740" y="63"/>
                  </a:lnTo>
                  <a:lnTo>
                    <a:pt x="738" y="63"/>
                  </a:lnTo>
                  <a:lnTo>
                    <a:pt x="738" y="61"/>
                  </a:lnTo>
                  <a:lnTo>
                    <a:pt x="736" y="61"/>
                  </a:lnTo>
                  <a:lnTo>
                    <a:pt x="736" y="59"/>
                  </a:lnTo>
                  <a:lnTo>
                    <a:pt x="736" y="57"/>
                  </a:lnTo>
                  <a:lnTo>
                    <a:pt x="734" y="55"/>
                  </a:lnTo>
                  <a:lnTo>
                    <a:pt x="734" y="54"/>
                  </a:lnTo>
                  <a:lnTo>
                    <a:pt x="732" y="54"/>
                  </a:lnTo>
                  <a:lnTo>
                    <a:pt x="734" y="52"/>
                  </a:lnTo>
                  <a:lnTo>
                    <a:pt x="732" y="52"/>
                  </a:lnTo>
                  <a:lnTo>
                    <a:pt x="732" y="48"/>
                  </a:lnTo>
                  <a:lnTo>
                    <a:pt x="732" y="46"/>
                  </a:lnTo>
                  <a:lnTo>
                    <a:pt x="730" y="46"/>
                  </a:lnTo>
                  <a:lnTo>
                    <a:pt x="730" y="44"/>
                  </a:lnTo>
                  <a:lnTo>
                    <a:pt x="730" y="43"/>
                  </a:lnTo>
                  <a:lnTo>
                    <a:pt x="732" y="41"/>
                  </a:lnTo>
                  <a:lnTo>
                    <a:pt x="732" y="39"/>
                  </a:lnTo>
                  <a:lnTo>
                    <a:pt x="732" y="37"/>
                  </a:lnTo>
                  <a:lnTo>
                    <a:pt x="732" y="35"/>
                  </a:lnTo>
                  <a:lnTo>
                    <a:pt x="734" y="35"/>
                  </a:lnTo>
                  <a:lnTo>
                    <a:pt x="734" y="33"/>
                  </a:lnTo>
                  <a:lnTo>
                    <a:pt x="736" y="33"/>
                  </a:lnTo>
                  <a:lnTo>
                    <a:pt x="738" y="33"/>
                  </a:lnTo>
                  <a:lnTo>
                    <a:pt x="738" y="31"/>
                  </a:lnTo>
                  <a:lnTo>
                    <a:pt x="738" y="30"/>
                  </a:lnTo>
                  <a:lnTo>
                    <a:pt x="740" y="30"/>
                  </a:lnTo>
                  <a:lnTo>
                    <a:pt x="740" y="28"/>
                  </a:lnTo>
                  <a:lnTo>
                    <a:pt x="741" y="28"/>
                  </a:lnTo>
                  <a:lnTo>
                    <a:pt x="743" y="28"/>
                  </a:lnTo>
                  <a:lnTo>
                    <a:pt x="745" y="26"/>
                  </a:lnTo>
                  <a:lnTo>
                    <a:pt x="745" y="28"/>
                  </a:lnTo>
                  <a:lnTo>
                    <a:pt x="747" y="28"/>
                  </a:lnTo>
                  <a:lnTo>
                    <a:pt x="747" y="26"/>
                  </a:lnTo>
                  <a:lnTo>
                    <a:pt x="749" y="26"/>
                  </a:lnTo>
                  <a:lnTo>
                    <a:pt x="751" y="26"/>
                  </a:lnTo>
                  <a:lnTo>
                    <a:pt x="751" y="24"/>
                  </a:lnTo>
                  <a:lnTo>
                    <a:pt x="753" y="22"/>
                  </a:lnTo>
                  <a:lnTo>
                    <a:pt x="753" y="20"/>
                  </a:lnTo>
                  <a:lnTo>
                    <a:pt x="754" y="20"/>
                  </a:lnTo>
                  <a:lnTo>
                    <a:pt x="756" y="20"/>
                  </a:lnTo>
                  <a:lnTo>
                    <a:pt x="756" y="18"/>
                  </a:lnTo>
                  <a:lnTo>
                    <a:pt x="758" y="22"/>
                  </a:lnTo>
                  <a:lnTo>
                    <a:pt x="760" y="22"/>
                  </a:lnTo>
                  <a:lnTo>
                    <a:pt x="762" y="22"/>
                  </a:lnTo>
                  <a:lnTo>
                    <a:pt x="764" y="22"/>
                  </a:lnTo>
                  <a:lnTo>
                    <a:pt x="765" y="22"/>
                  </a:lnTo>
                  <a:lnTo>
                    <a:pt x="769" y="24"/>
                  </a:lnTo>
                  <a:lnTo>
                    <a:pt x="771" y="24"/>
                  </a:lnTo>
                  <a:lnTo>
                    <a:pt x="773" y="26"/>
                  </a:lnTo>
                  <a:lnTo>
                    <a:pt x="775" y="26"/>
                  </a:lnTo>
                  <a:lnTo>
                    <a:pt x="777" y="26"/>
                  </a:lnTo>
                  <a:lnTo>
                    <a:pt x="777" y="28"/>
                  </a:lnTo>
                  <a:lnTo>
                    <a:pt x="778" y="28"/>
                  </a:lnTo>
                  <a:lnTo>
                    <a:pt x="780" y="28"/>
                  </a:lnTo>
                  <a:lnTo>
                    <a:pt x="782" y="28"/>
                  </a:lnTo>
                  <a:lnTo>
                    <a:pt x="784" y="26"/>
                  </a:lnTo>
                  <a:lnTo>
                    <a:pt x="784" y="24"/>
                  </a:lnTo>
                  <a:lnTo>
                    <a:pt x="786" y="24"/>
                  </a:lnTo>
                  <a:lnTo>
                    <a:pt x="788" y="22"/>
                  </a:lnTo>
                  <a:lnTo>
                    <a:pt x="788" y="20"/>
                  </a:lnTo>
                  <a:lnTo>
                    <a:pt x="790" y="20"/>
                  </a:lnTo>
                  <a:lnTo>
                    <a:pt x="790" y="18"/>
                  </a:lnTo>
                  <a:lnTo>
                    <a:pt x="791" y="18"/>
                  </a:lnTo>
                  <a:lnTo>
                    <a:pt x="793" y="17"/>
                  </a:lnTo>
                  <a:lnTo>
                    <a:pt x="793" y="15"/>
                  </a:lnTo>
                  <a:lnTo>
                    <a:pt x="795" y="15"/>
                  </a:lnTo>
                  <a:lnTo>
                    <a:pt x="795" y="13"/>
                  </a:lnTo>
                  <a:lnTo>
                    <a:pt x="793" y="11"/>
                  </a:lnTo>
                  <a:lnTo>
                    <a:pt x="795" y="9"/>
                  </a:lnTo>
                  <a:lnTo>
                    <a:pt x="795" y="7"/>
                  </a:lnTo>
                  <a:lnTo>
                    <a:pt x="793" y="7"/>
                  </a:lnTo>
                  <a:lnTo>
                    <a:pt x="793" y="6"/>
                  </a:lnTo>
                  <a:lnTo>
                    <a:pt x="793" y="4"/>
                  </a:lnTo>
                  <a:lnTo>
                    <a:pt x="795" y="4"/>
                  </a:lnTo>
                  <a:lnTo>
                    <a:pt x="795" y="2"/>
                  </a:lnTo>
                  <a:lnTo>
                    <a:pt x="795" y="0"/>
                  </a:lnTo>
                  <a:lnTo>
                    <a:pt x="797" y="0"/>
                  </a:lnTo>
                  <a:lnTo>
                    <a:pt x="799" y="0"/>
                  </a:lnTo>
                  <a:lnTo>
                    <a:pt x="799" y="2"/>
                  </a:lnTo>
                  <a:lnTo>
                    <a:pt x="801" y="2"/>
                  </a:lnTo>
                  <a:lnTo>
                    <a:pt x="802" y="4"/>
                  </a:lnTo>
                  <a:lnTo>
                    <a:pt x="802" y="6"/>
                  </a:lnTo>
                  <a:lnTo>
                    <a:pt x="812" y="28"/>
                  </a:lnTo>
                  <a:lnTo>
                    <a:pt x="806" y="44"/>
                  </a:lnTo>
                  <a:lnTo>
                    <a:pt x="810" y="59"/>
                  </a:lnTo>
                  <a:lnTo>
                    <a:pt x="812" y="59"/>
                  </a:lnTo>
                  <a:lnTo>
                    <a:pt x="814" y="57"/>
                  </a:lnTo>
                  <a:lnTo>
                    <a:pt x="815" y="57"/>
                  </a:lnTo>
                  <a:lnTo>
                    <a:pt x="817" y="57"/>
                  </a:lnTo>
                  <a:lnTo>
                    <a:pt x="821" y="59"/>
                  </a:lnTo>
                  <a:lnTo>
                    <a:pt x="823" y="59"/>
                  </a:lnTo>
                  <a:lnTo>
                    <a:pt x="825" y="61"/>
                  </a:lnTo>
                  <a:lnTo>
                    <a:pt x="827" y="59"/>
                  </a:lnTo>
                  <a:lnTo>
                    <a:pt x="841" y="46"/>
                  </a:lnTo>
                  <a:lnTo>
                    <a:pt x="851" y="43"/>
                  </a:lnTo>
                  <a:lnTo>
                    <a:pt x="856" y="41"/>
                  </a:lnTo>
                  <a:lnTo>
                    <a:pt x="869" y="41"/>
                  </a:lnTo>
                  <a:lnTo>
                    <a:pt x="873" y="43"/>
                  </a:lnTo>
                  <a:lnTo>
                    <a:pt x="875" y="44"/>
                  </a:lnTo>
                  <a:lnTo>
                    <a:pt x="876" y="44"/>
                  </a:lnTo>
                  <a:lnTo>
                    <a:pt x="876" y="46"/>
                  </a:lnTo>
                  <a:lnTo>
                    <a:pt x="878" y="46"/>
                  </a:lnTo>
                  <a:lnTo>
                    <a:pt x="878" y="48"/>
                  </a:lnTo>
                  <a:lnTo>
                    <a:pt x="880" y="48"/>
                  </a:lnTo>
                  <a:lnTo>
                    <a:pt x="880" y="50"/>
                  </a:lnTo>
                  <a:lnTo>
                    <a:pt x="882" y="50"/>
                  </a:lnTo>
                  <a:lnTo>
                    <a:pt x="882" y="52"/>
                  </a:lnTo>
                  <a:lnTo>
                    <a:pt x="884" y="52"/>
                  </a:lnTo>
                  <a:lnTo>
                    <a:pt x="884" y="54"/>
                  </a:lnTo>
                  <a:lnTo>
                    <a:pt x="884" y="55"/>
                  </a:lnTo>
                  <a:lnTo>
                    <a:pt x="886" y="55"/>
                  </a:lnTo>
                  <a:lnTo>
                    <a:pt x="886" y="57"/>
                  </a:lnTo>
                  <a:lnTo>
                    <a:pt x="889" y="57"/>
                  </a:lnTo>
                  <a:lnTo>
                    <a:pt x="893" y="57"/>
                  </a:lnTo>
                  <a:lnTo>
                    <a:pt x="897" y="59"/>
                  </a:lnTo>
                  <a:lnTo>
                    <a:pt x="899" y="61"/>
                  </a:lnTo>
                  <a:lnTo>
                    <a:pt x="902" y="65"/>
                  </a:lnTo>
                  <a:lnTo>
                    <a:pt x="904" y="65"/>
                  </a:lnTo>
                  <a:lnTo>
                    <a:pt x="906" y="65"/>
                  </a:lnTo>
                  <a:lnTo>
                    <a:pt x="908" y="65"/>
                  </a:lnTo>
                  <a:lnTo>
                    <a:pt x="910" y="63"/>
                  </a:lnTo>
                  <a:lnTo>
                    <a:pt x="912" y="63"/>
                  </a:lnTo>
                  <a:lnTo>
                    <a:pt x="912" y="65"/>
                  </a:lnTo>
                  <a:lnTo>
                    <a:pt x="912" y="67"/>
                  </a:lnTo>
                  <a:lnTo>
                    <a:pt x="912" y="68"/>
                  </a:lnTo>
                  <a:lnTo>
                    <a:pt x="912" y="70"/>
                  </a:lnTo>
                  <a:lnTo>
                    <a:pt x="912" y="72"/>
                  </a:lnTo>
                  <a:lnTo>
                    <a:pt x="912" y="74"/>
                  </a:lnTo>
                  <a:lnTo>
                    <a:pt x="912" y="76"/>
                  </a:lnTo>
                  <a:lnTo>
                    <a:pt x="912" y="78"/>
                  </a:lnTo>
                  <a:lnTo>
                    <a:pt x="913" y="78"/>
                  </a:lnTo>
                  <a:lnTo>
                    <a:pt x="913" y="80"/>
                  </a:lnTo>
                  <a:lnTo>
                    <a:pt x="915" y="80"/>
                  </a:lnTo>
                  <a:lnTo>
                    <a:pt x="915" y="81"/>
                  </a:lnTo>
                  <a:lnTo>
                    <a:pt x="917" y="81"/>
                  </a:lnTo>
                  <a:lnTo>
                    <a:pt x="919" y="81"/>
                  </a:lnTo>
                  <a:lnTo>
                    <a:pt x="921" y="83"/>
                  </a:lnTo>
                  <a:lnTo>
                    <a:pt x="923" y="83"/>
                  </a:lnTo>
                  <a:lnTo>
                    <a:pt x="923" y="85"/>
                  </a:lnTo>
                  <a:lnTo>
                    <a:pt x="924" y="85"/>
                  </a:lnTo>
                  <a:lnTo>
                    <a:pt x="924" y="87"/>
                  </a:lnTo>
                  <a:lnTo>
                    <a:pt x="924" y="89"/>
                  </a:lnTo>
                  <a:lnTo>
                    <a:pt x="926" y="89"/>
                  </a:lnTo>
                  <a:lnTo>
                    <a:pt x="924" y="91"/>
                  </a:lnTo>
                  <a:lnTo>
                    <a:pt x="924" y="92"/>
                  </a:lnTo>
                  <a:lnTo>
                    <a:pt x="924" y="94"/>
                  </a:lnTo>
                  <a:lnTo>
                    <a:pt x="926" y="96"/>
                  </a:lnTo>
                  <a:lnTo>
                    <a:pt x="924" y="96"/>
                  </a:lnTo>
                  <a:lnTo>
                    <a:pt x="923" y="96"/>
                  </a:lnTo>
                  <a:lnTo>
                    <a:pt x="921" y="98"/>
                  </a:lnTo>
                  <a:lnTo>
                    <a:pt x="919" y="98"/>
                  </a:lnTo>
                  <a:lnTo>
                    <a:pt x="917" y="98"/>
                  </a:lnTo>
                  <a:lnTo>
                    <a:pt x="917" y="100"/>
                  </a:lnTo>
                  <a:lnTo>
                    <a:pt x="915" y="102"/>
                  </a:lnTo>
                  <a:lnTo>
                    <a:pt x="915" y="104"/>
                  </a:lnTo>
                  <a:lnTo>
                    <a:pt x="915" y="105"/>
                  </a:lnTo>
                  <a:lnTo>
                    <a:pt x="915" y="107"/>
                  </a:lnTo>
                  <a:lnTo>
                    <a:pt x="913" y="107"/>
                  </a:lnTo>
                  <a:lnTo>
                    <a:pt x="913" y="109"/>
                  </a:lnTo>
                  <a:lnTo>
                    <a:pt x="913" y="111"/>
                  </a:lnTo>
                  <a:lnTo>
                    <a:pt x="915" y="111"/>
                  </a:lnTo>
                  <a:lnTo>
                    <a:pt x="915" y="113"/>
                  </a:lnTo>
                  <a:lnTo>
                    <a:pt x="915" y="115"/>
                  </a:lnTo>
                  <a:lnTo>
                    <a:pt x="913" y="115"/>
                  </a:lnTo>
                  <a:lnTo>
                    <a:pt x="912" y="115"/>
                  </a:lnTo>
                  <a:lnTo>
                    <a:pt x="912" y="117"/>
                  </a:lnTo>
                  <a:lnTo>
                    <a:pt x="910" y="118"/>
                  </a:lnTo>
                  <a:lnTo>
                    <a:pt x="910" y="120"/>
                  </a:lnTo>
                  <a:lnTo>
                    <a:pt x="908" y="120"/>
                  </a:lnTo>
                  <a:lnTo>
                    <a:pt x="908" y="122"/>
                  </a:lnTo>
                  <a:lnTo>
                    <a:pt x="906" y="122"/>
                  </a:lnTo>
                  <a:lnTo>
                    <a:pt x="908" y="122"/>
                  </a:lnTo>
                  <a:lnTo>
                    <a:pt x="906" y="124"/>
                  </a:lnTo>
                  <a:lnTo>
                    <a:pt x="906" y="126"/>
                  </a:lnTo>
                  <a:lnTo>
                    <a:pt x="906" y="128"/>
                  </a:lnTo>
                  <a:lnTo>
                    <a:pt x="906" y="129"/>
                  </a:lnTo>
                  <a:lnTo>
                    <a:pt x="904" y="129"/>
                  </a:lnTo>
                  <a:lnTo>
                    <a:pt x="904" y="131"/>
                  </a:lnTo>
                  <a:lnTo>
                    <a:pt x="902" y="133"/>
                  </a:lnTo>
                  <a:lnTo>
                    <a:pt x="902" y="135"/>
                  </a:lnTo>
                  <a:lnTo>
                    <a:pt x="902" y="137"/>
                  </a:lnTo>
                  <a:lnTo>
                    <a:pt x="902" y="139"/>
                  </a:lnTo>
                  <a:lnTo>
                    <a:pt x="902" y="141"/>
                  </a:lnTo>
                  <a:lnTo>
                    <a:pt x="902" y="142"/>
                  </a:lnTo>
                  <a:lnTo>
                    <a:pt x="902" y="144"/>
                  </a:lnTo>
                  <a:lnTo>
                    <a:pt x="900" y="144"/>
                  </a:lnTo>
                  <a:lnTo>
                    <a:pt x="900" y="146"/>
                  </a:lnTo>
                  <a:lnTo>
                    <a:pt x="899" y="148"/>
                  </a:lnTo>
                  <a:lnTo>
                    <a:pt x="899" y="150"/>
                  </a:lnTo>
                  <a:lnTo>
                    <a:pt x="900" y="152"/>
                  </a:lnTo>
                  <a:lnTo>
                    <a:pt x="899" y="152"/>
                  </a:lnTo>
                  <a:lnTo>
                    <a:pt x="899" y="154"/>
                  </a:lnTo>
                  <a:lnTo>
                    <a:pt x="900" y="154"/>
                  </a:lnTo>
                  <a:lnTo>
                    <a:pt x="900" y="155"/>
                  </a:lnTo>
                  <a:lnTo>
                    <a:pt x="899" y="157"/>
                  </a:lnTo>
                  <a:lnTo>
                    <a:pt x="899" y="159"/>
                  </a:lnTo>
                  <a:lnTo>
                    <a:pt x="899" y="161"/>
                  </a:lnTo>
                  <a:lnTo>
                    <a:pt x="897" y="163"/>
                  </a:lnTo>
                  <a:lnTo>
                    <a:pt x="897" y="165"/>
                  </a:lnTo>
                  <a:lnTo>
                    <a:pt x="895" y="165"/>
                  </a:lnTo>
                  <a:lnTo>
                    <a:pt x="895" y="166"/>
                  </a:lnTo>
                  <a:lnTo>
                    <a:pt x="895" y="168"/>
                  </a:lnTo>
                  <a:lnTo>
                    <a:pt x="893" y="168"/>
                  </a:lnTo>
                  <a:lnTo>
                    <a:pt x="893" y="170"/>
                  </a:lnTo>
                  <a:lnTo>
                    <a:pt x="893" y="172"/>
                  </a:lnTo>
                  <a:lnTo>
                    <a:pt x="893" y="174"/>
                  </a:lnTo>
                  <a:lnTo>
                    <a:pt x="895" y="174"/>
                  </a:lnTo>
                  <a:lnTo>
                    <a:pt x="895" y="176"/>
                  </a:lnTo>
                  <a:lnTo>
                    <a:pt x="895" y="178"/>
                  </a:lnTo>
                  <a:lnTo>
                    <a:pt x="895" y="179"/>
                  </a:lnTo>
                  <a:lnTo>
                    <a:pt x="897" y="181"/>
                  </a:lnTo>
                  <a:lnTo>
                    <a:pt x="897" y="183"/>
                  </a:lnTo>
                  <a:lnTo>
                    <a:pt x="897" y="185"/>
                  </a:lnTo>
                  <a:lnTo>
                    <a:pt x="897" y="187"/>
                  </a:lnTo>
                  <a:lnTo>
                    <a:pt x="897" y="189"/>
                  </a:lnTo>
                  <a:lnTo>
                    <a:pt x="897" y="191"/>
                  </a:lnTo>
                  <a:lnTo>
                    <a:pt x="899" y="191"/>
                  </a:lnTo>
                  <a:lnTo>
                    <a:pt x="899" y="192"/>
                  </a:lnTo>
                  <a:lnTo>
                    <a:pt x="897" y="192"/>
                  </a:lnTo>
                  <a:lnTo>
                    <a:pt x="897" y="194"/>
                  </a:lnTo>
                  <a:lnTo>
                    <a:pt x="897" y="196"/>
                  </a:lnTo>
                  <a:lnTo>
                    <a:pt x="897" y="198"/>
                  </a:lnTo>
                  <a:lnTo>
                    <a:pt x="897" y="200"/>
                  </a:lnTo>
                  <a:lnTo>
                    <a:pt x="895" y="200"/>
                  </a:lnTo>
                  <a:lnTo>
                    <a:pt x="891" y="202"/>
                  </a:lnTo>
                  <a:lnTo>
                    <a:pt x="889" y="202"/>
                  </a:lnTo>
                  <a:lnTo>
                    <a:pt x="889" y="203"/>
                  </a:lnTo>
                  <a:lnTo>
                    <a:pt x="889" y="205"/>
                  </a:lnTo>
                  <a:lnTo>
                    <a:pt x="891" y="209"/>
                  </a:lnTo>
                  <a:lnTo>
                    <a:pt x="893" y="209"/>
                  </a:lnTo>
                  <a:lnTo>
                    <a:pt x="895" y="209"/>
                  </a:lnTo>
                  <a:lnTo>
                    <a:pt x="895" y="211"/>
                  </a:lnTo>
                  <a:lnTo>
                    <a:pt x="897" y="213"/>
                  </a:lnTo>
                  <a:lnTo>
                    <a:pt x="897" y="215"/>
                  </a:lnTo>
                  <a:lnTo>
                    <a:pt x="895" y="215"/>
                  </a:lnTo>
                  <a:lnTo>
                    <a:pt x="895" y="216"/>
                  </a:lnTo>
                  <a:lnTo>
                    <a:pt x="897" y="216"/>
                  </a:lnTo>
                  <a:lnTo>
                    <a:pt x="897" y="218"/>
                  </a:lnTo>
                  <a:lnTo>
                    <a:pt x="897" y="220"/>
                  </a:lnTo>
                  <a:lnTo>
                    <a:pt x="897" y="222"/>
                  </a:lnTo>
                  <a:lnTo>
                    <a:pt x="899" y="224"/>
                  </a:lnTo>
                  <a:lnTo>
                    <a:pt x="899" y="226"/>
                  </a:lnTo>
                  <a:lnTo>
                    <a:pt x="899" y="227"/>
                  </a:lnTo>
                  <a:lnTo>
                    <a:pt x="900" y="229"/>
                  </a:lnTo>
                  <a:lnTo>
                    <a:pt x="899" y="229"/>
                  </a:lnTo>
                  <a:lnTo>
                    <a:pt x="899" y="231"/>
                  </a:lnTo>
                  <a:lnTo>
                    <a:pt x="899" y="233"/>
                  </a:lnTo>
                  <a:lnTo>
                    <a:pt x="899" y="235"/>
                  </a:lnTo>
                  <a:lnTo>
                    <a:pt x="899" y="237"/>
                  </a:lnTo>
                  <a:lnTo>
                    <a:pt x="899" y="239"/>
                  </a:lnTo>
                  <a:lnTo>
                    <a:pt x="899" y="240"/>
                  </a:lnTo>
                  <a:lnTo>
                    <a:pt x="899" y="242"/>
                  </a:lnTo>
                  <a:lnTo>
                    <a:pt x="899" y="244"/>
                  </a:lnTo>
                  <a:lnTo>
                    <a:pt x="899" y="246"/>
                  </a:lnTo>
                  <a:lnTo>
                    <a:pt x="900" y="246"/>
                  </a:lnTo>
                  <a:lnTo>
                    <a:pt x="900" y="248"/>
                  </a:lnTo>
                  <a:lnTo>
                    <a:pt x="900" y="250"/>
                  </a:lnTo>
                  <a:lnTo>
                    <a:pt x="900" y="252"/>
                  </a:lnTo>
                  <a:lnTo>
                    <a:pt x="902" y="252"/>
                  </a:lnTo>
                  <a:lnTo>
                    <a:pt x="902" y="253"/>
                  </a:lnTo>
                  <a:lnTo>
                    <a:pt x="904" y="253"/>
                  </a:lnTo>
                  <a:lnTo>
                    <a:pt x="904" y="255"/>
                  </a:lnTo>
                  <a:lnTo>
                    <a:pt x="906" y="255"/>
                  </a:lnTo>
                  <a:lnTo>
                    <a:pt x="906" y="257"/>
                  </a:lnTo>
                  <a:lnTo>
                    <a:pt x="908" y="257"/>
                  </a:lnTo>
                  <a:lnTo>
                    <a:pt x="908" y="259"/>
                  </a:lnTo>
                  <a:lnTo>
                    <a:pt x="908" y="261"/>
                  </a:lnTo>
                  <a:lnTo>
                    <a:pt x="910" y="261"/>
                  </a:lnTo>
                  <a:lnTo>
                    <a:pt x="912" y="261"/>
                  </a:lnTo>
                  <a:lnTo>
                    <a:pt x="912" y="263"/>
                  </a:lnTo>
                  <a:lnTo>
                    <a:pt x="913" y="263"/>
                  </a:lnTo>
                  <a:lnTo>
                    <a:pt x="915" y="264"/>
                  </a:lnTo>
                  <a:lnTo>
                    <a:pt x="917" y="266"/>
                  </a:lnTo>
                  <a:lnTo>
                    <a:pt x="919" y="268"/>
                  </a:lnTo>
                  <a:lnTo>
                    <a:pt x="919" y="270"/>
                  </a:lnTo>
                  <a:lnTo>
                    <a:pt x="921" y="270"/>
                  </a:lnTo>
                  <a:lnTo>
                    <a:pt x="921" y="272"/>
                  </a:lnTo>
                  <a:lnTo>
                    <a:pt x="921" y="274"/>
                  </a:lnTo>
                  <a:lnTo>
                    <a:pt x="921" y="276"/>
                  </a:lnTo>
                  <a:lnTo>
                    <a:pt x="923" y="276"/>
                  </a:lnTo>
                  <a:lnTo>
                    <a:pt x="923" y="277"/>
                  </a:lnTo>
                  <a:lnTo>
                    <a:pt x="923" y="279"/>
                  </a:lnTo>
                  <a:lnTo>
                    <a:pt x="924" y="279"/>
                  </a:lnTo>
                  <a:lnTo>
                    <a:pt x="924" y="281"/>
                  </a:lnTo>
                  <a:lnTo>
                    <a:pt x="924" y="283"/>
                  </a:lnTo>
                  <a:lnTo>
                    <a:pt x="923" y="283"/>
                  </a:lnTo>
                  <a:lnTo>
                    <a:pt x="923" y="285"/>
                  </a:lnTo>
                  <a:lnTo>
                    <a:pt x="923" y="287"/>
                  </a:lnTo>
                  <a:lnTo>
                    <a:pt x="924" y="287"/>
                  </a:lnTo>
                  <a:lnTo>
                    <a:pt x="924" y="289"/>
                  </a:lnTo>
                  <a:lnTo>
                    <a:pt x="926" y="289"/>
                  </a:lnTo>
                  <a:lnTo>
                    <a:pt x="926" y="290"/>
                  </a:lnTo>
                  <a:lnTo>
                    <a:pt x="928" y="290"/>
                  </a:lnTo>
                  <a:lnTo>
                    <a:pt x="930" y="290"/>
                  </a:lnTo>
                  <a:lnTo>
                    <a:pt x="932" y="290"/>
                  </a:lnTo>
                  <a:lnTo>
                    <a:pt x="932" y="292"/>
                  </a:lnTo>
                  <a:lnTo>
                    <a:pt x="934" y="292"/>
                  </a:lnTo>
                  <a:lnTo>
                    <a:pt x="934" y="294"/>
                  </a:lnTo>
                  <a:lnTo>
                    <a:pt x="934" y="296"/>
                  </a:lnTo>
                  <a:lnTo>
                    <a:pt x="936" y="298"/>
                  </a:lnTo>
                  <a:lnTo>
                    <a:pt x="936" y="300"/>
                  </a:lnTo>
                  <a:lnTo>
                    <a:pt x="936" y="301"/>
                  </a:lnTo>
                  <a:lnTo>
                    <a:pt x="934" y="303"/>
                  </a:lnTo>
                  <a:lnTo>
                    <a:pt x="934" y="305"/>
                  </a:lnTo>
                  <a:lnTo>
                    <a:pt x="932" y="305"/>
                  </a:lnTo>
                  <a:lnTo>
                    <a:pt x="934" y="305"/>
                  </a:lnTo>
                  <a:lnTo>
                    <a:pt x="934" y="307"/>
                  </a:lnTo>
                  <a:lnTo>
                    <a:pt x="936" y="307"/>
                  </a:lnTo>
                  <a:lnTo>
                    <a:pt x="937" y="307"/>
                  </a:lnTo>
                  <a:lnTo>
                    <a:pt x="937" y="309"/>
                  </a:lnTo>
                  <a:lnTo>
                    <a:pt x="939" y="309"/>
                  </a:lnTo>
                  <a:lnTo>
                    <a:pt x="941" y="309"/>
                  </a:lnTo>
                  <a:lnTo>
                    <a:pt x="941" y="311"/>
                  </a:lnTo>
                  <a:lnTo>
                    <a:pt x="943" y="311"/>
                  </a:lnTo>
                  <a:lnTo>
                    <a:pt x="943" y="313"/>
                  </a:lnTo>
                  <a:lnTo>
                    <a:pt x="945" y="313"/>
                  </a:lnTo>
                  <a:lnTo>
                    <a:pt x="945" y="314"/>
                  </a:lnTo>
                  <a:lnTo>
                    <a:pt x="947" y="314"/>
                  </a:lnTo>
                  <a:lnTo>
                    <a:pt x="949" y="314"/>
                  </a:lnTo>
                  <a:lnTo>
                    <a:pt x="952" y="314"/>
                  </a:lnTo>
                  <a:lnTo>
                    <a:pt x="954" y="314"/>
                  </a:lnTo>
                  <a:lnTo>
                    <a:pt x="956" y="313"/>
                  </a:lnTo>
                  <a:lnTo>
                    <a:pt x="958" y="313"/>
                  </a:lnTo>
                  <a:lnTo>
                    <a:pt x="960" y="311"/>
                  </a:lnTo>
                  <a:lnTo>
                    <a:pt x="961" y="311"/>
                  </a:lnTo>
                  <a:lnTo>
                    <a:pt x="963" y="311"/>
                  </a:lnTo>
                  <a:lnTo>
                    <a:pt x="963" y="309"/>
                  </a:lnTo>
                  <a:lnTo>
                    <a:pt x="965" y="309"/>
                  </a:lnTo>
                  <a:lnTo>
                    <a:pt x="967" y="309"/>
                  </a:lnTo>
                  <a:lnTo>
                    <a:pt x="967" y="307"/>
                  </a:lnTo>
                  <a:lnTo>
                    <a:pt x="969" y="307"/>
                  </a:lnTo>
                  <a:lnTo>
                    <a:pt x="971" y="307"/>
                  </a:lnTo>
                  <a:lnTo>
                    <a:pt x="973" y="307"/>
                  </a:lnTo>
                  <a:lnTo>
                    <a:pt x="974" y="307"/>
                  </a:lnTo>
                  <a:lnTo>
                    <a:pt x="976" y="309"/>
                  </a:lnTo>
                  <a:lnTo>
                    <a:pt x="978" y="311"/>
                  </a:lnTo>
                  <a:lnTo>
                    <a:pt x="980" y="311"/>
                  </a:lnTo>
                  <a:lnTo>
                    <a:pt x="982" y="311"/>
                  </a:lnTo>
                  <a:lnTo>
                    <a:pt x="982" y="313"/>
                  </a:lnTo>
                  <a:lnTo>
                    <a:pt x="984" y="313"/>
                  </a:lnTo>
                  <a:lnTo>
                    <a:pt x="985" y="313"/>
                  </a:lnTo>
                  <a:lnTo>
                    <a:pt x="989" y="316"/>
                  </a:lnTo>
                  <a:lnTo>
                    <a:pt x="989" y="318"/>
                  </a:lnTo>
                  <a:lnTo>
                    <a:pt x="989" y="320"/>
                  </a:lnTo>
                  <a:lnTo>
                    <a:pt x="989" y="322"/>
                  </a:lnTo>
                  <a:lnTo>
                    <a:pt x="989" y="324"/>
                  </a:lnTo>
                  <a:lnTo>
                    <a:pt x="989" y="326"/>
                  </a:lnTo>
                  <a:lnTo>
                    <a:pt x="991" y="327"/>
                  </a:lnTo>
                  <a:lnTo>
                    <a:pt x="991" y="329"/>
                  </a:lnTo>
                  <a:lnTo>
                    <a:pt x="993" y="329"/>
                  </a:lnTo>
                  <a:lnTo>
                    <a:pt x="993" y="331"/>
                  </a:lnTo>
                  <a:lnTo>
                    <a:pt x="995" y="331"/>
                  </a:lnTo>
                  <a:lnTo>
                    <a:pt x="995" y="333"/>
                  </a:lnTo>
                  <a:lnTo>
                    <a:pt x="997" y="333"/>
                  </a:lnTo>
                  <a:lnTo>
                    <a:pt x="997" y="335"/>
                  </a:lnTo>
                  <a:lnTo>
                    <a:pt x="998" y="337"/>
                  </a:lnTo>
                  <a:lnTo>
                    <a:pt x="998" y="338"/>
                  </a:lnTo>
                  <a:lnTo>
                    <a:pt x="1000" y="338"/>
                  </a:lnTo>
                  <a:lnTo>
                    <a:pt x="1000" y="340"/>
                  </a:lnTo>
                  <a:lnTo>
                    <a:pt x="1002" y="342"/>
                  </a:lnTo>
                  <a:lnTo>
                    <a:pt x="1002" y="344"/>
                  </a:lnTo>
                  <a:lnTo>
                    <a:pt x="1004" y="346"/>
                  </a:lnTo>
                  <a:lnTo>
                    <a:pt x="1002" y="346"/>
                  </a:lnTo>
                  <a:lnTo>
                    <a:pt x="1002" y="348"/>
                  </a:lnTo>
                  <a:lnTo>
                    <a:pt x="1002" y="350"/>
                  </a:lnTo>
                  <a:lnTo>
                    <a:pt x="1002" y="351"/>
                  </a:lnTo>
                  <a:lnTo>
                    <a:pt x="1002" y="353"/>
                  </a:lnTo>
                  <a:lnTo>
                    <a:pt x="1000" y="355"/>
                  </a:lnTo>
                  <a:lnTo>
                    <a:pt x="1000" y="357"/>
                  </a:lnTo>
                  <a:lnTo>
                    <a:pt x="1000" y="361"/>
                  </a:lnTo>
                  <a:lnTo>
                    <a:pt x="998" y="361"/>
                  </a:lnTo>
                  <a:lnTo>
                    <a:pt x="998" y="364"/>
                  </a:lnTo>
                  <a:lnTo>
                    <a:pt x="998" y="368"/>
                  </a:lnTo>
                  <a:lnTo>
                    <a:pt x="1000" y="370"/>
                  </a:lnTo>
                  <a:lnTo>
                    <a:pt x="998" y="370"/>
                  </a:lnTo>
                  <a:lnTo>
                    <a:pt x="997" y="374"/>
                  </a:lnTo>
                  <a:lnTo>
                    <a:pt x="997" y="375"/>
                  </a:lnTo>
                  <a:lnTo>
                    <a:pt x="995" y="375"/>
                  </a:lnTo>
                  <a:lnTo>
                    <a:pt x="995" y="377"/>
                  </a:lnTo>
                  <a:lnTo>
                    <a:pt x="993" y="379"/>
                  </a:lnTo>
                  <a:lnTo>
                    <a:pt x="993" y="381"/>
                  </a:lnTo>
                  <a:lnTo>
                    <a:pt x="993" y="383"/>
                  </a:lnTo>
                  <a:lnTo>
                    <a:pt x="993" y="385"/>
                  </a:lnTo>
                  <a:lnTo>
                    <a:pt x="995" y="385"/>
                  </a:lnTo>
                  <a:lnTo>
                    <a:pt x="995" y="387"/>
                  </a:lnTo>
                  <a:lnTo>
                    <a:pt x="995" y="388"/>
                  </a:lnTo>
                  <a:lnTo>
                    <a:pt x="995" y="390"/>
                  </a:lnTo>
                  <a:lnTo>
                    <a:pt x="997" y="390"/>
                  </a:lnTo>
                  <a:lnTo>
                    <a:pt x="997" y="392"/>
                  </a:lnTo>
                  <a:lnTo>
                    <a:pt x="997" y="394"/>
                  </a:lnTo>
                  <a:lnTo>
                    <a:pt x="995" y="394"/>
                  </a:lnTo>
                  <a:lnTo>
                    <a:pt x="997" y="398"/>
                  </a:lnTo>
                  <a:lnTo>
                    <a:pt x="997" y="400"/>
                  </a:lnTo>
                  <a:lnTo>
                    <a:pt x="997" y="401"/>
                  </a:lnTo>
                  <a:lnTo>
                    <a:pt x="997" y="403"/>
                  </a:lnTo>
                  <a:lnTo>
                    <a:pt x="997" y="405"/>
                  </a:lnTo>
                  <a:lnTo>
                    <a:pt x="998" y="407"/>
                  </a:lnTo>
                  <a:lnTo>
                    <a:pt x="998" y="409"/>
                  </a:lnTo>
                  <a:lnTo>
                    <a:pt x="1000" y="409"/>
                  </a:lnTo>
                  <a:lnTo>
                    <a:pt x="1000" y="411"/>
                  </a:lnTo>
                  <a:lnTo>
                    <a:pt x="1002" y="411"/>
                  </a:lnTo>
                  <a:lnTo>
                    <a:pt x="1002" y="412"/>
                  </a:lnTo>
                  <a:lnTo>
                    <a:pt x="1002" y="414"/>
                  </a:lnTo>
                  <a:lnTo>
                    <a:pt x="1004" y="416"/>
                  </a:lnTo>
                  <a:lnTo>
                    <a:pt x="1006" y="418"/>
                  </a:lnTo>
                  <a:lnTo>
                    <a:pt x="1006" y="420"/>
                  </a:lnTo>
                  <a:lnTo>
                    <a:pt x="1006" y="422"/>
                  </a:lnTo>
                  <a:lnTo>
                    <a:pt x="1008" y="424"/>
                  </a:lnTo>
                  <a:lnTo>
                    <a:pt x="1008" y="425"/>
                  </a:lnTo>
                  <a:lnTo>
                    <a:pt x="1010" y="427"/>
                  </a:lnTo>
                  <a:lnTo>
                    <a:pt x="1010" y="429"/>
                  </a:lnTo>
                  <a:lnTo>
                    <a:pt x="1011" y="429"/>
                  </a:lnTo>
                  <a:lnTo>
                    <a:pt x="1011" y="431"/>
                  </a:lnTo>
                  <a:lnTo>
                    <a:pt x="1013" y="431"/>
                  </a:lnTo>
                  <a:lnTo>
                    <a:pt x="1013" y="433"/>
                  </a:lnTo>
                  <a:lnTo>
                    <a:pt x="1013" y="435"/>
                  </a:lnTo>
                  <a:lnTo>
                    <a:pt x="1015" y="437"/>
                  </a:lnTo>
                  <a:lnTo>
                    <a:pt x="1015" y="438"/>
                  </a:lnTo>
                  <a:lnTo>
                    <a:pt x="1015" y="440"/>
                  </a:lnTo>
                  <a:lnTo>
                    <a:pt x="1017" y="442"/>
                  </a:lnTo>
                  <a:lnTo>
                    <a:pt x="1017" y="444"/>
                  </a:lnTo>
                  <a:lnTo>
                    <a:pt x="1017" y="446"/>
                  </a:lnTo>
                  <a:lnTo>
                    <a:pt x="1015" y="448"/>
                  </a:lnTo>
                  <a:lnTo>
                    <a:pt x="1013" y="448"/>
                  </a:lnTo>
                  <a:lnTo>
                    <a:pt x="1013" y="449"/>
                  </a:lnTo>
                  <a:lnTo>
                    <a:pt x="1011" y="448"/>
                  </a:lnTo>
                  <a:lnTo>
                    <a:pt x="1011" y="449"/>
                  </a:lnTo>
                  <a:lnTo>
                    <a:pt x="1010" y="449"/>
                  </a:lnTo>
                  <a:lnTo>
                    <a:pt x="1010" y="451"/>
                  </a:lnTo>
                  <a:lnTo>
                    <a:pt x="1008" y="451"/>
                  </a:lnTo>
                  <a:lnTo>
                    <a:pt x="1006" y="451"/>
                  </a:lnTo>
                  <a:lnTo>
                    <a:pt x="1006" y="453"/>
                  </a:lnTo>
                  <a:lnTo>
                    <a:pt x="1004" y="453"/>
                  </a:lnTo>
                  <a:lnTo>
                    <a:pt x="1002" y="453"/>
                  </a:lnTo>
                  <a:lnTo>
                    <a:pt x="1000" y="455"/>
                  </a:lnTo>
                  <a:lnTo>
                    <a:pt x="998" y="455"/>
                  </a:lnTo>
                  <a:lnTo>
                    <a:pt x="998" y="457"/>
                  </a:lnTo>
                  <a:lnTo>
                    <a:pt x="998" y="459"/>
                  </a:lnTo>
                  <a:lnTo>
                    <a:pt x="998" y="461"/>
                  </a:lnTo>
                  <a:lnTo>
                    <a:pt x="1000" y="461"/>
                  </a:lnTo>
                  <a:lnTo>
                    <a:pt x="1000" y="462"/>
                  </a:lnTo>
                  <a:lnTo>
                    <a:pt x="1000" y="464"/>
                  </a:lnTo>
                  <a:lnTo>
                    <a:pt x="1002" y="464"/>
                  </a:lnTo>
                  <a:lnTo>
                    <a:pt x="1004" y="464"/>
                  </a:lnTo>
                  <a:lnTo>
                    <a:pt x="1004" y="466"/>
                  </a:lnTo>
                  <a:lnTo>
                    <a:pt x="1006" y="466"/>
                  </a:lnTo>
                  <a:lnTo>
                    <a:pt x="1006" y="468"/>
                  </a:lnTo>
                  <a:lnTo>
                    <a:pt x="1008" y="470"/>
                  </a:lnTo>
                  <a:lnTo>
                    <a:pt x="1008" y="472"/>
                  </a:lnTo>
                  <a:lnTo>
                    <a:pt x="1006" y="472"/>
                  </a:lnTo>
                  <a:lnTo>
                    <a:pt x="1006" y="474"/>
                  </a:lnTo>
                  <a:lnTo>
                    <a:pt x="1004" y="474"/>
                  </a:lnTo>
                  <a:lnTo>
                    <a:pt x="1004" y="475"/>
                  </a:lnTo>
                  <a:lnTo>
                    <a:pt x="1002" y="475"/>
                  </a:lnTo>
                  <a:lnTo>
                    <a:pt x="1000" y="477"/>
                  </a:lnTo>
                  <a:lnTo>
                    <a:pt x="1000" y="479"/>
                  </a:lnTo>
                  <a:lnTo>
                    <a:pt x="1000" y="481"/>
                  </a:lnTo>
                  <a:lnTo>
                    <a:pt x="998" y="481"/>
                  </a:lnTo>
                  <a:lnTo>
                    <a:pt x="998" y="483"/>
                  </a:lnTo>
                  <a:lnTo>
                    <a:pt x="998" y="485"/>
                  </a:lnTo>
                  <a:lnTo>
                    <a:pt x="997" y="486"/>
                  </a:lnTo>
                  <a:lnTo>
                    <a:pt x="997" y="488"/>
                  </a:lnTo>
                  <a:lnTo>
                    <a:pt x="997" y="490"/>
                  </a:lnTo>
                  <a:lnTo>
                    <a:pt x="995" y="492"/>
                  </a:lnTo>
                  <a:lnTo>
                    <a:pt x="997" y="494"/>
                  </a:lnTo>
                  <a:lnTo>
                    <a:pt x="998" y="496"/>
                  </a:lnTo>
                  <a:lnTo>
                    <a:pt x="998" y="498"/>
                  </a:lnTo>
                  <a:lnTo>
                    <a:pt x="998" y="499"/>
                  </a:lnTo>
                  <a:lnTo>
                    <a:pt x="1000" y="499"/>
                  </a:lnTo>
                  <a:lnTo>
                    <a:pt x="1000" y="501"/>
                  </a:lnTo>
                  <a:lnTo>
                    <a:pt x="1000" y="503"/>
                  </a:lnTo>
                  <a:lnTo>
                    <a:pt x="1002" y="503"/>
                  </a:lnTo>
                  <a:lnTo>
                    <a:pt x="1002" y="505"/>
                  </a:lnTo>
                  <a:lnTo>
                    <a:pt x="1002" y="507"/>
                  </a:lnTo>
                  <a:lnTo>
                    <a:pt x="1002" y="509"/>
                  </a:lnTo>
                  <a:lnTo>
                    <a:pt x="1004" y="509"/>
                  </a:lnTo>
                  <a:lnTo>
                    <a:pt x="1004" y="511"/>
                  </a:lnTo>
                  <a:lnTo>
                    <a:pt x="1004" y="514"/>
                  </a:lnTo>
                  <a:lnTo>
                    <a:pt x="1004" y="516"/>
                  </a:lnTo>
                  <a:lnTo>
                    <a:pt x="1006" y="518"/>
                  </a:lnTo>
                  <a:lnTo>
                    <a:pt x="1006" y="520"/>
                  </a:lnTo>
                  <a:lnTo>
                    <a:pt x="1008" y="520"/>
                  </a:lnTo>
                  <a:lnTo>
                    <a:pt x="1008" y="522"/>
                  </a:lnTo>
                  <a:lnTo>
                    <a:pt x="1008" y="523"/>
                  </a:lnTo>
                  <a:lnTo>
                    <a:pt x="1006" y="525"/>
                  </a:lnTo>
                  <a:lnTo>
                    <a:pt x="1004" y="529"/>
                  </a:lnTo>
                  <a:lnTo>
                    <a:pt x="1004" y="531"/>
                  </a:lnTo>
                  <a:lnTo>
                    <a:pt x="1004" y="535"/>
                  </a:lnTo>
                  <a:lnTo>
                    <a:pt x="1004" y="536"/>
                  </a:lnTo>
                  <a:lnTo>
                    <a:pt x="1004" y="538"/>
                  </a:lnTo>
                  <a:lnTo>
                    <a:pt x="1004" y="540"/>
                  </a:lnTo>
                  <a:lnTo>
                    <a:pt x="1006" y="540"/>
                  </a:lnTo>
                  <a:lnTo>
                    <a:pt x="1006" y="542"/>
                  </a:lnTo>
                  <a:lnTo>
                    <a:pt x="1006" y="544"/>
                  </a:lnTo>
                  <a:lnTo>
                    <a:pt x="1006" y="546"/>
                  </a:lnTo>
                  <a:lnTo>
                    <a:pt x="1006" y="547"/>
                  </a:lnTo>
                  <a:lnTo>
                    <a:pt x="1006" y="549"/>
                  </a:lnTo>
                  <a:lnTo>
                    <a:pt x="1006" y="551"/>
                  </a:lnTo>
                  <a:lnTo>
                    <a:pt x="1004" y="551"/>
                  </a:lnTo>
                  <a:lnTo>
                    <a:pt x="1004" y="553"/>
                  </a:lnTo>
                  <a:lnTo>
                    <a:pt x="1004" y="555"/>
                  </a:lnTo>
                  <a:lnTo>
                    <a:pt x="1004" y="557"/>
                  </a:lnTo>
                  <a:lnTo>
                    <a:pt x="1004" y="559"/>
                  </a:lnTo>
                  <a:lnTo>
                    <a:pt x="1002" y="559"/>
                  </a:lnTo>
                  <a:lnTo>
                    <a:pt x="1002" y="560"/>
                  </a:lnTo>
                  <a:lnTo>
                    <a:pt x="1000" y="560"/>
                  </a:lnTo>
                  <a:lnTo>
                    <a:pt x="1000" y="562"/>
                  </a:lnTo>
                  <a:lnTo>
                    <a:pt x="1000" y="564"/>
                  </a:lnTo>
                  <a:lnTo>
                    <a:pt x="998" y="564"/>
                  </a:lnTo>
                  <a:lnTo>
                    <a:pt x="998" y="566"/>
                  </a:lnTo>
                  <a:lnTo>
                    <a:pt x="998" y="568"/>
                  </a:lnTo>
                  <a:lnTo>
                    <a:pt x="998" y="570"/>
                  </a:lnTo>
                  <a:lnTo>
                    <a:pt x="998" y="573"/>
                  </a:lnTo>
                  <a:lnTo>
                    <a:pt x="997" y="573"/>
                  </a:lnTo>
                  <a:lnTo>
                    <a:pt x="995" y="573"/>
                  </a:lnTo>
                  <a:lnTo>
                    <a:pt x="993" y="573"/>
                  </a:lnTo>
                  <a:lnTo>
                    <a:pt x="991" y="573"/>
                  </a:lnTo>
                  <a:lnTo>
                    <a:pt x="989" y="573"/>
                  </a:lnTo>
                  <a:lnTo>
                    <a:pt x="989" y="575"/>
                  </a:lnTo>
                  <a:lnTo>
                    <a:pt x="987" y="575"/>
                  </a:lnTo>
                  <a:lnTo>
                    <a:pt x="987" y="577"/>
                  </a:lnTo>
                  <a:lnTo>
                    <a:pt x="985" y="577"/>
                  </a:lnTo>
                  <a:lnTo>
                    <a:pt x="984" y="577"/>
                  </a:lnTo>
                  <a:lnTo>
                    <a:pt x="982" y="579"/>
                  </a:lnTo>
                  <a:lnTo>
                    <a:pt x="980" y="579"/>
                  </a:lnTo>
                  <a:lnTo>
                    <a:pt x="980" y="581"/>
                  </a:lnTo>
                  <a:lnTo>
                    <a:pt x="978" y="581"/>
                  </a:lnTo>
                  <a:lnTo>
                    <a:pt x="978" y="583"/>
                  </a:lnTo>
                  <a:lnTo>
                    <a:pt x="976" y="583"/>
                  </a:lnTo>
                  <a:lnTo>
                    <a:pt x="976" y="584"/>
                  </a:lnTo>
                  <a:lnTo>
                    <a:pt x="974" y="584"/>
                  </a:lnTo>
                  <a:lnTo>
                    <a:pt x="973" y="584"/>
                  </a:lnTo>
                  <a:lnTo>
                    <a:pt x="973" y="586"/>
                  </a:lnTo>
                  <a:lnTo>
                    <a:pt x="971" y="586"/>
                  </a:lnTo>
                  <a:lnTo>
                    <a:pt x="971" y="588"/>
                  </a:lnTo>
                  <a:lnTo>
                    <a:pt x="973" y="588"/>
                  </a:lnTo>
                  <a:lnTo>
                    <a:pt x="973" y="590"/>
                  </a:lnTo>
                  <a:lnTo>
                    <a:pt x="971" y="592"/>
                  </a:lnTo>
                  <a:lnTo>
                    <a:pt x="971" y="594"/>
                  </a:lnTo>
                  <a:lnTo>
                    <a:pt x="971" y="596"/>
                  </a:lnTo>
                  <a:lnTo>
                    <a:pt x="969" y="597"/>
                  </a:lnTo>
                  <a:lnTo>
                    <a:pt x="969" y="599"/>
                  </a:lnTo>
                  <a:lnTo>
                    <a:pt x="969" y="601"/>
                  </a:lnTo>
                  <a:lnTo>
                    <a:pt x="969" y="603"/>
                  </a:lnTo>
                  <a:lnTo>
                    <a:pt x="971" y="603"/>
                  </a:lnTo>
                  <a:lnTo>
                    <a:pt x="971" y="605"/>
                  </a:lnTo>
                  <a:lnTo>
                    <a:pt x="973" y="605"/>
                  </a:lnTo>
                  <a:lnTo>
                    <a:pt x="973" y="607"/>
                  </a:lnTo>
                  <a:lnTo>
                    <a:pt x="971" y="610"/>
                  </a:lnTo>
                  <a:lnTo>
                    <a:pt x="969" y="612"/>
                  </a:lnTo>
                  <a:lnTo>
                    <a:pt x="967" y="614"/>
                  </a:lnTo>
                  <a:lnTo>
                    <a:pt x="967" y="616"/>
                  </a:lnTo>
                  <a:lnTo>
                    <a:pt x="965" y="618"/>
                  </a:lnTo>
                  <a:lnTo>
                    <a:pt x="965" y="621"/>
                  </a:lnTo>
                  <a:lnTo>
                    <a:pt x="965" y="623"/>
                  </a:lnTo>
                  <a:lnTo>
                    <a:pt x="967" y="623"/>
                  </a:lnTo>
                  <a:lnTo>
                    <a:pt x="967" y="625"/>
                  </a:lnTo>
                  <a:lnTo>
                    <a:pt x="969" y="625"/>
                  </a:lnTo>
                  <a:lnTo>
                    <a:pt x="971" y="625"/>
                  </a:lnTo>
                  <a:lnTo>
                    <a:pt x="971" y="627"/>
                  </a:lnTo>
                  <a:lnTo>
                    <a:pt x="973" y="629"/>
                  </a:lnTo>
                  <a:lnTo>
                    <a:pt x="974" y="631"/>
                  </a:lnTo>
                  <a:lnTo>
                    <a:pt x="974" y="633"/>
                  </a:lnTo>
                  <a:lnTo>
                    <a:pt x="976" y="633"/>
                  </a:lnTo>
                  <a:lnTo>
                    <a:pt x="976" y="634"/>
                  </a:lnTo>
                  <a:lnTo>
                    <a:pt x="978" y="634"/>
                  </a:lnTo>
                  <a:lnTo>
                    <a:pt x="978" y="636"/>
                  </a:lnTo>
                  <a:lnTo>
                    <a:pt x="980" y="638"/>
                  </a:lnTo>
                  <a:lnTo>
                    <a:pt x="980" y="640"/>
                  </a:lnTo>
                  <a:lnTo>
                    <a:pt x="980" y="642"/>
                  </a:lnTo>
                  <a:lnTo>
                    <a:pt x="982" y="644"/>
                  </a:lnTo>
                  <a:lnTo>
                    <a:pt x="982" y="646"/>
                  </a:lnTo>
                  <a:lnTo>
                    <a:pt x="980" y="647"/>
                  </a:lnTo>
                  <a:lnTo>
                    <a:pt x="980" y="649"/>
                  </a:lnTo>
                  <a:lnTo>
                    <a:pt x="978" y="651"/>
                  </a:lnTo>
                  <a:lnTo>
                    <a:pt x="978" y="653"/>
                  </a:lnTo>
                  <a:lnTo>
                    <a:pt x="978" y="655"/>
                  </a:lnTo>
                  <a:lnTo>
                    <a:pt x="978" y="657"/>
                  </a:lnTo>
                  <a:lnTo>
                    <a:pt x="976" y="657"/>
                  </a:lnTo>
                  <a:lnTo>
                    <a:pt x="976" y="658"/>
                  </a:lnTo>
                  <a:lnTo>
                    <a:pt x="974" y="658"/>
                  </a:lnTo>
                  <a:lnTo>
                    <a:pt x="973" y="658"/>
                  </a:lnTo>
                  <a:lnTo>
                    <a:pt x="971" y="658"/>
                  </a:lnTo>
                  <a:lnTo>
                    <a:pt x="971" y="662"/>
                  </a:lnTo>
                  <a:lnTo>
                    <a:pt x="971" y="664"/>
                  </a:lnTo>
                  <a:lnTo>
                    <a:pt x="969" y="664"/>
                  </a:lnTo>
                  <a:lnTo>
                    <a:pt x="969" y="666"/>
                  </a:lnTo>
                  <a:lnTo>
                    <a:pt x="967" y="668"/>
                  </a:lnTo>
                  <a:lnTo>
                    <a:pt x="967" y="670"/>
                  </a:lnTo>
                  <a:lnTo>
                    <a:pt x="965" y="670"/>
                  </a:lnTo>
                  <a:lnTo>
                    <a:pt x="965" y="671"/>
                  </a:lnTo>
                  <a:lnTo>
                    <a:pt x="965" y="673"/>
                  </a:lnTo>
                  <a:lnTo>
                    <a:pt x="963" y="675"/>
                  </a:lnTo>
                  <a:lnTo>
                    <a:pt x="963" y="677"/>
                  </a:lnTo>
                  <a:lnTo>
                    <a:pt x="961" y="677"/>
                  </a:lnTo>
                  <a:lnTo>
                    <a:pt x="961" y="679"/>
                  </a:lnTo>
                  <a:lnTo>
                    <a:pt x="961" y="681"/>
                  </a:lnTo>
                  <a:lnTo>
                    <a:pt x="960" y="681"/>
                  </a:lnTo>
                  <a:lnTo>
                    <a:pt x="958" y="681"/>
                  </a:lnTo>
                  <a:lnTo>
                    <a:pt x="956" y="681"/>
                  </a:lnTo>
                  <a:lnTo>
                    <a:pt x="954" y="683"/>
                  </a:lnTo>
                  <a:lnTo>
                    <a:pt x="954" y="684"/>
                  </a:lnTo>
                  <a:lnTo>
                    <a:pt x="952" y="684"/>
                  </a:lnTo>
                  <a:lnTo>
                    <a:pt x="952" y="686"/>
                  </a:lnTo>
                  <a:lnTo>
                    <a:pt x="952" y="688"/>
                  </a:lnTo>
                  <a:lnTo>
                    <a:pt x="952" y="690"/>
                  </a:lnTo>
                  <a:lnTo>
                    <a:pt x="954" y="694"/>
                  </a:lnTo>
                  <a:lnTo>
                    <a:pt x="954" y="695"/>
                  </a:lnTo>
                  <a:lnTo>
                    <a:pt x="954" y="697"/>
                  </a:lnTo>
                  <a:lnTo>
                    <a:pt x="954" y="699"/>
                  </a:lnTo>
                  <a:lnTo>
                    <a:pt x="956" y="699"/>
                  </a:lnTo>
                  <a:lnTo>
                    <a:pt x="956" y="701"/>
                  </a:lnTo>
                  <a:lnTo>
                    <a:pt x="956" y="703"/>
                  </a:lnTo>
                  <a:lnTo>
                    <a:pt x="956" y="705"/>
                  </a:lnTo>
                  <a:lnTo>
                    <a:pt x="958" y="705"/>
                  </a:lnTo>
                  <a:lnTo>
                    <a:pt x="958" y="707"/>
                  </a:lnTo>
                  <a:lnTo>
                    <a:pt x="958" y="708"/>
                  </a:lnTo>
                  <a:lnTo>
                    <a:pt x="958" y="710"/>
                  </a:lnTo>
                  <a:lnTo>
                    <a:pt x="960" y="712"/>
                  </a:lnTo>
                  <a:lnTo>
                    <a:pt x="960" y="714"/>
                  </a:lnTo>
                  <a:lnTo>
                    <a:pt x="961" y="714"/>
                  </a:lnTo>
                  <a:lnTo>
                    <a:pt x="961" y="716"/>
                  </a:lnTo>
                  <a:lnTo>
                    <a:pt x="963" y="718"/>
                  </a:lnTo>
                  <a:lnTo>
                    <a:pt x="965" y="720"/>
                  </a:lnTo>
                  <a:lnTo>
                    <a:pt x="965" y="721"/>
                  </a:lnTo>
                  <a:lnTo>
                    <a:pt x="965" y="723"/>
                  </a:lnTo>
                  <a:lnTo>
                    <a:pt x="965" y="725"/>
                  </a:lnTo>
                  <a:lnTo>
                    <a:pt x="967" y="727"/>
                  </a:lnTo>
                  <a:lnTo>
                    <a:pt x="967" y="729"/>
                  </a:lnTo>
                  <a:lnTo>
                    <a:pt x="969" y="731"/>
                  </a:lnTo>
                  <a:lnTo>
                    <a:pt x="971" y="732"/>
                  </a:lnTo>
                  <a:lnTo>
                    <a:pt x="973" y="732"/>
                  </a:lnTo>
                  <a:lnTo>
                    <a:pt x="973" y="734"/>
                  </a:lnTo>
                  <a:lnTo>
                    <a:pt x="976" y="736"/>
                  </a:lnTo>
                  <a:lnTo>
                    <a:pt x="976" y="738"/>
                  </a:lnTo>
                  <a:lnTo>
                    <a:pt x="978" y="738"/>
                  </a:lnTo>
                  <a:lnTo>
                    <a:pt x="980" y="740"/>
                  </a:lnTo>
                  <a:lnTo>
                    <a:pt x="980" y="742"/>
                  </a:lnTo>
                  <a:lnTo>
                    <a:pt x="982" y="744"/>
                  </a:lnTo>
                  <a:lnTo>
                    <a:pt x="982" y="745"/>
                  </a:lnTo>
                  <a:lnTo>
                    <a:pt x="982" y="747"/>
                  </a:lnTo>
                  <a:lnTo>
                    <a:pt x="984" y="749"/>
                  </a:lnTo>
                  <a:lnTo>
                    <a:pt x="985" y="751"/>
                  </a:lnTo>
                  <a:lnTo>
                    <a:pt x="985" y="753"/>
                  </a:lnTo>
                  <a:lnTo>
                    <a:pt x="987" y="755"/>
                  </a:lnTo>
                  <a:lnTo>
                    <a:pt x="987" y="757"/>
                  </a:lnTo>
                  <a:lnTo>
                    <a:pt x="987" y="758"/>
                  </a:lnTo>
                  <a:lnTo>
                    <a:pt x="985" y="784"/>
                  </a:lnTo>
                  <a:lnTo>
                    <a:pt x="985" y="799"/>
                  </a:lnTo>
                  <a:lnTo>
                    <a:pt x="984" y="801"/>
                  </a:lnTo>
                  <a:lnTo>
                    <a:pt x="982" y="801"/>
                  </a:lnTo>
                  <a:lnTo>
                    <a:pt x="982" y="803"/>
                  </a:lnTo>
                  <a:lnTo>
                    <a:pt x="980" y="805"/>
                  </a:lnTo>
                  <a:lnTo>
                    <a:pt x="980" y="806"/>
                  </a:lnTo>
                  <a:lnTo>
                    <a:pt x="982" y="808"/>
                  </a:lnTo>
                  <a:lnTo>
                    <a:pt x="982" y="810"/>
                  </a:lnTo>
                  <a:lnTo>
                    <a:pt x="984" y="812"/>
                  </a:lnTo>
                  <a:lnTo>
                    <a:pt x="985" y="810"/>
                  </a:lnTo>
                  <a:lnTo>
                    <a:pt x="987" y="810"/>
                  </a:lnTo>
                  <a:lnTo>
                    <a:pt x="989" y="810"/>
                  </a:lnTo>
                  <a:lnTo>
                    <a:pt x="991" y="810"/>
                  </a:lnTo>
                  <a:lnTo>
                    <a:pt x="991" y="808"/>
                  </a:lnTo>
                  <a:lnTo>
                    <a:pt x="993" y="818"/>
                  </a:lnTo>
                  <a:lnTo>
                    <a:pt x="995" y="818"/>
                  </a:lnTo>
                  <a:lnTo>
                    <a:pt x="997" y="825"/>
                  </a:lnTo>
                  <a:lnTo>
                    <a:pt x="997" y="827"/>
                  </a:lnTo>
                  <a:lnTo>
                    <a:pt x="997" y="829"/>
                  </a:lnTo>
                  <a:lnTo>
                    <a:pt x="997" y="831"/>
                  </a:lnTo>
                  <a:lnTo>
                    <a:pt x="997" y="834"/>
                  </a:lnTo>
                  <a:lnTo>
                    <a:pt x="998" y="836"/>
                  </a:lnTo>
                  <a:lnTo>
                    <a:pt x="998" y="838"/>
                  </a:lnTo>
                  <a:lnTo>
                    <a:pt x="998" y="840"/>
                  </a:lnTo>
                  <a:lnTo>
                    <a:pt x="1000" y="840"/>
                  </a:lnTo>
                  <a:lnTo>
                    <a:pt x="1000" y="842"/>
                  </a:lnTo>
                  <a:lnTo>
                    <a:pt x="1002" y="845"/>
                  </a:lnTo>
                  <a:lnTo>
                    <a:pt x="1002" y="847"/>
                  </a:lnTo>
                  <a:lnTo>
                    <a:pt x="1002" y="849"/>
                  </a:lnTo>
                  <a:lnTo>
                    <a:pt x="1004" y="849"/>
                  </a:lnTo>
                  <a:lnTo>
                    <a:pt x="1006" y="851"/>
                  </a:lnTo>
                  <a:lnTo>
                    <a:pt x="1006" y="853"/>
                  </a:lnTo>
                  <a:lnTo>
                    <a:pt x="1008" y="853"/>
                  </a:lnTo>
                  <a:lnTo>
                    <a:pt x="1010" y="853"/>
                  </a:lnTo>
                  <a:lnTo>
                    <a:pt x="1010" y="855"/>
                  </a:lnTo>
                  <a:lnTo>
                    <a:pt x="1011" y="855"/>
                  </a:lnTo>
                  <a:lnTo>
                    <a:pt x="1013" y="855"/>
                  </a:lnTo>
                  <a:lnTo>
                    <a:pt x="1015" y="856"/>
                  </a:lnTo>
                  <a:lnTo>
                    <a:pt x="1017" y="856"/>
                  </a:lnTo>
                  <a:lnTo>
                    <a:pt x="1019" y="858"/>
                  </a:lnTo>
                  <a:lnTo>
                    <a:pt x="1021" y="858"/>
                  </a:lnTo>
                  <a:lnTo>
                    <a:pt x="1022" y="860"/>
                  </a:lnTo>
                  <a:lnTo>
                    <a:pt x="1026" y="862"/>
                  </a:lnTo>
                  <a:lnTo>
                    <a:pt x="1028" y="862"/>
                  </a:lnTo>
                  <a:lnTo>
                    <a:pt x="1030" y="864"/>
                  </a:lnTo>
                  <a:lnTo>
                    <a:pt x="1034" y="864"/>
                  </a:lnTo>
                  <a:lnTo>
                    <a:pt x="1037" y="866"/>
                  </a:lnTo>
                  <a:lnTo>
                    <a:pt x="1039" y="867"/>
                  </a:lnTo>
                  <a:lnTo>
                    <a:pt x="1039" y="869"/>
                  </a:lnTo>
                  <a:lnTo>
                    <a:pt x="1045" y="871"/>
                  </a:lnTo>
                  <a:lnTo>
                    <a:pt x="1046" y="873"/>
                  </a:lnTo>
                  <a:lnTo>
                    <a:pt x="1048" y="875"/>
                  </a:lnTo>
                  <a:lnTo>
                    <a:pt x="1050" y="877"/>
                  </a:lnTo>
                  <a:lnTo>
                    <a:pt x="1050" y="879"/>
                  </a:lnTo>
                  <a:lnTo>
                    <a:pt x="1050" y="880"/>
                  </a:lnTo>
                  <a:lnTo>
                    <a:pt x="1052" y="880"/>
                  </a:lnTo>
                  <a:lnTo>
                    <a:pt x="1052" y="882"/>
                  </a:lnTo>
                  <a:lnTo>
                    <a:pt x="1054" y="884"/>
                  </a:lnTo>
                  <a:lnTo>
                    <a:pt x="1056" y="886"/>
                  </a:lnTo>
                  <a:lnTo>
                    <a:pt x="1058" y="886"/>
                  </a:lnTo>
                  <a:lnTo>
                    <a:pt x="1058" y="888"/>
                  </a:lnTo>
                  <a:lnTo>
                    <a:pt x="1059" y="888"/>
                  </a:lnTo>
                  <a:lnTo>
                    <a:pt x="1059" y="890"/>
                  </a:lnTo>
                  <a:lnTo>
                    <a:pt x="1059" y="892"/>
                  </a:lnTo>
                  <a:lnTo>
                    <a:pt x="1061" y="892"/>
                  </a:lnTo>
                  <a:lnTo>
                    <a:pt x="1061" y="893"/>
                  </a:lnTo>
                  <a:lnTo>
                    <a:pt x="1063" y="895"/>
                  </a:lnTo>
                  <a:lnTo>
                    <a:pt x="1063" y="897"/>
                  </a:lnTo>
                  <a:lnTo>
                    <a:pt x="1065" y="899"/>
                  </a:lnTo>
                  <a:lnTo>
                    <a:pt x="1065" y="901"/>
                  </a:lnTo>
                  <a:lnTo>
                    <a:pt x="1067" y="903"/>
                  </a:lnTo>
                  <a:lnTo>
                    <a:pt x="1067" y="904"/>
                  </a:lnTo>
                  <a:lnTo>
                    <a:pt x="1067" y="906"/>
                  </a:lnTo>
                  <a:lnTo>
                    <a:pt x="1067" y="908"/>
                  </a:lnTo>
                  <a:lnTo>
                    <a:pt x="1069" y="910"/>
                  </a:lnTo>
                  <a:lnTo>
                    <a:pt x="1071" y="912"/>
                  </a:lnTo>
                  <a:lnTo>
                    <a:pt x="1072" y="914"/>
                  </a:lnTo>
                  <a:lnTo>
                    <a:pt x="1072" y="916"/>
                  </a:lnTo>
                  <a:lnTo>
                    <a:pt x="1074" y="917"/>
                  </a:lnTo>
                  <a:lnTo>
                    <a:pt x="1076" y="917"/>
                  </a:lnTo>
                  <a:lnTo>
                    <a:pt x="1076" y="919"/>
                  </a:lnTo>
                  <a:lnTo>
                    <a:pt x="1078" y="919"/>
                  </a:lnTo>
                  <a:lnTo>
                    <a:pt x="1080" y="919"/>
                  </a:lnTo>
                  <a:lnTo>
                    <a:pt x="1082" y="919"/>
                  </a:lnTo>
                  <a:lnTo>
                    <a:pt x="1087" y="925"/>
                  </a:lnTo>
                  <a:lnTo>
                    <a:pt x="1089" y="927"/>
                  </a:lnTo>
                  <a:lnTo>
                    <a:pt x="1089" y="929"/>
                  </a:lnTo>
                  <a:lnTo>
                    <a:pt x="1091" y="929"/>
                  </a:lnTo>
                  <a:lnTo>
                    <a:pt x="1091" y="930"/>
                  </a:lnTo>
                  <a:lnTo>
                    <a:pt x="1093" y="930"/>
                  </a:lnTo>
                  <a:lnTo>
                    <a:pt x="1093" y="932"/>
                  </a:lnTo>
                  <a:lnTo>
                    <a:pt x="1095" y="932"/>
                  </a:lnTo>
                  <a:lnTo>
                    <a:pt x="1095" y="934"/>
                  </a:lnTo>
                  <a:lnTo>
                    <a:pt x="1096" y="934"/>
                  </a:lnTo>
                  <a:lnTo>
                    <a:pt x="1098" y="936"/>
                  </a:lnTo>
                  <a:lnTo>
                    <a:pt x="1100" y="936"/>
                  </a:lnTo>
                  <a:lnTo>
                    <a:pt x="1102" y="936"/>
                  </a:lnTo>
                  <a:lnTo>
                    <a:pt x="1104" y="936"/>
                  </a:lnTo>
                  <a:lnTo>
                    <a:pt x="1106" y="936"/>
                  </a:lnTo>
                  <a:lnTo>
                    <a:pt x="1107" y="936"/>
                  </a:lnTo>
                  <a:lnTo>
                    <a:pt x="1107" y="938"/>
                  </a:lnTo>
                  <a:lnTo>
                    <a:pt x="1107" y="940"/>
                  </a:lnTo>
                  <a:lnTo>
                    <a:pt x="1106" y="941"/>
                  </a:lnTo>
                  <a:lnTo>
                    <a:pt x="1106" y="943"/>
                  </a:lnTo>
                  <a:lnTo>
                    <a:pt x="1106" y="945"/>
                  </a:lnTo>
                  <a:lnTo>
                    <a:pt x="1106" y="947"/>
                  </a:lnTo>
                  <a:lnTo>
                    <a:pt x="1104" y="949"/>
                  </a:lnTo>
                  <a:lnTo>
                    <a:pt x="1104" y="951"/>
                  </a:lnTo>
                  <a:lnTo>
                    <a:pt x="1102" y="953"/>
                  </a:lnTo>
                  <a:lnTo>
                    <a:pt x="1100" y="953"/>
                  </a:lnTo>
                  <a:lnTo>
                    <a:pt x="1100" y="954"/>
                  </a:lnTo>
                  <a:lnTo>
                    <a:pt x="1098" y="954"/>
                  </a:lnTo>
                  <a:lnTo>
                    <a:pt x="1096" y="954"/>
                  </a:lnTo>
                  <a:lnTo>
                    <a:pt x="1095" y="954"/>
                  </a:lnTo>
                  <a:lnTo>
                    <a:pt x="1093" y="954"/>
                  </a:lnTo>
                  <a:lnTo>
                    <a:pt x="1093" y="956"/>
                  </a:lnTo>
                  <a:lnTo>
                    <a:pt x="1091" y="956"/>
                  </a:lnTo>
                  <a:lnTo>
                    <a:pt x="1089" y="958"/>
                  </a:lnTo>
                  <a:lnTo>
                    <a:pt x="1087" y="960"/>
                  </a:lnTo>
                  <a:lnTo>
                    <a:pt x="1085" y="960"/>
                  </a:lnTo>
                  <a:lnTo>
                    <a:pt x="1085" y="962"/>
                  </a:lnTo>
                  <a:lnTo>
                    <a:pt x="1083" y="964"/>
                  </a:lnTo>
                  <a:lnTo>
                    <a:pt x="1082" y="966"/>
                  </a:lnTo>
                  <a:lnTo>
                    <a:pt x="1082" y="967"/>
                  </a:lnTo>
                  <a:lnTo>
                    <a:pt x="1080" y="967"/>
                  </a:lnTo>
                  <a:lnTo>
                    <a:pt x="1078" y="969"/>
                  </a:lnTo>
                  <a:lnTo>
                    <a:pt x="1076" y="969"/>
                  </a:lnTo>
                  <a:lnTo>
                    <a:pt x="1074" y="969"/>
                  </a:lnTo>
                  <a:lnTo>
                    <a:pt x="1072" y="971"/>
                  </a:lnTo>
                  <a:lnTo>
                    <a:pt x="1072" y="973"/>
                  </a:lnTo>
                  <a:lnTo>
                    <a:pt x="1071" y="975"/>
                  </a:lnTo>
                  <a:lnTo>
                    <a:pt x="1071" y="977"/>
                  </a:lnTo>
                  <a:lnTo>
                    <a:pt x="1069" y="978"/>
                  </a:lnTo>
                  <a:lnTo>
                    <a:pt x="1067" y="980"/>
                  </a:lnTo>
                  <a:lnTo>
                    <a:pt x="1065" y="982"/>
                  </a:lnTo>
                  <a:lnTo>
                    <a:pt x="1065" y="984"/>
                  </a:lnTo>
                  <a:lnTo>
                    <a:pt x="1063" y="986"/>
                  </a:lnTo>
                  <a:lnTo>
                    <a:pt x="1063" y="988"/>
                  </a:lnTo>
                  <a:lnTo>
                    <a:pt x="1061" y="988"/>
                  </a:lnTo>
                  <a:lnTo>
                    <a:pt x="1061" y="990"/>
                  </a:lnTo>
                  <a:lnTo>
                    <a:pt x="1061" y="991"/>
                  </a:lnTo>
                  <a:lnTo>
                    <a:pt x="1061" y="993"/>
                  </a:lnTo>
                  <a:lnTo>
                    <a:pt x="1059" y="993"/>
                  </a:lnTo>
                  <a:lnTo>
                    <a:pt x="1059" y="995"/>
                  </a:lnTo>
                  <a:lnTo>
                    <a:pt x="1059" y="997"/>
                  </a:lnTo>
                  <a:lnTo>
                    <a:pt x="1058" y="999"/>
                  </a:lnTo>
                  <a:lnTo>
                    <a:pt x="1058" y="1001"/>
                  </a:lnTo>
                  <a:lnTo>
                    <a:pt x="1056" y="1001"/>
                  </a:lnTo>
                  <a:lnTo>
                    <a:pt x="1056" y="1003"/>
                  </a:lnTo>
                  <a:lnTo>
                    <a:pt x="1056" y="1004"/>
                  </a:lnTo>
                  <a:lnTo>
                    <a:pt x="1056" y="1006"/>
                  </a:lnTo>
                  <a:lnTo>
                    <a:pt x="1054" y="1006"/>
                  </a:lnTo>
                  <a:lnTo>
                    <a:pt x="1054" y="1008"/>
                  </a:lnTo>
                  <a:lnTo>
                    <a:pt x="1054" y="1010"/>
                  </a:lnTo>
                  <a:lnTo>
                    <a:pt x="1052" y="1008"/>
                  </a:lnTo>
                  <a:lnTo>
                    <a:pt x="1050" y="1008"/>
                  </a:lnTo>
                  <a:lnTo>
                    <a:pt x="1048" y="1008"/>
                  </a:lnTo>
                  <a:lnTo>
                    <a:pt x="1046" y="1008"/>
                  </a:lnTo>
                  <a:lnTo>
                    <a:pt x="1045" y="1008"/>
                  </a:lnTo>
                  <a:lnTo>
                    <a:pt x="1043" y="1008"/>
                  </a:lnTo>
                  <a:lnTo>
                    <a:pt x="1043" y="1010"/>
                  </a:lnTo>
                  <a:lnTo>
                    <a:pt x="1041" y="1010"/>
                  </a:lnTo>
                  <a:lnTo>
                    <a:pt x="1041" y="1012"/>
                  </a:lnTo>
                  <a:lnTo>
                    <a:pt x="1039" y="1012"/>
                  </a:lnTo>
                  <a:lnTo>
                    <a:pt x="1037" y="1012"/>
                  </a:lnTo>
                  <a:lnTo>
                    <a:pt x="1037" y="1014"/>
                  </a:lnTo>
                  <a:lnTo>
                    <a:pt x="1035" y="1014"/>
                  </a:lnTo>
                  <a:lnTo>
                    <a:pt x="1034" y="1014"/>
                  </a:lnTo>
                  <a:lnTo>
                    <a:pt x="1034" y="1015"/>
                  </a:lnTo>
                  <a:lnTo>
                    <a:pt x="1032" y="1015"/>
                  </a:lnTo>
                  <a:lnTo>
                    <a:pt x="1030" y="1017"/>
                  </a:lnTo>
                  <a:lnTo>
                    <a:pt x="1028" y="1019"/>
                  </a:lnTo>
                  <a:lnTo>
                    <a:pt x="1026" y="1021"/>
                  </a:lnTo>
                  <a:lnTo>
                    <a:pt x="1024" y="1023"/>
                  </a:lnTo>
                  <a:lnTo>
                    <a:pt x="1024" y="1025"/>
                  </a:lnTo>
                  <a:lnTo>
                    <a:pt x="1024" y="1027"/>
                  </a:lnTo>
                  <a:lnTo>
                    <a:pt x="1022" y="1025"/>
                  </a:lnTo>
                  <a:lnTo>
                    <a:pt x="1021" y="1025"/>
                  </a:lnTo>
                  <a:lnTo>
                    <a:pt x="1019" y="1027"/>
                  </a:lnTo>
                  <a:lnTo>
                    <a:pt x="1017" y="1027"/>
                  </a:lnTo>
                  <a:lnTo>
                    <a:pt x="1015" y="1027"/>
                  </a:lnTo>
                  <a:lnTo>
                    <a:pt x="1013" y="1028"/>
                  </a:lnTo>
                  <a:lnTo>
                    <a:pt x="1011" y="1028"/>
                  </a:lnTo>
                  <a:lnTo>
                    <a:pt x="1010" y="1028"/>
                  </a:lnTo>
                  <a:lnTo>
                    <a:pt x="1008" y="1030"/>
                  </a:lnTo>
                  <a:lnTo>
                    <a:pt x="1006" y="1030"/>
                  </a:lnTo>
                  <a:lnTo>
                    <a:pt x="1006" y="1032"/>
                  </a:lnTo>
                  <a:lnTo>
                    <a:pt x="1004" y="1032"/>
                  </a:lnTo>
                  <a:lnTo>
                    <a:pt x="1004" y="1034"/>
                  </a:lnTo>
                  <a:lnTo>
                    <a:pt x="1002" y="1034"/>
                  </a:lnTo>
                  <a:lnTo>
                    <a:pt x="1000" y="1036"/>
                  </a:lnTo>
                  <a:lnTo>
                    <a:pt x="998" y="1036"/>
                  </a:lnTo>
                  <a:lnTo>
                    <a:pt x="997" y="1036"/>
                  </a:lnTo>
                  <a:lnTo>
                    <a:pt x="995" y="1038"/>
                  </a:lnTo>
                  <a:lnTo>
                    <a:pt x="993" y="1038"/>
                  </a:lnTo>
                  <a:lnTo>
                    <a:pt x="993" y="1040"/>
                  </a:lnTo>
                  <a:lnTo>
                    <a:pt x="991" y="1040"/>
                  </a:lnTo>
                  <a:lnTo>
                    <a:pt x="991" y="1041"/>
                  </a:lnTo>
                  <a:lnTo>
                    <a:pt x="989" y="1040"/>
                  </a:lnTo>
                  <a:lnTo>
                    <a:pt x="989" y="1041"/>
                  </a:lnTo>
                  <a:lnTo>
                    <a:pt x="987" y="1043"/>
                  </a:lnTo>
                  <a:lnTo>
                    <a:pt x="985" y="1043"/>
                  </a:lnTo>
                  <a:lnTo>
                    <a:pt x="985" y="1045"/>
                  </a:lnTo>
                  <a:lnTo>
                    <a:pt x="987" y="1047"/>
                  </a:lnTo>
                  <a:lnTo>
                    <a:pt x="987" y="1049"/>
                  </a:lnTo>
                  <a:lnTo>
                    <a:pt x="987" y="1051"/>
                  </a:lnTo>
                  <a:lnTo>
                    <a:pt x="987" y="1052"/>
                  </a:lnTo>
                  <a:lnTo>
                    <a:pt x="989" y="1052"/>
                  </a:lnTo>
                  <a:lnTo>
                    <a:pt x="989" y="1054"/>
                  </a:lnTo>
                  <a:lnTo>
                    <a:pt x="991" y="1056"/>
                  </a:lnTo>
                  <a:lnTo>
                    <a:pt x="991" y="1058"/>
                  </a:lnTo>
                  <a:lnTo>
                    <a:pt x="993" y="1058"/>
                  </a:lnTo>
                  <a:lnTo>
                    <a:pt x="993" y="1060"/>
                  </a:lnTo>
                  <a:lnTo>
                    <a:pt x="995" y="1060"/>
                  </a:lnTo>
                  <a:lnTo>
                    <a:pt x="995" y="1062"/>
                  </a:lnTo>
                  <a:lnTo>
                    <a:pt x="995" y="1064"/>
                  </a:lnTo>
                  <a:lnTo>
                    <a:pt x="995" y="1065"/>
                  </a:lnTo>
                  <a:lnTo>
                    <a:pt x="997" y="1065"/>
                  </a:lnTo>
                  <a:lnTo>
                    <a:pt x="997" y="1067"/>
                  </a:lnTo>
                  <a:lnTo>
                    <a:pt x="997" y="1069"/>
                  </a:lnTo>
                  <a:lnTo>
                    <a:pt x="998" y="1071"/>
                  </a:lnTo>
                  <a:lnTo>
                    <a:pt x="998" y="1077"/>
                  </a:lnTo>
                  <a:lnTo>
                    <a:pt x="1000" y="1080"/>
                  </a:lnTo>
                  <a:lnTo>
                    <a:pt x="1004" y="1086"/>
                  </a:lnTo>
                  <a:lnTo>
                    <a:pt x="1008" y="1093"/>
                  </a:lnTo>
                  <a:lnTo>
                    <a:pt x="1011" y="1101"/>
                  </a:lnTo>
                  <a:lnTo>
                    <a:pt x="1011" y="1106"/>
                  </a:lnTo>
                  <a:lnTo>
                    <a:pt x="1011" y="1110"/>
                  </a:lnTo>
                  <a:lnTo>
                    <a:pt x="1010" y="1112"/>
                  </a:lnTo>
                  <a:lnTo>
                    <a:pt x="1004" y="1123"/>
                  </a:lnTo>
                  <a:lnTo>
                    <a:pt x="1004" y="1125"/>
                  </a:lnTo>
                  <a:lnTo>
                    <a:pt x="1002" y="1126"/>
                  </a:lnTo>
                  <a:lnTo>
                    <a:pt x="1000" y="1126"/>
                  </a:lnTo>
                  <a:lnTo>
                    <a:pt x="998" y="1128"/>
                  </a:lnTo>
                  <a:lnTo>
                    <a:pt x="997" y="1130"/>
                  </a:lnTo>
                  <a:lnTo>
                    <a:pt x="997" y="1132"/>
                  </a:lnTo>
                  <a:lnTo>
                    <a:pt x="997" y="1138"/>
                  </a:lnTo>
                  <a:lnTo>
                    <a:pt x="997" y="1139"/>
                  </a:lnTo>
                  <a:lnTo>
                    <a:pt x="995" y="1143"/>
                  </a:lnTo>
                  <a:lnTo>
                    <a:pt x="997" y="1145"/>
                  </a:lnTo>
                  <a:lnTo>
                    <a:pt x="997" y="1147"/>
                  </a:lnTo>
                  <a:lnTo>
                    <a:pt x="997" y="1149"/>
                  </a:lnTo>
                  <a:lnTo>
                    <a:pt x="997" y="1151"/>
                  </a:lnTo>
                  <a:lnTo>
                    <a:pt x="997" y="1152"/>
                  </a:lnTo>
                  <a:lnTo>
                    <a:pt x="995" y="1152"/>
                  </a:lnTo>
                  <a:lnTo>
                    <a:pt x="995" y="1154"/>
                  </a:lnTo>
                  <a:lnTo>
                    <a:pt x="993" y="1154"/>
                  </a:lnTo>
                  <a:lnTo>
                    <a:pt x="993" y="1156"/>
                  </a:lnTo>
                  <a:lnTo>
                    <a:pt x="991" y="1156"/>
                  </a:lnTo>
                  <a:lnTo>
                    <a:pt x="991" y="1158"/>
                  </a:lnTo>
                  <a:lnTo>
                    <a:pt x="989" y="1158"/>
                  </a:lnTo>
                  <a:lnTo>
                    <a:pt x="987" y="1158"/>
                  </a:lnTo>
                  <a:lnTo>
                    <a:pt x="985" y="1158"/>
                  </a:lnTo>
                  <a:lnTo>
                    <a:pt x="984" y="1158"/>
                  </a:lnTo>
                  <a:lnTo>
                    <a:pt x="982" y="1158"/>
                  </a:lnTo>
                  <a:lnTo>
                    <a:pt x="982" y="1160"/>
                  </a:lnTo>
                  <a:lnTo>
                    <a:pt x="980" y="1158"/>
                  </a:lnTo>
                  <a:lnTo>
                    <a:pt x="978" y="1158"/>
                  </a:lnTo>
                  <a:lnTo>
                    <a:pt x="978" y="1160"/>
                  </a:lnTo>
                  <a:lnTo>
                    <a:pt x="976" y="1160"/>
                  </a:lnTo>
                  <a:lnTo>
                    <a:pt x="974" y="1160"/>
                  </a:lnTo>
                  <a:lnTo>
                    <a:pt x="973" y="1160"/>
                  </a:lnTo>
                  <a:lnTo>
                    <a:pt x="973" y="1162"/>
                  </a:lnTo>
                  <a:lnTo>
                    <a:pt x="971" y="1162"/>
                  </a:lnTo>
                  <a:lnTo>
                    <a:pt x="969" y="1162"/>
                  </a:lnTo>
                  <a:lnTo>
                    <a:pt x="967" y="1162"/>
                  </a:lnTo>
                  <a:lnTo>
                    <a:pt x="967" y="1160"/>
                  </a:lnTo>
                  <a:lnTo>
                    <a:pt x="965" y="1160"/>
                  </a:lnTo>
                  <a:lnTo>
                    <a:pt x="963" y="1158"/>
                  </a:lnTo>
                  <a:lnTo>
                    <a:pt x="961" y="1158"/>
                  </a:lnTo>
                  <a:lnTo>
                    <a:pt x="960" y="1158"/>
                  </a:lnTo>
                  <a:lnTo>
                    <a:pt x="956" y="1158"/>
                  </a:lnTo>
                  <a:lnTo>
                    <a:pt x="954" y="1160"/>
                  </a:lnTo>
                  <a:lnTo>
                    <a:pt x="952" y="1162"/>
                  </a:lnTo>
                  <a:lnTo>
                    <a:pt x="952" y="1163"/>
                  </a:lnTo>
                  <a:lnTo>
                    <a:pt x="950" y="1163"/>
                  </a:lnTo>
                  <a:lnTo>
                    <a:pt x="950" y="1165"/>
                  </a:lnTo>
                  <a:lnTo>
                    <a:pt x="949" y="1165"/>
                  </a:lnTo>
                  <a:lnTo>
                    <a:pt x="947" y="1165"/>
                  </a:lnTo>
                  <a:lnTo>
                    <a:pt x="945" y="1165"/>
                  </a:lnTo>
                  <a:lnTo>
                    <a:pt x="943" y="1165"/>
                  </a:lnTo>
                  <a:lnTo>
                    <a:pt x="941" y="1165"/>
                  </a:lnTo>
                  <a:lnTo>
                    <a:pt x="941" y="1167"/>
                  </a:lnTo>
                  <a:lnTo>
                    <a:pt x="939" y="1167"/>
                  </a:lnTo>
                  <a:lnTo>
                    <a:pt x="939" y="1169"/>
                  </a:lnTo>
                  <a:lnTo>
                    <a:pt x="937" y="1169"/>
                  </a:lnTo>
                  <a:lnTo>
                    <a:pt x="937" y="1171"/>
                  </a:lnTo>
                  <a:lnTo>
                    <a:pt x="936" y="1171"/>
                  </a:lnTo>
                  <a:lnTo>
                    <a:pt x="936" y="1173"/>
                  </a:lnTo>
                  <a:lnTo>
                    <a:pt x="934" y="1173"/>
                  </a:lnTo>
                  <a:lnTo>
                    <a:pt x="932" y="1173"/>
                  </a:lnTo>
                  <a:lnTo>
                    <a:pt x="932" y="1175"/>
                  </a:lnTo>
                  <a:lnTo>
                    <a:pt x="930" y="1175"/>
                  </a:lnTo>
                  <a:lnTo>
                    <a:pt x="930" y="1176"/>
                  </a:lnTo>
                  <a:lnTo>
                    <a:pt x="928" y="1176"/>
                  </a:lnTo>
                  <a:lnTo>
                    <a:pt x="928" y="1178"/>
                  </a:lnTo>
                  <a:lnTo>
                    <a:pt x="926" y="1178"/>
                  </a:lnTo>
                  <a:lnTo>
                    <a:pt x="924" y="1178"/>
                  </a:lnTo>
                  <a:lnTo>
                    <a:pt x="923" y="1178"/>
                  </a:lnTo>
                  <a:lnTo>
                    <a:pt x="923" y="1180"/>
                  </a:lnTo>
                  <a:lnTo>
                    <a:pt x="921" y="1180"/>
                  </a:lnTo>
                  <a:lnTo>
                    <a:pt x="919" y="1178"/>
                  </a:lnTo>
                  <a:lnTo>
                    <a:pt x="917" y="1180"/>
                  </a:lnTo>
                  <a:lnTo>
                    <a:pt x="915" y="1180"/>
                  </a:lnTo>
                  <a:lnTo>
                    <a:pt x="913" y="1182"/>
                  </a:lnTo>
                  <a:lnTo>
                    <a:pt x="912" y="1182"/>
                  </a:lnTo>
                  <a:lnTo>
                    <a:pt x="912" y="1184"/>
                  </a:lnTo>
                  <a:lnTo>
                    <a:pt x="910" y="1186"/>
                  </a:lnTo>
                  <a:lnTo>
                    <a:pt x="910" y="1189"/>
                  </a:lnTo>
                  <a:lnTo>
                    <a:pt x="910" y="1191"/>
                  </a:lnTo>
                  <a:lnTo>
                    <a:pt x="908" y="1191"/>
                  </a:lnTo>
                  <a:lnTo>
                    <a:pt x="910" y="1191"/>
                  </a:lnTo>
                  <a:lnTo>
                    <a:pt x="910" y="1193"/>
                  </a:lnTo>
                  <a:lnTo>
                    <a:pt x="910" y="1195"/>
                  </a:lnTo>
                  <a:lnTo>
                    <a:pt x="912" y="1195"/>
                  </a:lnTo>
                  <a:lnTo>
                    <a:pt x="910" y="1197"/>
                  </a:lnTo>
                  <a:lnTo>
                    <a:pt x="910" y="1199"/>
                  </a:lnTo>
                  <a:lnTo>
                    <a:pt x="910" y="1200"/>
                  </a:lnTo>
                  <a:lnTo>
                    <a:pt x="908" y="1200"/>
                  </a:lnTo>
                  <a:lnTo>
                    <a:pt x="908" y="1202"/>
                  </a:lnTo>
                  <a:lnTo>
                    <a:pt x="904" y="1204"/>
                  </a:lnTo>
                  <a:lnTo>
                    <a:pt x="900" y="1210"/>
                  </a:lnTo>
                  <a:lnTo>
                    <a:pt x="899" y="1223"/>
                  </a:lnTo>
                  <a:lnTo>
                    <a:pt x="899" y="1224"/>
                  </a:lnTo>
                  <a:lnTo>
                    <a:pt x="897" y="1226"/>
                  </a:lnTo>
                  <a:lnTo>
                    <a:pt x="900" y="1228"/>
                  </a:lnTo>
                  <a:lnTo>
                    <a:pt x="900" y="1230"/>
                  </a:lnTo>
                  <a:lnTo>
                    <a:pt x="900" y="1232"/>
                  </a:lnTo>
                  <a:lnTo>
                    <a:pt x="902" y="1234"/>
                  </a:lnTo>
                  <a:lnTo>
                    <a:pt x="904" y="1236"/>
                  </a:lnTo>
                  <a:lnTo>
                    <a:pt x="906" y="1236"/>
                  </a:lnTo>
                  <a:lnTo>
                    <a:pt x="906" y="1237"/>
                  </a:lnTo>
                  <a:lnTo>
                    <a:pt x="908" y="1237"/>
                  </a:lnTo>
                  <a:lnTo>
                    <a:pt x="908" y="1239"/>
                  </a:lnTo>
                  <a:lnTo>
                    <a:pt x="910" y="1241"/>
                  </a:lnTo>
                  <a:lnTo>
                    <a:pt x="912" y="1243"/>
                  </a:lnTo>
                  <a:lnTo>
                    <a:pt x="913" y="1243"/>
                  </a:lnTo>
                  <a:lnTo>
                    <a:pt x="913" y="1245"/>
                  </a:lnTo>
                  <a:lnTo>
                    <a:pt x="915" y="1247"/>
                  </a:lnTo>
                  <a:lnTo>
                    <a:pt x="915" y="1249"/>
                  </a:lnTo>
                  <a:lnTo>
                    <a:pt x="917" y="1249"/>
                  </a:lnTo>
                  <a:lnTo>
                    <a:pt x="917" y="1250"/>
                  </a:lnTo>
                  <a:lnTo>
                    <a:pt x="919" y="1250"/>
                  </a:lnTo>
                  <a:lnTo>
                    <a:pt x="919" y="1252"/>
                  </a:lnTo>
                  <a:lnTo>
                    <a:pt x="923" y="1284"/>
                  </a:lnTo>
                  <a:lnTo>
                    <a:pt x="923" y="1286"/>
                  </a:lnTo>
                  <a:lnTo>
                    <a:pt x="924" y="1287"/>
                  </a:lnTo>
                  <a:lnTo>
                    <a:pt x="924" y="1289"/>
                  </a:lnTo>
                  <a:lnTo>
                    <a:pt x="924" y="1291"/>
                  </a:lnTo>
                  <a:lnTo>
                    <a:pt x="926" y="1291"/>
                  </a:lnTo>
                  <a:lnTo>
                    <a:pt x="926" y="1293"/>
                  </a:lnTo>
                  <a:lnTo>
                    <a:pt x="928" y="1298"/>
                  </a:lnTo>
                  <a:lnTo>
                    <a:pt x="923" y="1300"/>
                  </a:lnTo>
                  <a:lnTo>
                    <a:pt x="921" y="1300"/>
                  </a:lnTo>
                  <a:lnTo>
                    <a:pt x="921" y="1304"/>
                  </a:lnTo>
                  <a:lnTo>
                    <a:pt x="921" y="1308"/>
                  </a:lnTo>
                  <a:lnTo>
                    <a:pt x="919" y="1308"/>
                  </a:lnTo>
                  <a:lnTo>
                    <a:pt x="917" y="1310"/>
                  </a:lnTo>
                  <a:lnTo>
                    <a:pt x="915" y="1311"/>
                  </a:lnTo>
                  <a:lnTo>
                    <a:pt x="913" y="1311"/>
                  </a:lnTo>
                  <a:lnTo>
                    <a:pt x="912" y="1311"/>
                  </a:lnTo>
                  <a:lnTo>
                    <a:pt x="910" y="1311"/>
                  </a:lnTo>
                  <a:lnTo>
                    <a:pt x="910" y="1310"/>
                  </a:lnTo>
                  <a:lnTo>
                    <a:pt x="908" y="1310"/>
                  </a:lnTo>
                  <a:lnTo>
                    <a:pt x="906" y="1310"/>
                  </a:lnTo>
                  <a:lnTo>
                    <a:pt x="906" y="1311"/>
                  </a:lnTo>
                  <a:lnTo>
                    <a:pt x="904" y="1311"/>
                  </a:lnTo>
                  <a:lnTo>
                    <a:pt x="906" y="1313"/>
                  </a:lnTo>
                  <a:lnTo>
                    <a:pt x="904" y="1313"/>
                  </a:lnTo>
                  <a:lnTo>
                    <a:pt x="906" y="1313"/>
                  </a:lnTo>
                  <a:lnTo>
                    <a:pt x="904" y="1313"/>
                  </a:lnTo>
                  <a:lnTo>
                    <a:pt x="904" y="1315"/>
                  </a:lnTo>
                  <a:lnTo>
                    <a:pt x="904" y="1317"/>
                  </a:lnTo>
                  <a:lnTo>
                    <a:pt x="904" y="1319"/>
                  </a:lnTo>
                  <a:lnTo>
                    <a:pt x="904" y="1321"/>
                  </a:lnTo>
                  <a:lnTo>
                    <a:pt x="904" y="1323"/>
                  </a:lnTo>
                  <a:lnTo>
                    <a:pt x="902" y="1323"/>
                  </a:lnTo>
                  <a:lnTo>
                    <a:pt x="900" y="1323"/>
                  </a:lnTo>
                  <a:lnTo>
                    <a:pt x="900" y="1324"/>
                  </a:lnTo>
                  <a:lnTo>
                    <a:pt x="900" y="1326"/>
                  </a:lnTo>
                  <a:lnTo>
                    <a:pt x="899" y="1326"/>
                  </a:lnTo>
                  <a:lnTo>
                    <a:pt x="897" y="1326"/>
                  </a:lnTo>
                  <a:lnTo>
                    <a:pt x="895" y="1328"/>
                  </a:lnTo>
                  <a:lnTo>
                    <a:pt x="893" y="1328"/>
                  </a:lnTo>
                  <a:lnTo>
                    <a:pt x="891" y="1328"/>
                  </a:lnTo>
                  <a:lnTo>
                    <a:pt x="891" y="1326"/>
                  </a:lnTo>
                  <a:lnTo>
                    <a:pt x="882" y="1326"/>
                  </a:lnTo>
                  <a:lnTo>
                    <a:pt x="882" y="1328"/>
                  </a:lnTo>
                  <a:lnTo>
                    <a:pt x="884" y="1330"/>
                  </a:lnTo>
                  <a:lnTo>
                    <a:pt x="882" y="1330"/>
                  </a:lnTo>
                  <a:lnTo>
                    <a:pt x="882" y="1332"/>
                  </a:lnTo>
                  <a:lnTo>
                    <a:pt x="882" y="1334"/>
                  </a:lnTo>
                  <a:lnTo>
                    <a:pt x="882" y="1335"/>
                  </a:lnTo>
                  <a:lnTo>
                    <a:pt x="884" y="1335"/>
                  </a:lnTo>
                  <a:lnTo>
                    <a:pt x="884" y="1337"/>
                  </a:lnTo>
                  <a:lnTo>
                    <a:pt x="884" y="1339"/>
                  </a:lnTo>
                  <a:lnTo>
                    <a:pt x="884" y="1341"/>
                  </a:lnTo>
                  <a:lnTo>
                    <a:pt x="884" y="1343"/>
                  </a:lnTo>
                  <a:lnTo>
                    <a:pt x="882" y="1343"/>
                  </a:lnTo>
                  <a:lnTo>
                    <a:pt x="882" y="1345"/>
                  </a:lnTo>
                  <a:lnTo>
                    <a:pt x="880" y="1345"/>
                  </a:lnTo>
                  <a:lnTo>
                    <a:pt x="878" y="1343"/>
                  </a:lnTo>
                  <a:lnTo>
                    <a:pt x="876" y="1345"/>
                  </a:lnTo>
                  <a:lnTo>
                    <a:pt x="875" y="1345"/>
                  </a:lnTo>
                  <a:lnTo>
                    <a:pt x="873" y="1345"/>
                  </a:lnTo>
                  <a:lnTo>
                    <a:pt x="873" y="1343"/>
                  </a:lnTo>
                  <a:lnTo>
                    <a:pt x="873" y="1347"/>
                  </a:lnTo>
                  <a:lnTo>
                    <a:pt x="876" y="1350"/>
                  </a:lnTo>
                  <a:lnTo>
                    <a:pt x="878" y="1352"/>
                  </a:lnTo>
                  <a:lnTo>
                    <a:pt x="880" y="1356"/>
                  </a:lnTo>
                  <a:lnTo>
                    <a:pt x="884" y="1356"/>
                  </a:lnTo>
                  <a:lnTo>
                    <a:pt x="889" y="1358"/>
                  </a:lnTo>
                  <a:lnTo>
                    <a:pt x="891" y="1358"/>
                  </a:lnTo>
                  <a:lnTo>
                    <a:pt x="895" y="1360"/>
                  </a:lnTo>
                  <a:lnTo>
                    <a:pt x="902" y="1363"/>
                  </a:lnTo>
                  <a:lnTo>
                    <a:pt x="904" y="1363"/>
                  </a:lnTo>
                  <a:lnTo>
                    <a:pt x="908" y="1365"/>
                  </a:lnTo>
                  <a:lnTo>
                    <a:pt x="910" y="1367"/>
                  </a:lnTo>
                  <a:lnTo>
                    <a:pt x="910" y="1371"/>
                  </a:lnTo>
                  <a:lnTo>
                    <a:pt x="910" y="1372"/>
                  </a:lnTo>
                  <a:lnTo>
                    <a:pt x="912" y="1376"/>
                  </a:lnTo>
                  <a:lnTo>
                    <a:pt x="912" y="1378"/>
                  </a:lnTo>
                  <a:lnTo>
                    <a:pt x="912" y="1382"/>
                  </a:lnTo>
                  <a:lnTo>
                    <a:pt x="912" y="1385"/>
                  </a:lnTo>
                  <a:lnTo>
                    <a:pt x="913" y="1387"/>
                  </a:lnTo>
                  <a:lnTo>
                    <a:pt x="913" y="1389"/>
                  </a:lnTo>
                  <a:lnTo>
                    <a:pt x="915" y="1389"/>
                  </a:lnTo>
                  <a:lnTo>
                    <a:pt x="913" y="1393"/>
                  </a:lnTo>
                  <a:lnTo>
                    <a:pt x="912" y="1397"/>
                  </a:lnTo>
                  <a:lnTo>
                    <a:pt x="910" y="1400"/>
                  </a:lnTo>
                  <a:lnTo>
                    <a:pt x="908" y="1400"/>
                  </a:lnTo>
                  <a:lnTo>
                    <a:pt x="908" y="1402"/>
                  </a:lnTo>
                  <a:lnTo>
                    <a:pt x="910" y="1402"/>
                  </a:lnTo>
                  <a:lnTo>
                    <a:pt x="910" y="1404"/>
                  </a:lnTo>
                  <a:lnTo>
                    <a:pt x="910" y="1406"/>
                  </a:lnTo>
                  <a:lnTo>
                    <a:pt x="912" y="1406"/>
                  </a:lnTo>
                  <a:lnTo>
                    <a:pt x="913" y="1408"/>
                  </a:lnTo>
                  <a:lnTo>
                    <a:pt x="915" y="1408"/>
                  </a:lnTo>
                  <a:lnTo>
                    <a:pt x="917" y="1408"/>
                  </a:lnTo>
                  <a:lnTo>
                    <a:pt x="919" y="1409"/>
                  </a:lnTo>
                  <a:lnTo>
                    <a:pt x="919" y="1411"/>
                  </a:lnTo>
                  <a:lnTo>
                    <a:pt x="923" y="1413"/>
                  </a:lnTo>
                  <a:lnTo>
                    <a:pt x="923" y="1415"/>
                  </a:lnTo>
                  <a:lnTo>
                    <a:pt x="923" y="1417"/>
                  </a:lnTo>
                  <a:lnTo>
                    <a:pt x="921" y="1419"/>
                  </a:lnTo>
                  <a:lnTo>
                    <a:pt x="921" y="1421"/>
                  </a:lnTo>
                  <a:lnTo>
                    <a:pt x="921" y="1422"/>
                  </a:lnTo>
                  <a:lnTo>
                    <a:pt x="921" y="1424"/>
                  </a:lnTo>
                  <a:lnTo>
                    <a:pt x="919" y="1426"/>
                  </a:lnTo>
                  <a:lnTo>
                    <a:pt x="919" y="1428"/>
                  </a:lnTo>
                  <a:lnTo>
                    <a:pt x="919" y="1430"/>
                  </a:lnTo>
                  <a:lnTo>
                    <a:pt x="919" y="1432"/>
                  </a:lnTo>
                  <a:lnTo>
                    <a:pt x="921" y="1432"/>
                  </a:lnTo>
                  <a:lnTo>
                    <a:pt x="923" y="1432"/>
                  </a:lnTo>
                  <a:lnTo>
                    <a:pt x="923" y="1430"/>
                  </a:lnTo>
                  <a:lnTo>
                    <a:pt x="926" y="1432"/>
                  </a:lnTo>
                  <a:lnTo>
                    <a:pt x="928" y="1432"/>
                  </a:lnTo>
                  <a:lnTo>
                    <a:pt x="930" y="1432"/>
                  </a:lnTo>
                  <a:lnTo>
                    <a:pt x="932" y="1434"/>
                  </a:lnTo>
                  <a:lnTo>
                    <a:pt x="932" y="1435"/>
                  </a:lnTo>
                  <a:lnTo>
                    <a:pt x="934" y="1435"/>
                  </a:lnTo>
                  <a:lnTo>
                    <a:pt x="936" y="1435"/>
                  </a:lnTo>
                  <a:lnTo>
                    <a:pt x="941" y="1435"/>
                  </a:lnTo>
                  <a:lnTo>
                    <a:pt x="943" y="1435"/>
                  </a:lnTo>
                  <a:lnTo>
                    <a:pt x="945" y="1435"/>
                  </a:lnTo>
                  <a:lnTo>
                    <a:pt x="947" y="1435"/>
                  </a:lnTo>
                  <a:lnTo>
                    <a:pt x="952" y="1434"/>
                  </a:lnTo>
                  <a:lnTo>
                    <a:pt x="952" y="1435"/>
                  </a:lnTo>
                  <a:lnTo>
                    <a:pt x="954" y="1435"/>
                  </a:lnTo>
                  <a:lnTo>
                    <a:pt x="954" y="1437"/>
                  </a:lnTo>
                  <a:lnTo>
                    <a:pt x="954" y="1439"/>
                  </a:lnTo>
                  <a:lnTo>
                    <a:pt x="956" y="1439"/>
                  </a:lnTo>
                  <a:lnTo>
                    <a:pt x="958" y="1441"/>
                  </a:lnTo>
                  <a:lnTo>
                    <a:pt x="960" y="1443"/>
                  </a:lnTo>
                  <a:lnTo>
                    <a:pt x="960" y="1445"/>
                  </a:lnTo>
                  <a:lnTo>
                    <a:pt x="961" y="1445"/>
                  </a:lnTo>
                  <a:lnTo>
                    <a:pt x="961" y="1446"/>
                  </a:lnTo>
                  <a:lnTo>
                    <a:pt x="961" y="1448"/>
                  </a:lnTo>
                  <a:lnTo>
                    <a:pt x="963" y="1448"/>
                  </a:lnTo>
                  <a:lnTo>
                    <a:pt x="963" y="1446"/>
                  </a:lnTo>
                  <a:lnTo>
                    <a:pt x="965" y="1446"/>
                  </a:lnTo>
                  <a:lnTo>
                    <a:pt x="967" y="1446"/>
                  </a:lnTo>
                  <a:lnTo>
                    <a:pt x="969" y="1446"/>
                  </a:lnTo>
                  <a:lnTo>
                    <a:pt x="971" y="1448"/>
                  </a:lnTo>
                  <a:lnTo>
                    <a:pt x="973" y="1446"/>
                  </a:lnTo>
                  <a:lnTo>
                    <a:pt x="974" y="1446"/>
                  </a:lnTo>
                  <a:lnTo>
                    <a:pt x="976" y="1446"/>
                  </a:lnTo>
                  <a:lnTo>
                    <a:pt x="976" y="1450"/>
                  </a:lnTo>
                  <a:lnTo>
                    <a:pt x="974" y="1456"/>
                  </a:lnTo>
                  <a:lnTo>
                    <a:pt x="978" y="1458"/>
                  </a:lnTo>
                  <a:lnTo>
                    <a:pt x="980" y="1459"/>
                  </a:lnTo>
                  <a:lnTo>
                    <a:pt x="980" y="1458"/>
                  </a:lnTo>
                  <a:lnTo>
                    <a:pt x="982" y="1458"/>
                  </a:lnTo>
                  <a:lnTo>
                    <a:pt x="984" y="1459"/>
                  </a:lnTo>
                  <a:lnTo>
                    <a:pt x="985" y="1459"/>
                  </a:lnTo>
                  <a:lnTo>
                    <a:pt x="987" y="1461"/>
                  </a:lnTo>
                  <a:lnTo>
                    <a:pt x="989" y="1463"/>
                  </a:lnTo>
                  <a:lnTo>
                    <a:pt x="987" y="1465"/>
                  </a:lnTo>
                  <a:lnTo>
                    <a:pt x="987" y="1467"/>
                  </a:lnTo>
                  <a:lnTo>
                    <a:pt x="991" y="1467"/>
                  </a:lnTo>
                  <a:lnTo>
                    <a:pt x="991" y="1465"/>
                  </a:lnTo>
                  <a:lnTo>
                    <a:pt x="993" y="1463"/>
                  </a:lnTo>
                  <a:lnTo>
                    <a:pt x="995" y="1463"/>
                  </a:lnTo>
                  <a:lnTo>
                    <a:pt x="997" y="1463"/>
                  </a:lnTo>
                  <a:lnTo>
                    <a:pt x="998" y="1465"/>
                  </a:lnTo>
                  <a:lnTo>
                    <a:pt x="1000" y="1465"/>
                  </a:lnTo>
                  <a:lnTo>
                    <a:pt x="1000" y="1467"/>
                  </a:lnTo>
                  <a:lnTo>
                    <a:pt x="1002" y="1469"/>
                  </a:lnTo>
                  <a:lnTo>
                    <a:pt x="998" y="1476"/>
                  </a:lnTo>
                  <a:lnTo>
                    <a:pt x="1000" y="1482"/>
                  </a:lnTo>
                  <a:lnTo>
                    <a:pt x="1002" y="1489"/>
                  </a:lnTo>
                  <a:lnTo>
                    <a:pt x="1010" y="1485"/>
                  </a:lnTo>
                  <a:lnTo>
                    <a:pt x="1015" y="1483"/>
                  </a:lnTo>
                  <a:lnTo>
                    <a:pt x="1019" y="1487"/>
                  </a:lnTo>
                  <a:lnTo>
                    <a:pt x="1017" y="1487"/>
                  </a:lnTo>
                  <a:lnTo>
                    <a:pt x="1017" y="1489"/>
                  </a:lnTo>
                  <a:lnTo>
                    <a:pt x="1017" y="1491"/>
                  </a:lnTo>
                  <a:lnTo>
                    <a:pt x="1017" y="1493"/>
                  </a:lnTo>
                  <a:lnTo>
                    <a:pt x="1019" y="1493"/>
                  </a:lnTo>
                  <a:lnTo>
                    <a:pt x="1019" y="1495"/>
                  </a:lnTo>
                  <a:lnTo>
                    <a:pt x="1017" y="1495"/>
                  </a:lnTo>
                  <a:lnTo>
                    <a:pt x="1015" y="1496"/>
                  </a:lnTo>
                  <a:lnTo>
                    <a:pt x="1013" y="1496"/>
                  </a:lnTo>
                  <a:lnTo>
                    <a:pt x="1013" y="1498"/>
                  </a:lnTo>
                  <a:lnTo>
                    <a:pt x="1013" y="1500"/>
                  </a:lnTo>
                  <a:lnTo>
                    <a:pt x="1011" y="1500"/>
                  </a:lnTo>
                  <a:lnTo>
                    <a:pt x="1011" y="1502"/>
                  </a:lnTo>
                  <a:lnTo>
                    <a:pt x="1010" y="1502"/>
                  </a:lnTo>
                  <a:lnTo>
                    <a:pt x="1010" y="1504"/>
                  </a:lnTo>
                  <a:lnTo>
                    <a:pt x="1008" y="1504"/>
                  </a:lnTo>
                  <a:lnTo>
                    <a:pt x="1008" y="1506"/>
                  </a:lnTo>
                  <a:lnTo>
                    <a:pt x="1004" y="1504"/>
                  </a:lnTo>
                  <a:lnTo>
                    <a:pt x="1002" y="1508"/>
                  </a:lnTo>
                  <a:lnTo>
                    <a:pt x="1004" y="1508"/>
                  </a:lnTo>
                  <a:lnTo>
                    <a:pt x="1004" y="1509"/>
                  </a:lnTo>
                  <a:lnTo>
                    <a:pt x="1006" y="1509"/>
                  </a:lnTo>
                  <a:lnTo>
                    <a:pt x="1006" y="1511"/>
                  </a:lnTo>
                  <a:lnTo>
                    <a:pt x="1004" y="1513"/>
                  </a:lnTo>
                  <a:lnTo>
                    <a:pt x="1004" y="1515"/>
                  </a:lnTo>
                  <a:lnTo>
                    <a:pt x="1002" y="1515"/>
                  </a:lnTo>
                  <a:lnTo>
                    <a:pt x="1002" y="1517"/>
                  </a:lnTo>
                  <a:lnTo>
                    <a:pt x="1002" y="1519"/>
                  </a:lnTo>
                  <a:lnTo>
                    <a:pt x="1004" y="1519"/>
                  </a:lnTo>
                  <a:lnTo>
                    <a:pt x="1002" y="1519"/>
                  </a:lnTo>
                  <a:lnTo>
                    <a:pt x="1002" y="1520"/>
                  </a:lnTo>
                  <a:lnTo>
                    <a:pt x="1000" y="1522"/>
                  </a:lnTo>
                  <a:lnTo>
                    <a:pt x="998" y="1522"/>
                  </a:lnTo>
                  <a:lnTo>
                    <a:pt x="998" y="1524"/>
                  </a:lnTo>
                  <a:lnTo>
                    <a:pt x="997" y="1524"/>
                  </a:lnTo>
                  <a:lnTo>
                    <a:pt x="995" y="1524"/>
                  </a:lnTo>
                  <a:lnTo>
                    <a:pt x="995" y="1526"/>
                  </a:lnTo>
                  <a:lnTo>
                    <a:pt x="995" y="1528"/>
                  </a:lnTo>
                  <a:lnTo>
                    <a:pt x="993" y="1528"/>
                  </a:lnTo>
                  <a:lnTo>
                    <a:pt x="993" y="1530"/>
                  </a:lnTo>
                  <a:lnTo>
                    <a:pt x="993" y="1532"/>
                  </a:lnTo>
                  <a:lnTo>
                    <a:pt x="991" y="1533"/>
                  </a:lnTo>
                  <a:lnTo>
                    <a:pt x="987" y="1539"/>
                  </a:lnTo>
                  <a:lnTo>
                    <a:pt x="987" y="1537"/>
                  </a:lnTo>
                  <a:lnTo>
                    <a:pt x="985" y="1537"/>
                  </a:lnTo>
                  <a:lnTo>
                    <a:pt x="984" y="1537"/>
                  </a:lnTo>
                  <a:lnTo>
                    <a:pt x="984" y="1539"/>
                  </a:lnTo>
                  <a:lnTo>
                    <a:pt x="982" y="1539"/>
                  </a:lnTo>
                  <a:lnTo>
                    <a:pt x="980" y="1539"/>
                  </a:lnTo>
                  <a:lnTo>
                    <a:pt x="978" y="1541"/>
                  </a:lnTo>
                  <a:lnTo>
                    <a:pt x="978" y="1539"/>
                  </a:lnTo>
                  <a:lnTo>
                    <a:pt x="976" y="1539"/>
                  </a:lnTo>
                  <a:lnTo>
                    <a:pt x="974" y="1539"/>
                  </a:lnTo>
                  <a:lnTo>
                    <a:pt x="974" y="1541"/>
                  </a:lnTo>
                  <a:lnTo>
                    <a:pt x="973" y="1541"/>
                  </a:lnTo>
                  <a:lnTo>
                    <a:pt x="973" y="1543"/>
                  </a:lnTo>
                  <a:lnTo>
                    <a:pt x="971" y="1543"/>
                  </a:lnTo>
                  <a:lnTo>
                    <a:pt x="971" y="1544"/>
                  </a:lnTo>
                  <a:lnTo>
                    <a:pt x="971" y="1546"/>
                  </a:lnTo>
                  <a:lnTo>
                    <a:pt x="973" y="1546"/>
                  </a:lnTo>
                  <a:lnTo>
                    <a:pt x="973" y="1548"/>
                  </a:lnTo>
                  <a:lnTo>
                    <a:pt x="971" y="1548"/>
                  </a:lnTo>
                  <a:lnTo>
                    <a:pt x="971" y="1550"/>
                  </a:lnTo>
                  <a:lnTo>
                    <a:pt x="969" y="1550"/>
                  </a:lnTo>
                  <a:lnTo>
                    <a:pt x="969" y="1552"/>
                  </a:lnTo>
                  <a:lnTo>
                    <a:pt x="969" y="1554"/>
                  </a:lnTo>
                  <a:lnTo>
                    <a:pt x="971" y="1554"/>
                  </a:lnTo>
                  <a:lnTo>
                    <a:pt x="969" y="1554"/>
                  </a:lnTo>
                  <a:lnTo>
                    <a:pt x="967" y="1554"/>
                  </a:lnTo>
                  <a:lnTo>
                    <a:pt x="967" y="1556"/>
                  </a:lnTo>
                  <a:lnTo>
                    <a:pt x="967" y="1557"/>
                  </a:lnTo>
                  <a:lnTo>
                    <a:pt x="967" y="1559"/>
                  </a:lnTo>
                  <a:lnTo>
                    <a:pt x="965" y="1559"/>
                  </a:lnTo>
                  <a:lnTo>
                    <a:pt x="965" y="1561"/>
                  </a:lnTo>
                  <a:lnTo>
                    <a:pt x="965" y="1563"/>
                  </a:lnTo>
                  <a:lnTo>
                    <a:pt x="965" y="1565"/>
                  </a:lnTo>
                  <a:lnTo>
                    <a:pt x="963" y="1565"/>
                  </a:lnTo>
                  <a:lnTo>
                    <a:pt x="963" y="1567"/>
                  </a:lnTo>
                  <a:lnTo>
                    <a:pt x="963" y="1569"/>
                  </a:lnTo>
                  <a:lnTo>
                    <a:pt x="965" y="1569"/>
                  </a:lnTo>
                  <a:lnTo>
                    <a:pt x="965" y="1570"/>
                  </a:lnTo>
                  <a:lnTo>
                    <a:pt x="965" y="1572"/>
                  </a:lnTo>
                  <a:lnTo>
                    <a:pt x="963" y="1572"/>
                  </a:lnTo>
                  <a:lnTo>
                    <a:pt x="963" y="1574"/>
                  </a:lnTo>
                  <a:lnTo>
                    <a:pt x="965" y="1574"/>
                  </a:lnTo>
                  <a:lnTo>
                    <a:pt x="965" y="1576"/>
                  </a:lnTo>
                  <a:lnTo>
                    <a:pt x="967" y="1578"/>
                  </a:lnTo>
                  <a:lnTo>
                    <a:pt x="967" y="1580"/>
                  </a:lnTo>
                  <a:lnTo>
                    <a:pt x="967" y="1581"/>
                  </a:lnTo>
                  <a:lnTo>
                    <a:pt x="965" y="1583"/>
                  </a:lnTo>
                  <a:lnTo>
                    <a:pt x="963" y="1583"/>
                  </a:lnTo>
                  <a:lnTo>
                    <a:pt x="963" y="1585"/>
                  </a:lnTo>
                  <a:lnTo>
                    <a:pt x="965" y="1585"/>
                  </a:lnTo>
                  <a:lnTo>
                    <a:pt x="965" y="1587"/>
                  </a:lnTo>
                  <a:lnTo>
                    <a:pt x="967" y="1587"/>
                  </a:lnTo>
                  <a:lnTo>
                    <a:pt x="965" y="1587"/>
                  </a:lnTo>
                  <a:lnTo>
                    <a:pt x="963" y="1587"/>
                  </a:lnTo>
                  <a:lnTo>
                    <a:pt x="961" y="1589"/>
                  </a:lnTo>
                  <a:lnTo>
                    <a:pt x="961" y="1591"/>
                  </a:lnTo>
                  <a:lnTo>
                    <a:pt x="960" y="1591"/>
                  </a:lnTo>
                  <a:lnTo>
                    <a:pt x="960" y="1593"/>
                  </a:lnTo>
                  <a:lnTo>
                    <a:pt x="958" y="1593"/>
                  </a:lnTo>
                  <a:lnTo>
                    <a:pt x="958" y="1594"/>
                  </a:lnTo>
                  <a:lnTo>
                    <a:pt x="958" y="1596"/>
                  </a:lnTo>
                  <a:lnTo>
                    <a:pt x="958" y="1594"/>
                  </a:lnTo>
                  <a:lnTo>
                    <a:pt x="958" y="1596"/>
                  </a:lnTo>
                  <a:lnTo>
                    <a:pt x="958" y="1598"/>
                  </a:lnTo>
                  <a:lnTo>
                    <a:pt x="956" y="1598"/>
                  </a:lnTo>
                  <a:lnTo>
                    <a:pt x="954" y="1598"/>
                  </a:lnTo>
                  <a:lnTo>
                    <a:pt x="952" y="1598"/>
                  </a:lnTo>
                  <a:lnTo>
                    <a:pt x="950" y="1600"/>
                  </a:lnTo>
                  <a:lnTo>
                    <a:pt x="950" y="1602"/>
                  </a:lnTo>
                  <a:lnTo>
                    <a:pt x="950" y="1604"/>
                  </a:lnTo>
                  <a:lnTo>
                    <a:pt x="949" y="1604"/>
                  </a:lnTo>
                  <a:lnTo>
                    <a:pt x="949" y="1606"/>
                  </a:lnTo>
                  <a:lnTo>
                    <a:pt x="949" y="1607"/>
                  </a:lnTo>
                  <a:lnTo>
                    <a:pt x="950" y="1607"/>
                  </a:lnTo>
                  <a:lnTo>
                    <a:pt x="949" y="1607"/>
                  </a:lnTo>
                  <a:lnTo>
                    <a:pt x="947" y="1607"/>
                  </a:lnTo>
                  <a:lnTo>
                    <a:pt x="947" y="1609"/>
                  </a:lnTo>
                  <a:lnTo>
                    <a:pt x="945" y="1609"/>
                  </a:lnTo>
                  <a:lnTo>
                    <a:pt x="945" y="1611"/>
                  </a:lnTo>
                  <a:lnTo>
                    <a:pt x="945" y="1613"/>
                  </a:lnTo>
                  <a:lnTo>
                    <a:pt x="945" y="1615"/>
                  </a:lnTo>
                  <a:lnTo>
                    <a:pt x="947" y="1615"/>
                  </a:lnTo>
                  <a:lnTo>
                    <a:pt x="947" y="1617"/>
                  </a:lnTo>
                  <a:lnTo>
                    <a:pt x="949" y="1620"/>
                  </a:lnTo>
                  <a:lnTo>
                    <a:pt x="949" y="1622"/>
                  </a:lnTo>
                  <a:lnTo>
                    <a:pt x="947" y="1626"/>
                  </a:lnTo>
                  <a:lnTo>
                    <a:pt x="945" y="1626"/>
                  </a:lnTo>
                  <a:lnTo>
                    <a:pt x="945" y="1628"/>
                  </a:lnTo>
                  <a:lnTo>
                    <a:pt x="943" y="1628"/>
                  </a:lnTo>
                  <a:lnTo>
                    <a:pt x="945" y="1630"/>
                  </a:lnTo>
                  <a:lnTo>
                    <a:pt x="943" y="1630"/>
                  </a:lnTo>
                  <a:lnTo>
                    <a:pt x="943" y="1631"/>
                  </a:lnTo>
                  <a:lnTo>
                    <a:pt x="945" y="1631"/>
                  </a:lnTo>
                  <a:lnTo>
                    <a:pt x="945" y="1633"/>
                  </a:lnTo>
                  <a:lnTo>
                    <a:pt x="943" y="1633"/>
                  </a:lnTo>
                  <a:lnTo>
                    <a:pt x="943" y="1635"/>
                  </a:lnTo>
                  <a:lnTo>
                    <a:pt x="943" y="1637"/>
                  </a:lnTo>
                  <a:lnTo>
                    <a:pt x="941" y="1637"/>
                  </a:lnTo>
                  <a:lnTo>
                    <a:pt x="941" y="1639"/>
                  </a:lnTo>
                  <a:lnTo>
                    <a:pt x="941" y="1641"/>
                  </a:lnTo>
                  <a:lnTo>
                    <a:pt x="941" y="1643"/>
                  </a:lnTo>
                  <a:lnTo>
                    <a:pt x="939" y="1643"/>
                  </a:lnTo>
                  <a:lnTo>
                    <a:pt x="939" y="1644"/>
                  </a:lnTo>
                  <a:lnTo>
                    <a:pt x="941" y="1644"/>
                  </a:lnTo>
                  <a:lnTo>
                    <a:pt x="943" y="1644"/>
                  </a:lnTo>
                  <a:lnTo>
                    <a:pt x="943" y="1646"/>
                  </a:lnTo>
                  <a:lnTo>
                    <a:pt x="945" y="1646"/>
                  </a:lnTo>
                  <a:lnTo>
                    <a:pt x="943" y="1648"/>
                  </a:lnTo>
                  <a:lnTo>
                    <a:pt x="941" y="1648"/>
                  </a:lnTo>
                  <a:lnTo>
                    <a:pt x="941" y="1650"/>
                  </a:lnTo>
                  <a:lnTo>
                    <a:pt x="939" y="1650"/>
                  </a:lnTo>
                  <a:lnTo>
                    <a:pt x="939" y="1652"/>
                  </a:lnTo>
                  <a:lnTo>
                    <a:pt x="937" y="1652"/>
                  </a:lnTo>
                  <a:lnTo>
                    <a:pt x="936" y="1652"/>
                  </a:lnTo>
                  <a:lnTo>
                    <a:pt x="936" y="1650"/>
                  </a:lnTo>
                  <a:lnTo>
                    <a:pt x="934" y="1650"/>
                  </a:lnTo>
                  <a:lnTo>
                    <a:pt x="932" y="1648"/>
                  </a:lnTo>
                  <a:lnTo>
                    <a:pt x="930" y="1648"/>
                  </a:lnTo>
                  <a:lnTo>
                    <a:pt x="928" y="1648"/>
                  </a:lnTo>
                  <a:lnTo>
                    <a:pt x="926" y="1648"/>
                  </a:lnTo>
                  <a:lnTo>
                    <a:pt x="926" y="1650"/>
                  </a:lnTo>
                  <a:lnTo>
                    <a:pt x="926" y="1652"/>
                  </a:lnTo>
                  <a:lnTo>
                    <a:pt x="924" y="1652"/>
                  </a:lnTo>
                  <a:lnTo>
                    <a:pt x="923" y="1654"/>
                  </a:lnTo>
                  <a:lnTo>
                    <a:pt x="921" y="1654"/>
                  </a:lnTo>
                  <a:lnTo>
                    <a:pt x="921" y="1657"/>
                  </a:lnTo>
                  <a:lnTo>
                    <a:pt x="919" y="1657"/>
                  </a:lnTo>
                  <a:lnTo>
                    <a:pt x="917" y="1657"/>
                  </a:lnTo>
                  <a:lnTo>
                    <a:pt x="915" y="1655"/>
                  </a:lnTo>
                  <a:lnTo>
                    <a:pt x="913" y="1655"/>
                  </a:lnTo>
                  <a:lnTo>
                    <a:pt x="915" y="1655"/>
                  </a:lnTo>
                  <a:lnTo>
                    <a:pt x="913" y="1655"/>
                  </a:lnTo>
                  <a:lnTo>
                    <a:pt x="912" y="1655"/>
                  </a:lnTo>
                  <a:lnTo>
                    <a:pt x="912" y="1654"/>
                  </a:lnTo>
                  <a:lnTo>
                    <a:pt x="910" y="1654"/>
                  </a:lnTo>
                  <a:lnTo>
                    <a:pt x="906" y="1654"/>
                  </a:lnTo>
                  <a:lnTo>
                    <a:pt x="904" y="1654"/>
                  </a:lnTo>
                  <a:lnTo>
                    <a:pt x="902" y="1654"/>
                  </a:lnTo>
                  <a:lnTo>
                    <a:pt x="900" y="1652"/>
                  </a:lnTo>
                  <a:lnTo>
                    <a:pt x="899" y="1650"/>
                  </a:lnTo>
                  <a:lnTo>
                    <a:pt x="897" y="1648"/>
                  </a:lnTo>
                  <a:lnTo>
                    <a:pt x="895" y="1648"/>
                  </a:lnTo>
                  <a:lnTo>
                    <a:pt x="893" y="1648"/>
                  </a:lnTo>
                  <a:lnTo>
                    <a:pt x="889" y="1648"/>
                  </a:lnTo>
                  <a:lnTo>
                    <a:pt x="886" y="1650"/>
                  </a:lnTo>
                  <a:lnTo>
                    <a:pt x="886" y="1648"/>
                  </a:lnTo>
                  <a:lnTo>
                    <a:pt x="886" y="1646"/>
                  </a:lnTo>
                  <a:lnTo>
                    <a:pt x="886" y="1644"/>
                  </a:lnTo>
                  <a:lnTo>
                    <a:pt x="888" y="1644"/>
                  </a:lnTo>
                  <a:lnTo>
                    <a:pt x="888" y="1643"/>
                  </a:lnTo>
                  <a:lnTo>
                    <a:pt x="888" y="1641"/>
                  </a:lnTo>
                  <a:lnTo>
                    <a:pt x="888" y="1639"/>
                  </a:lnTo>
                  <a:lnTo>
                    <a:pt x="888" y="1637"/>
                  </a:lnTo>
                  <a:lnTo>
                    <a:pt x="888" y="1635"/>
                  </a:lnTo>
                  <a:lnTo>
                    <a:pt x="889" y="1635"/>
                  </a:lnTo>
                  <a:lnTo>
                    <a:pt x="889" y="1633"/>
                  </a:lnTo>
                  <a:lnTo>
                    <a:pt x="889" y="1631"/>
                  </a:lnTo>
                  <a:lnTo>
                    <a:pt x="889" y="1630"/>
                  </a:lnTo>
                  <a:lnTo>
                    <a:pt x="891" y="1630"/>
                  </a:lnTo>
                  <a:lnTo>
                    <a:pt x="891" y="1628"/>
                  </a:lnTo>
                  <a:lnTo>
                    <a:pt x="891" y="1626"/>
                  </a:lnTo>
                  <a:lnTo>
                    <a:pt x="891" y="1624"/>
                  </a:lnTo>
                  <a:lnTo>
                    <a:pt x="889" y="1624"/>
                  </a:lnTo>
                  <a:lnTo>
                    <a:pt x="888" y="1624"/>
                  </a:lnTo>
                  <a:lnTo>
                    <a:pt x="886" y="1624"/>
                  </a:lnTo>
                  <a:lnTo>
                    <a:pt x="884" y="1624"/>
                  </a:lnTo>
                  <a:lnTo>
                    <a:pt x="882" y="1622"/>
                  </a:lnTo>
                  <a:lnTo>
                    <a:pt x="880" y="1622"/>
                  </a:lnTo>
                  <a:lnTo>
                    <a:pt x="882" y="1620"/>
                  </a:lnTo>
                  <a:lnTo>
                    <a:pt x="880" y="1620"/>
                  </a:lnTo>
                  <a:lnTo>
                    <a:pt x="880" y="1618"/>
                  </a:lnTo>
                  <a:lnTo>
                    <a:pt x="878" y="1618"/>
                  </a:lnTo>
                  <a:lnTo>
                    <a:pt x="878" y="1617"/>
                  </a:lnTo>
                  <a:lnTo>
                    <a:pt x="876" y="1617"/>
                  </a:lnTo>
                  <a:lnTo>
                    <a:pt x="875" y="1617"/>
                  </a:lnTo>
                  <a:lnTo>
                    <a:pt x="873" y="1617"/>
                  </a:lnTo>
                  <a:lnTo>
                    <a:pt x="873" y="1618"/>
                  </a:lnTo>
                  <a:lnTo>
                    <a:pt x="871" y="1618"/>
                  </a:lnTo>
                  <a:lnTo>
                    <a:pt x="871" y="1620"/>
                  </a:lnTo>
                  <a:lnTo>
                    <a:pt x="869" y="1620"/>
                  </a:lnTo>
                  <a:lnTo>
                    <a:pt x="869" y="1622"/>
                  </a:lnTo>
                  <a:lnTo>
                    <a:pt x="867" y="1622"/>
                  </a:lnTo>
                  <a:lnTo>
                    <a:pt x="865" y="1622"/>
                  </a:lnTo>
                  <a:lnTo>
                    <a:pt x="865" y="1620"/>
                  </a:lnTo>
                  <a:lnTo>
                    <a:pt x="863" y="1620"/>
                  </a:lnTo>
                  <a:lnTo>
                    <a:pt x="862" y="1620"/>
                  </a:lnTo>
                  <a:lnTo>
                    <a:pt x="860" y="1620"/>
                  </a:lnTo>
                  <a:lnTo>
                    <a:pt x="860" y="1622"/>
                  </a:lnTo>
                  <a:lnTo>
                    <a:pt x="860" y="1624"/>
                  </a:lnTo>
                  <a:lnTo>
                    <a:pt x="858" y="1628"/>
                  </a:lnTo>
                  <a:lnTo>
                    <a:pt x="856" y="1630"/>
                  </a:lnTo>
                  <a:lnTo>
                    <a:pt x="856" y="1628"/>
                  </a:lnTo>
                  <a:lnTo>
                    <a:pt x="854" y="1628"/>
                  </a:lnTo>
                  <a:lnTo>
                    <a:pt x="852" y="1630"/>
                  </a:lnTo>
                  <a:lnTo>
                    <a:pt x="851" y="1628"/>
                  </a:lnTo>
                  <a:lnTo>
                    <a:pt x="851" y="1626"/>
                  </a:lnTo>
                  <a:lnTo>
                    <a:pt x="849" y="1626"/>
                  </a:lnTo>
                  <a:lnTo>
                    <a:pt x="847" y="1624"/>
                  </a:lnTo>
                  <a:lnTo>
                    <a:pt x="847" y="1626"/>
                  </a:lnTo>
                  <a:lnTo>
                    <a:pt x="845" y="1622"/>
                  </a:lnTo>
                  <a:lnTo>
                    <a:pt x="845" y="1624"/>
                  </a:lnTo>
                  <a:lnTo>
                    <a:pt x="843" y="1624"/>
                  </a:lnTo>
                  <a:lnTo>
                    <a:pt x="841" y="1622"/>
                  </a:lnTo>
                  <a:lnTo>
                    <a:pt x="839" y="1620"/>
                  </a:lnTo>
                  <a:lnTo>
                    <a:pt x="841" y="1618"/>
                  </a:lnTo>
                  <a:lnTo>
                    <a:pt x="841" y="1617"/>
                  </a:lnTo>
                  <a:lnTo>
                    <a:pt x="841" y="1615"/>
                  </a:lnTo>
                  <a:lnTo>
                    <a:pt x="839" y="1617"/>
                  </a:lnTo>
                  <a:lnTo>
                    <a:pt x="839" y="1615"/>
                  </a:lnTo>
                  <a:lnTo>
                    <a:pt x="838" y="1615"/>
                  </a:lnTo>
                  <a:lnTo>
                    <a:pt x="838" y="1613"/>
                  </a:lnTo>
                  <a:lnTo>
                    <a:pt x="836" y="1613"/>
                  </a:lnTo>
                  <a:lnTo>
                    <a:pt x="834" y="1611"/>
                  </a:lnTo>
                  <a:lnTo>
                    <a:pt x="832" y="1611"/>
                  </a:lnTo>
                  <a:lnTo>
                    <a:pt x="832" y="1607"/>
                  </a:lnTo>
                  <a:lnTo>
                    <a:pt x="828" y="1607"/>
                  </a:lnTo>
                  <a:lnTo>
                    <a:pt x="828" y="1609"/>
                  </a:lnTo>
                  <a:lnTo>
                    <a:pt x="827" y="1609"/>
                  </a:lnTo>
                  <a:lnTo>
                    <a:pt x="825" y="1607"/>
                  </a:lnTo>
                  <a:lnTo>
                    <a:pt x="823" y="1607"/>
                  </a:lnTo>
                  <a:lnTo>
                    <a:pt x="821" y="1607"/>
                  </a:lnTo>
                  <a:lnTo>
                    <a:pt x="819" y="1609"/>
                  </a:lnTo>
                  <a:lnTo>
                    <a:pt x="810" y="1611"/>
                  </a:lnTo>
                  <a:lnTo>
                    <a:pt x="808" y="1611"/>
                  </a:lnTo>
                  <a:lnTo>
                    <a:pt x="808" y="1613"/>
                  </a:lnTo>
                  <a:lnTo>
                    <a:pt x="806" y="1613"/>
                  </a:lnTo>
                  <a:lnTo>
                    <a:pt x="806" y="1615"/>
                  </a:lnTo>
                  <a:lnTo>
                    <a:pt x="804" y="1615"/>
                  </a:lnTo>
                  <a:lnTo>
                    <a:pt x="802" y="1615"/>
                  </a:lnTo>
                  <a:lnTo>
                    <a:pt x="802" y="1617"/>
                  </a:lnTo>
                  <a:lnTo>
                    <a:pt x="801" y="1617"/>
                  </a:lnTo>
                  <a:lnTo>
                    <a:pt x="799" y="1617"/>
                  </a:lnTo>
                  <a:lnTo>
                    <a:pt x="799" y="1618"/>
                  </a:lnTo>
                  <a:lnTo>
                    <a:pt x="797" y="1618"/>
                  </a:lnTo>
                  <a:lnTo>
                    <a:pt x="799" y="1618"/>
                  </a:lnTo>
                  <a:lnTo>
                    <a:pt x="799" y="1620"/>
                  </a:lnTo>
                  <a:lnTo>
                    <a:pt x="799" y="1622"/>
                  </a:lnTo>
                  <a:lnTo>
                    <a:pt x="797" y="1622"/>
                  </a:lnTo>
                  <a:lnTo>
                    <a:pt x="797" y="1624"/>
                  </a:lnTo>
                  <a:lnTo>
                    <a:pt x="795" y="1624"/>
                  </a:lnTo>
                  <a:lnTo>
                    <a:pt x="793" y="1624"/>
                  </a:lnTo>
                  <a:lnTo>
                    <a:pt x="793" y="1626"/>
                  </a:lnTo>
                  <a:lnTo>
                    <a:pt x="795" y="1628"/>
                  </a:lnTo>
                  <a:lnTo>
                    <a:pt x="793" y="1628"/>
                  </a:lnTo>
                  <a:lnTo>
                    <a:pt x="791" y="1628"/>
                  </a:lnTo>
                  <a:lnTo>
                    <a:pt x="790" y="1628"/>
                  </a:lnTo>
                  <a:lnTo>
                    <a:pt x="788" y="1628"/>
                  </a:lnTo>
                  <a:lnTo>
                    <a:pt x="786" y="1628"/>
                  </a:lnTo>
                  <a:lnTo>
                    <a:pt x="782" y="1626"/>
                  </a:lnTo>
                  <a:lnTo>
                    <a:pt x="780" y="1628"/>
                  </a:lnTo>
                  <a:lnTo>
                    <a:pt x="778" y="1628"/>
                  </a:lnTo>
                  <a:lnTo>
                    <a:pt x="778" y="1630"/>
                  </a:lnTo>
                  <a:lnTo>
                    <a:pt x="777" y="1630"/>
                  </a:lnTo>
                  <a:lnTo>
                    <a:pt x="777" y="1631"/>
                  </a:lnTo>
                  <a:lnTo>
                    <a:pt x="775" y="1631"/>
                  </a:lnTo>
                  <a:lnTo>
                    <a:pt x="773" y="1631"/>
                  </a:lnTo>
                  <a:lnTo>
                    <a:pt x="773" y="1633"/>
                  </a:lnTo>
                  <a:lnTo>
                    <a:pt x="771" y="1633"/>
                  </a:lnTo>
                  <a:lnTo>
                    <a:pt x="771" y="1635"/>
                  </a:lnTo>
                  <a:lnTo>
                    <a:pt x="769" y="1635"/>
                  </a:lnTo>
                  <a:lnTo>
                    <a:pt x="769" y="1633"/>
                  </a:lnTo>
                  <a:lnTo>
                    <a:pt x="769" y="1631"/>
                  </a:lnTo>
                  <a:lnTo>
                    <a:pt x="769" y="1626"/>
                  </a:lnTo>
                  <a:lnTo>
                    <a:pt x="771" y="1618"/>
                  </a:lnTo>
                  <a:lnTo>
                    <a:pt x="771" y="1613"/>
                  </a:lnTo>
                  <a:lnTo>
                    <a:pt x="773" y="1611"/>
                  </a:lnTo>
                  <a:lnTo>
                    <a:pt x="777" y="1606"/>
                  </a:lnTo>
                  <a:lnTo>
                    <a:pt x="778" y="1600"/>
                  </a:lnTo>
                  <a:lnTo>
                    <a:pt x="782" y="1596"/>
                  </a:lnTo>
                  <a:lnTo>
                    <a:pt x="784" y="1593"/>
                  </a:lnTo>
                  <a:lnTo>
                    <a:pt x="788" y="1589"/>
                  </a:lnTo>
                  <a:lnTo>
                    <a:pt x="790" y="1585"/>
                  </a:lnTo>
                  <a:lnTo>
                    <a:pt x="793" y="1578"/>
                  </a:lnTo>
                  <a:lnTo>
                    <a:pt x="797" y="1572"/>
                  </a:lnTo>
                  <a:lnTo>
                    <a:pt x="801" y="1569"/>
                  </a:lnTo>
                  <a:lnTo>
                    <a:pt x="802" y="1569"/>
                  </a:lnTo>
                  <a:lnTo>
                    <a:pt x="804" y="1567"/>
                  </a:lnTo>
                  <a:lnTo>
                    <a:pt x="806" y="1567"/>
                  </a:lnTo>
                  <a:lnTo>
                    <a:pt x="808" y="1567"/>
                  </a:lnTo>
                  <a:lnTo>
                    <a:pt x="808" y="1565"/>
                  </a:lnTo>
                  <a:lnTo>
                    <a:pt x="814" y="1563"/>
                  </a:lnTo>
                  <a:lnTo>
                    <a:pt x="815" y="1559"/>
                  </a:lnTo>
                  <a:lnTo>
                    <a:pt x="815" y="1557"/>
                  </a:lnTo>
                  <a:lnTo>
                    <a:pt x="814" y="1557"/>
                  </a:lnTo>
                  <a:lnTo>
                    <a:pt x="814" y="1556"/>
                  </a:lnTo>
                  <a:lnTo>
                    <a:pt x="812" y="1556"/>
                  </a:lnTo>
                  <a:lnTo>
                    <a:pt x="812" y="1554"/>
                  </a:lnTo>
                  <a:lnTo>
                    <a:pt x="812" y="1552"/>
                  </a:lnTo>
                  <a:lnTo>
                    <a:pt x="810" y="1554"/>
                  </a:lnTo>
                  <a:lnTo>
                    <a:pt x="810" y="1552"/>
                  </a:lnTo>
                  <a:lnTo>
                    <a:pt x="808" y="1554"/>
                  </a:lnTo>
                  <a:lnTo>
                    <a:pt x="808" y="1556"/>
                  </a:lnTo>
                  <a:lnTo>
                    <a:pt x="806" y="1557"/>
                  </a:lnTo>
                  <a:lnTo>
                    <a:pt x="804" y="1557"/>
                  </a:lnTo>
                  <a:lnTo>
                    <a:pt x="804" y="1559"/>
                  </a:lnTo>
                  <a:lnTo>
                    <a:pt x="804" y="1557"/>
                  </a:lnTo>
                  <a:lnTo>
                    <a:pt x="802" y="1556"/>
                  </a:lnTo>
                  <a:lnTo>
                    <a:pt x="801" y="1554"/>
                  </a:lnTo>
                  <a:lnTo>
                    <a:pt x="799" y="1554"/>
                  </a:lnTo>
                  <a:lnTo>
                    <a:pt x="799" y="1552"/>
                  </a:lnTo>
                  <a:lnTo>
                    <a:pt x="801" y="1550"/>
                  </a:lnTo>
                  <a:lnTo>
                    <a:pt x="801" y="1548"/>
                  </a:lnTo>
                  <a:lnTo>
                    <a:pt x="801" y="1546"/>
                  </a:lnTo>
                  <a:lnTo>
                    <a:pt x="799" y="1546"/>
                  </a:lnTo>
                  <a:lnTo>
                    <a:pt x="799" y="1544"/>
                  </a:lnTo>
                  <a:lnTo>
                    <a:pt x="799" y="1543"/>
                  </a:lnTo>
                  <a:lnTo>
                    <a:pt x="799" y="1541"/>
                  </a:lnTo>
                  <a:lnTo>
                    <a:pt x="799" y="1539"/>
                  </a:lnTo>
                  <a:lnTo>
                    <a:pt x="799" y="1537"/>
                  </a:lnTo>
                  <a:lnTo>
                    <a:pt x="799" y="1535"/>
                  </a:lnTo>
                  <a:lnTo>
                    <a:pt x="797" y="1533"/>
                  </a:lnTo>
                  <a:lnTo>
                    <a:pt x="799" y="1533"/>
                  </a:lnTo>
                  <a:lnTo>
                    <a:pt x="799" y="1532"/>
                  </a:lnTo>
                  <a:lnTo>
                    <a:pt x="797" y="1532"/>
                  </a:lnTo>
                  <a:lnTo>
                    <a:pt x="797" y="1530"/>
                  </a:lnTo>
                  <a:lnTo>
                    <a:pt x="797" y="1528"/>
                  </a:lnTo>
                  <a:lnTo>
                    <a:pt x="797" y="1526"/>
                  </a:lnTo>
                  <a:lnTo>
                    <a:pt x="795" y="1520"/>
                  </a:lnTo>
                  <a:lnTo>
                    <a:pt x="793" y="1519"/>
                  </a:lnTo>
                  <a:lnTo>
                    <a:pt x="793" y="1515"/>
                  </a:lnTo>
                  <a:lnTo>
                    <a:pt x="791" y="1515"/>
                  </a:lnTo>
                  <a:lnTo>
                    <a:pt x="791" y="1513"/>
                  </a:lnTo>
                  <a:lnTo>
                    <a:pt x="790" y="1511"/>
                  </a:lnTo>
                  <a:lnTo>
                    <a:pt x="790" y="1509"/>
                  </a:lnTo>
                  <a:lnTo>
                    <a:pt x="788" y="1509"/>
                  </a:lnTo>
                  <a:lnTo>
                    <a:pt x="784" y="1509"/>
                  </a:lnTo>
                  <a:lnTo>
                    <a:pt x="782" y="1502"/>
                  </a:lnTo>
                  <a:lnTo>
                    <a:pt x="780" y="1502"/>
                  </a:lnTo>
                  <a:lnTo>
                    <a:pt x="780" y="1500"/>
                  </a:lnTo>
                  <a:lnTo>
                    <a:pt x="782" y="1498"/>
                  </a:lnTo>
                  <a:lnTo>
                    <a:pt x="784" y="1495"/>
                  </a:lnTo>
                  <a:lnTo>
                    <a:pt x="786" y="1491"/>
                  </a:lnTo>
                  <a:lnTo>
                    <a:pt x="786" y="1487"/>
                  </a:lnTo>
                  <a:lnTo>
                    <a:pt x="786" y="1485"/>
                  </a:lnTo>
                  <a:lnTo>
                    <a:pt x="784" y="1482"/>
                  </a:lnTo>
                  <a:lnTo>
                    <a:pt x="782" y="1480"/>
                  </a:lnTo>
                  <a:lnTo>
                    <a:pt x="780" y="1478"/>
                  </a:lnTo>
                  <a:lnTo>
                    <a:pt x="780" y="1476"/>
                  </a:lnTo>
                  <a:lnTo>
                    <a:pt x="778" y="1476"/>
                  </a:lnTo>
                  <a:lnTo>
                    <a:pt x="778" y="1474"/>
                  </a:lnTo>
                  <a:lnTo>
                    <a:pt x="778" y="1472"/>
                  </a:lnTo>
                  <a:lnTo>
                    <a:pt x="773" y="1465"/>
                  </a:lnTo>
                  <a:lnTo>
                    <a:pt x="769" y="1456"/>
                  </a:lnTo>
                  <a:lnTo>
                    <a:pt x="767" y="1458"/>
                  </a:lnTo>
                  <a:lnTo>
                    <a:pt x="764" y="1458"/>
                  </a:lnTo>
                  <a:lnTo>
                    <a:pt x="760" y="1458"/>
                  </a:lnTo>
                  <a:lnTo>
                    <a:pt x="754" y="1448"/>
                  </a:lnTo>
                  <a:lnTo>
                    <a:pt x="753" y="1446"/>
                  </a:lnTo>
                  <a:lnTo>
                    <a:pt x="751" y="1445"/>
                  </a:lnTo>
                  <a:lnTo>
                    <a:pt x="749" y="1445"/>
                  </a:lnTo>
                  <a:lnTo>
                    <a:pt x="747" y="1443"/>
                  </a:lnTo>
                  <a:lnTo>
                    <a:pt x="745" y="1441"/>
                  </a:lnTo>
                  <a:lnTo>
                    <a:pt x="745" y="1439"/>
                  </a:lnTo>
                  <a:lnTo>
                    <a:pt x="743" y="1437"/>
                  </a:lnTo>
                  <a:lnTo>
                    <a:pt x="743" y="1435"/>
                  </a:lnTo>
                  <a:lnTo>
                    <a:pt x="741" y="1435"/>
                  </a:lnTo>
                  <a:lnTo>
                    <a:pt x="741" y="1434"/>
                  </a:lnTo>
                  <a:lnTo>
                    <a:pt x="740" y="1430"/>
                  </a:lnTo>
                  <a:lnTo>
                    <a:pt x="740" y="1428"/>
                  </a:lnTo>
                  <a:lnTo>
                    <a:pt x="738" y="1428"/>
                  </a:lnTo>
                  <a:lnTo>
                    <a:pt x="738" y="1426"/>
                  </a:lnTo>
                  <a:lnTo>
                    <a:pt x="738" y="1424"/>
                  </a:lnTo>
                  <a:lnTo>
                    <a:pt x="738" y="1422"/>
                  </a:lnTo>
                  <a:lnTo>
                    <a:pt x="740" y="1421"/>
                  </a:lnTo>
                  <a:lnTo>
                    <a:pt x="740" y="1417"/>
                  </a:lnTo>
                  <a:lnTo>
                    <a:pt x="740" y="1415"/>
                  </a:lnTo>
                  <a:lnTo>
                    <a:pt x="741" y="1413"/>
                  </a:lnTo>
                  <a:lnTo>
                    <a:pt x="743" y="1409"/>
                  </a:lnTo>
                  <a:lnTo>
                    <a:pt x="745" y="1406"/>
                  </a:lnTo>
                  <a:lnTo>
                    <a:pt x="745" y="1404"/>
                  </a:lnTo>
                  <a:lnTo>
                    <a:pt x="745" y="1402"/>
                  </a:lnTo>
                  <a:lnTo>
                    <a:pt x="747" y="1398"/>
                  </a:lnTo>
                  <a:lnTo>
                    <a:pt x="745" y="1397"/>
                  </a:lnTo>
                  <a:lnTo>
                    <a:pt x="745" y="1393"/>
                  </a:lnTo>
                  <a:lnTo>
                    <a:pt x="743" y="1391"/>
                  </a:lnTo>
                  <a:lnTo>
                    <a:pt x="743" y="1389"/>
                  </a:lnTo>
                  <a:lnTo>
                    <a:pt x="743" y="1387"/>
                  </a:lnTo>
                  <a:lnTo>
                    <a:pt x="743" y="1385"/>
                  </a:lnTo>
                  <a:lnTo>
                    <a:pt x="743" y="1384"/>
                  </a:lnTo>
                  <a:lnTo>
                    <a:pt x="743" y="1382"/>
                  </a:lnTo>
                  <a:lnTo>
                    <a:pt x="741" y="1378"/>
                  </a:lnTo>
                  <a:lnTo>
                    <a:pt x="740" y="1372"/>
                  </a:lnTo>
                  <a:lnTo>
                    <a:pt x="729" y="1376"/>
                  </a:lnTo>
                  <a:lnTo>
                    <a:pt x="725" y="1376"/>
                  </a:lnTo>
                  <a:lnTo>
                    <a:pt x="719" y="1378"/>
                  </a:lnTo>
                  <a:lnTo>
                    <a:pt x="717" y="1378"/>
                  </a:lnTo>
                  <a:lnTo>
                    <a:pt x="716" y="1378"/>
                  </a:lnTo>
                  <a:lnTo>
                    <a:pt x="714" y="1376"/>
                  </a:lnTo>
                  <a:lnTo>
                    <a:pt x="712" y="1374"/>
                  </a:lnTo>
                  <a:lnTo>
                    <a:pt x="712" y="1372"/>
                  </a:lnTo>
                  <a:lnTo>
                    <a:pt x="710" y="1372"/>
                  </a:lnTo>
                  <a:lnTo>
                    <a:pt x="708" y="1372"/>
                  </a:lnTo>
                  <a:lnTo>
                    <a:pt x="706" y="1372"/>
                  </a:lnTo>
                  <a:lnTo>
                    <a:pt x="706" y="1371"/>
                  </a:lnTo>
                  <a:lnTo>
                    <a:pt x="704" y="1371"/>
                  </a:lnTo>
                  <a:lnTo>
                    <a:pt x="703" y="1371"/>
                  </a:lnTo>
                  <a:lnTo>
                    <a:pt x="701" y="1369"/>
                  </a:lnTo>
                  <a:lnTo>
                    <a:pt x="701" y="1367"/>
                  </a:lnTo>
                  <a:lnTo>
                    <a:pt x="699" y="1365"/>
                  </a:lnTo>
                  <a:lnTo>
                    <a:pt x="699" y="1363"/>
                  </a:lnTo>
                  <a:lnTo>
                    <a:pt x="697" y="1361"/>
                  </a:lnTo>
                  <a:lnTo>
                    <a:pt x="695" y="1361"/>
                  </a:lnTo>
                  <a:lnTo>
                    <a:pt x="693" y="1361"/>
                  </a:lnTo>
                  <a:lnTo>
                    <a:pt x="693" y="1360"/>
                  </a:lnTo>
                  <a:lnTo>
                    <a:pt x="692" y="1360"/>
                  </a:lnTo>
                  <a:lnTo>
                    <a:pt x="690" y="1358"/>
                  </a:lnTo>
                  <a:lnTo>
                    <a:pt x="688" y="1358"/>
                  </a:lnTo>
                  <a:lnTo>
                    <a:pt x="688" y="1356"/>
                  </a:lnTo>
                  <a:lnTo>
                    <a:pt x="686" y="1356"/>
                  </a:lnTo>
                  <a:lnTo>
                    <a:pt x="686" y="1354"/>
                  </a:lnTo>
                  <a:lnTo>
                    <a:pt x="684" y="1354"/>
                  </a:lnTo>
                  <a:lnTo>
                    <a:pt x="684" y="1352"/>
                  </a:lnTo>
                  <a:lnTo>
                    <a:pt x="682" y="1352"/>
                  </a:lnTo>
                  <a:lnTo>
                    <a:pt x="682" y="1350"/>
                  </a:lnTo>
                  <a:lnTo>
                    <a:pt x="680" y="1350"/>
                  </a:lnTo>
                  <a:lnTo>
                    <a:pt x="680" y="1348"/>
                  </a:lnTo>
                  <a:lnTo>
                    <a:pt x="679" y="1348"/>
                  </a:lnTo>
                  <a:lnTo>
                    <a:pt x="679" y="1347"/>
                  </a:lnTo>
                  <a:lnTo>
                    <a:pt x="677" y="1347"/>
                  </a:lnTo>
                  <a:lnTo>
                    <a:pt x="675" y="1347"/>
                  </a:lnTo>
                  <a:lnTo>
                    <a:pt x="675" y="1345"/>
                  </a:lnTo>
                  <a:lnTo>
                    <a:pt x="673" y="1345"/>
                  </a:lnTo>
                  <a:lnTo>
                    <a:pt x="673" y="1343"/>
                  </a:lnTo>
                  <a:lnTo>
                    <a:pt x="673" y="1341"/>
                  </a:lnTo>
                  <a:lnTo>
                    <a:pt x="671" y="1341"/>
                  </a:lnTo>
                  <a:lnTo>
                    <a:pt x="671" y="1339"/>
                  </a:lnTo>
                  <a:lnTo>
                    <a:pt x="669" y="1339"/>
                  </a:lnTo>
                  <a:lnTo>
                    <a:pt x="669" y="1337"/>
                  </a:lnTo>
                  <a:lnTo>
                    <a:pt x="668" y="1337"/>
                  </a:lnTo>
                  <a:lnTo>
                    <a:pt x="666" y="1335"/>
                  </a:lnTo>
                  <a:lnTo>
                    <a:pt x="666" y="1334"/>
                  </a:lnTo>
                  <a:lnTo>
                    <a:pt x="666" y="1332"/>
                  </a:lnTo>
                  <a:lnTo>
                    <a:pt x="666" y="1330"/>
                  </a:lnTo>
                  <a:lnTo>
                    <a:pt x="666" y="1328"/>
                  </a:lnTo>
                  <a:lnTo>
                    <a:pt x="662" y="1328"/>
                  </a:lnTo>
                  <a:lnTo>
                    <a:pt x="662" y="1326"/>
                  </a:lnTo>
                  <a:lnTo>
                    <a:pt x="660" y="1324"/>
                  </a:lnTo>
                  <a:lnTo>
                    <a:pt x="660" y="1323"/>
                  </a:lnTo>
                  <a:lnTo>
                    <a:pt x="658" y="1323"/>
                  </a:lnTo>
                  <a:lnTo>
                    <a:pt x="656" y="1323"/>
                  </a:lnTo>
                  <a:lnTo>
                    <a:pt x="655" y="1323"/>
                  </a:lnTo>
                  <a:lnTo>
                    <a:pt x="653" y="1321"/>
                  </a:lnTo>
                  <a:lnTo>
                    <a:pt x="653" y="1319"/>
                  </a:lnTo>
                  <a:lnTo>
                    <a:pt x="651" y="1319"/>
                  </a:lnTo>
                  <a:lnTo>
                    <a:pt x="651" y="1317"/>
                  </a:lnTo>
                  <a:lnTo>
                    <a:pt x="649" y="1315"/>
                  </a:lnTo>
                  <a:lnTo>
                    <a:pt x="647" y="1315"/>
                  </a:lnTo>
                  <a:lnTo>
                    <a:pt x="645" y="1317"/>
                  </a:lnTo>
                  <a:lnTo>
                    <a:pt x="643" y="1317"/>
                  </a:lnTo>
                  <a:lnTo>
                    <a:pt x="642" y="1317"/>
                  </a:lnTo>
                  <a:lnTo>
                    <a:pt x="640" y="1317"/>
                  </a:lnTo>
                  <a:lnTo>
                    <a:pt x="638" y="1317"/>
                  </a:lnTo>
                  <a:lnTo>
                    <a:pt x="636" y="1317"/>
                  </a:lnTo>
                  <a:lnTo>
                    <a:pt x="632" y="1317"/>
                  </a:lnTo>
                  <a:lnTo>
                    <a:pt x="631" y="1317"/>
                  </a:lnTo>
                  <a:lnTo>
                    <a:pt x="631" y="1315"/>
                  </a:lnTo>
                  <a:lnTo>
                    <a:pt x="629" y="1315"/>
                  </a:lnTo>
                  <a:lnTo>
                    <a:pt x="627" y="1313"/>
                  </a:lnTo>
                  <a:lnTo>
                    <a:pt x="625" y="1311"/>
                  </a:lnTo>
                  <a:lnTo>
                    <a:pt x="625" y="1310"/>
                  </a:lnTo>
                  <a:lnTo>
                    <a:pt x="623" y="1311"/>
                  </a:lnTo>
                  <a:lnTo>
                    <a:pt x="621" y="1311"/>
                  </a:lnTo>
                  <a:lnTo>
                    <a:pt x="619" y="1313"/>
                  </a:lnTo>
                  <a:lnTo>
                    <a:pt x="618" y="1313"/>
                  </a:lnTo>
                  <a:lnTo>
                    <a:pt x="618" y="1311"/>
                  </a:lnTo>
                  <a:lnTo>
                    <a:pt x="616" y="1311"/>
                  </a:lnTo>
                  <a:lnTo>
                    <a:pt x="614" y="1311"/>
                  </a:lnTo>
                  <a:lnTo>
                    <a:pt x="612" y="1310"/>
                  </a:lnTo>
                  <a:lnTo>
                    <a:pt x="610" y="1310"/>
                  </a:lnTo>
                  <a:lnTo>
                    <a:pt x="608" y="1310"/>
                  </a:lnTo>
                  <a:lnTo>
                    <a:pt x="607" y="1310"/>
                  </a:lnTo>
                  <a:lnTo>
                    <a:pt x="605" y="1310"/>
                  </a:lnTo>
                  <a:lnTo>
                    <a:pt x="603" y="1310"/>
                  </a:lnTo>
                  <a:lnTo>
                    <a:pt x="601" y="1310"/>
                  </a:lnTo>
                  <a:lnTo>
                    <a:pt x="599" y="1308"/>
                  </a:lnTo>
                  <a:lnTo>
                    <a:pt x="595" y="1308"/>
                  </a:lnTo>
                  <a:lnTo>
                    <a:pt x="594" y="1308"/>
                  </a:lnTo>
                  <a:lnTo>
                    <a:pt x="594" y="1310"/>
                  </a:lnTo>
                  <a:lnTo>
                    <a:pt x="594" y="1311"/>
                  </a:lnTo>
                  <a:lnTo>
                    <a:pt x="594" y="1313"/>
                  </a:lnTo>
                  <a:lnTo>
                    <a:pt x="592" y="1315"/>
                  </a:lnTo>
                  <a:lnTo>
                    <a:pt x="590" y="1315"/>
                  </a:lnTo>
                  <a:lnTo>
                    <a:pt x="588" y="1315"/>
                  </a:lnTo>
                  <a:lnTo>
                    <a:pt x="586" y="1315"/>
                  </a:lnTo>
                  <a:lnTo>
                    <a:pt x="584" y="1315"/>
                  </a:lnTo>
                  <a:lnTo>
                    <a:pt x="586" y="1310"/>
                  </a:lnTo>
                  <a:lnTo>
                    <a:pt x="588" y="1300"/>
                  </a:lnTo>
                  <a:lnTo>
                    <a:pt x="590" y="1293"/>
                  </a:lnTo>
                  <a:lnTo>
                    <a:pt x="592" y="1284"/>
                  </a:lnTo>
                  <a:lnTo>
                    <a:pt x="594" y="1280"/>
                  </a:lnTo>
                  <a:lnTo>
                    <a:pt x="594" y="1276"/>
                  </a:lnTo>
                  <a:lnTo>
                    <a:pt x="595" y="1274"/>
                  </a:lnTo>
                  <a:lnTo>
                    <a:pt x="597" y="1273"/>
                  </a:lnTo>
                  <a:lnTo>
                    <a:pt x="599" y="1269"/>
                  </a:lnTo>
                  <a:lnTo>
                    <a:pt x="599" y="1267"/>
                  </a:lnTo>
                  <a:lnTo>
                    <a:pt x="603" y="1263"/>
                  </a:lnTo>
                  <a:lnTo>
                    <a:pt x="608" y="1256"/>
                  </a:lnTo>
                  <a:lnTo>
                    <a:pt x="608" y="1254"/>
                  </a:lnTo>
                  <a:lnTo>
                    <a:pt x="610" y="1252"/>
                  </a:lnTo>
                  <a:lnTo>
                    <a:pt x="610" y="1250"/>
                  </a:lnTo>
                  <a:lnTo>
                    <a:pt x="612" y="1247"/>
                  </a:lnTo>
                  <a:lnTo>
                    <a:pt x="614" y="1247"/>
                  </a:lnTo>
                  <a:lnTo>
                    <a:pt x="618" y="1245"/>
                  </a:lnTo>
                  <a:lnTo>
                    <a:pt x="619" y="1243"/>
                  </a:lnTo>
                  <a:lnTo>
                    <a:pt x="623" y="1243"/>
                  </a:lnTo>
                  <a:lnTo>
                    <a:pt x="629" y="1241"/>
                  </a:lnTo>
                  <a:lnTo>
                    <a:pt x="631" y="1239"/>
                  </a:lnTo>
                  <a:lnTo>
                    <a:pt x="634" y="1236"/>
                  </a:lnTo>
                  <a:lnTo>
                    <a:pt x="636" y="1232"/>
                  </a:lnTo>
                  <a:lnTo>
                    <a:pt x="640" y="1228"/>
                  </a:lnTo>
                  <a:lnTo>
                    <a:pt x="642" y="1226"/>
                  </a:lnTo>
                  <a:lnTo>
                    <a:pt x="643" y="1221"/>
                  </a:lnTo>
                  <a:lnTo>
                    <a:pt x="643" y="1213"/>
                  </a:lnTo>
                  <a:lnTo>
                    <a:pt x="645" y="1208"/>
                  </a:lnTo>
                  <a:lnTo>
                    <a:pt x="645" y="1206"/>
                  </a:lnTo>
                  <a:lnTo>
                    <a:pt x="649" y="1208"/>
                  </a:lnTo>
                  <a:lnTo>
                    <a:pt x="653" y="1202"/>
                  </a:lnTo>
                  <a:lnTo>
                    <a:pt x="651" y="1200"/>
                  </a:lnTo>
                  <a:lnTo>
                    <a:pt x="649" y="1200"/>
                  </a:lnTo>
                  <a:lnTo>
                    <a:pt x="649" y="1199"/>
                  </a:lnTo>
                  <a:lnTo>
                    <a:pt x="647" y="1199"/>
                  </a:lnTo>
                  <a:lnTo>
                    <a:pt x="645" y="1199"/>
                  </a:lnTo>
                  <a:lnTo>
                    <a:pt x="645" y="1197"/>
                  </a:lnTo>
                  <a:lnTo>
                    <a:pt x="643" y="1197"/>
                  </a:lnTo>
                  <a:lnTo>
                    <a:pt x="645" y="1195"/>
                  </a:lnTo>
                  <a:lnTo>
                    <a:pt x="649" y="1191"/>
                  </a:lnTo>
                  <a:lnTo>
                    <a:pt x="651" y="1186"/>
                  </a:lnTo>
                  <a:lnTo>
                    <a:pt x="655" y="1188"/>
                  </a:lnTo>
                  <a:lnTo>
                    <a:pt x="662" y="1191"/>
                  </a:lnTo>
                  <a:lnTo>
                    <a:pt x="666" y="1193"/>
                  </a:lnTo>
                  <a:lnTo>
                    <a:pt x="668" y="1188"/>
                  </a:lnTo>
                  <a:lnTo>
                    <a:pt x="675" y="1175"/>
                  </a:lnTo>
                  <a:lnTo>
                    <a:pt x="679" y="1165"/>
                  </a:lnTo>
                  <a:lnTo>
                    <a:pt x="679" y="1151"/>
                  </a:lnTo>
                  <a:lnTo>
                    <a:pt x="677" y="1141"/>
                  </a:lnTo>
                  <a:lnTo>
                    <a:pt x="675" y="1138"/>
                  </a:lnTo>
                  <a:lnTo>
                    <a:pt x="673" y="1138"/>
                  </a:lnTo>
                  <a:lnTo>
                    <a:pt x="669" y="1136"/>
                  </a:lnTo>
                  <a:lnTo>
                    <a:pt x="668" y="1134"/>
                  </a:lnTo>
                  <a:lnTo>
                    <a:pt x="666" y="1134"/>
                  </a:lnTo>
                  <a:lnTo>
                    <a:pt x="666" y="1132"/>
                  </a:lnTo>
                  <a:lnTo>
                    <a:pt x="664" y="1130"/>
                  </a:lnTo>
                  <a:lnTo>
                    <a:pt x="662" y="1130"/>
                  </a:lnTo>
                  <a:lnTo>
                    <a:pt x="662" y="1128"/>
                  </a:lnTo>
                  <a:lnTo>
                    <a:pt x="660" y="1126"/>
                  </a:lnTo>
                  <a:lnTo>
                    <a:pt x="658" y="1126"/>
                  </a:lnTo>
                  <a:lnTo>
                    <a:pt x="656" y="1126"/>
                  </a:lnTo>
                  <a:lnTo>
                    <a:pt x="655" y="1125"/>
                  </a:lnTo>
                  <a:lnTo>
                    <a:pt x="653" y="1125"/>
                  </a:lnTo>
                  <a:lnTo>
                    <a:pt x="651" y="1125"/>
                  </a:lnTo>
                  <a:lnTo>
                    <a:pt x="651" y="1123"/>
                  </a:lnTo>
                  <a:lnTo>
                    <a:pt x="649" y="1123"/>
                  </a:lnTo>
                  <a:lnTo>
                    <a:pt x="647" y="1121"/>
                  </a:lnTo>
                  <a:lnTo>
                    <a:pt x="643" y="1115"/>
                  </a:lnTo>
                  <a:lnTo>
                    <a:pt x="638" y="1110"/>
                  </a:lnTo>
                  <a:lnTo>
                    <a:pt x="636" y="1110"/>
                  </a:lnTo>
                  <a:lnTo>
                    <a:pt x="634" y="1110"/>
                  </a:lnTo>
                  <a:lnTo>
                    <a:pt x="634" y="1108"/>
                  </a:lnTo>
                  <a:lnTo>
                    <a:pt x="632" y="1108"/>
                  </a:lnTo>
                  <a:lnTo>
                    <a:pt x="632" y="1106"/>
                  </a:lnTo>
                  <a:lnTo>
                    <a:pt x="631" y="1106"/>
                  </a:lnTo>
                  <a:lnTo>
                    <a:pt x="631" y="1104"/>
                  </a:lnTo>
                  <a:lnTo>
                    <a:pt x="632" y="1102"/>
                  </a:lnTo>
                  <a:lnTo>
                    <a:pt x="631" y="1102"/>
                  </a:lnTo>
                  <a:lnTo>
                    <a:pt x="631" y="1101"/>
                  </a:lnTo>
                  <a:lnTo>
                    <a:pt x="629" y="1101"/>
                  </a:lnTo>
                  <a:lnTo>
                    <a:pt x="627" y="1101"/>
                  </a:lnTo>
                  <a:lnTo>
                    <a:pt x="627" y="1099"/>
                  </a:lnTo>
                  <a:lnTo>
                    <a:pt x="625" y="1099"/>
                  </a:lnTo>
                  <a:lnTo>
                    <a:pt x="625" y="1097"/>
                  </a:lnTo>
                  <a:lnTo>
                    <a:pt x="623" y="1097"/>
                  </a:lnTo>
                  <a:lnTo>
                    <a:pt x="623" y="1095"/>
                  </a:lnTo>
                  <a:lnTo>
                    <a:pt x="623" y="1093"/>
                  </a:lnTo>
                  <a:lnTo>
                    <a:pt x="621" y="1093"/>
                  </a:lnTo>
                  <a:lnTo>
                    <a:pt x="618" y="1091"/>
                  </a:lnTo>
                  <a:lnTo>
                    <a:pt x="608" y="1086"/>
                  </a:lnTo>
                  <a:lnTo>
                    <a:pt x="607" y="1089"/>
                  </a:lnTo>
                  <a:lnTo>
                    <a:pt x="603" y="1093"/>
                  </a:lnTo>
                  <a:lnTo>
                    <a:pt x="601" y="1097"/>
                  </a:lnTo>
                  <a:lnTo>
                    <a:pt x="601" y="1099"/>
                  </a:lnTo>
                  <a:lnTo>
                    <a:pt x="595" y="1099"/>
                  </a:lnTo>
                  <a:lnTo>
                    <a:pt x="590" y="1099"/>
                  </a:lnTo>
                  <a:lnTo>
                    <a:pt x="584" y="1101"/>
                  </a:lnTo>
                  <a:lnTo>
                    <a:pt x="577" y="1101"/>
                  </a:lnTo>
                  <a:lnTo>
                    <a:pt x="575" y="1101"/>
                  </a:lnTo>
                  <a:lnTo>
                    <a:pt x="573" y="1099"/>
                  </a:lnTo>
                  <a:lnTo>
                    <a:pt x="570" y="1097"/>
                  </a:lnTo>
                  <a:lnTo>
                    <a:pt x="568" y="1097"/>
                  </a:lnTo>
                  <a:lnTo>
                    <a:pt x="568" y="1095"/>
                  </a:lnTo>
                  <a:lnTo>
                    <a:pt x="566" y="1095"/>
                  </a:lnTo>
                  <a:lnTo>
                    <a:pt x="564" y="1093"/>
                  </a:lnTo>
                  <a:lnTo>
                    <a:pt x="562" y="1091"/>
                  </a:lnTo>
                  <a:lnTo>
                    <a:pt x="560" y="1091"/>
                  </a:lnTo>
                  <a:lnTo>
                    <a:pt x="558" y="1089"/>
                  </a:lnTo>
                  <a:lnTo>
                    <a:pt x="557" y="1089"/>
                  </a:lnTo>
                  <a:lnTo>
                    <a:pt x="557" y="1088"/>
                  </a:lnTo>
                  <a:lnTo>
                    <a:pt x="555" y="1088"/>
                  </a:lnTo>
                  <a:lnTo>
                    <a:pt x="553" y="1088"/>
                  </a:lnTo>
                  <a:lnTo>
                    <a:pt x="551" y="1088"/>
                  </a:lnTo>
                  <a:lnTo>
                    <a:pt x="549" y="1088"/>
                  </a:lnTo>
                  <a:lnTo>
                    <a:pt x="547" y="1088"/>
                  </a:lnTo>
                  <a:lnTo>
                    <a:pt x="547" y="1086"/>
                  </a:lnTo>
                  <a:lnTo>
                    <a:pt x="546" y="1086"/>
                  </a:lnTo>
                  <a:lnTo>
                    <a:pt x="544" y="1086"/>
                  </a:lnTo>
                  <a:lnTo>
                    <a:pt x="542" y="1086"/>
                  </a:lnTo>
                  <a:lnTo>
                    <a:pt x="542" y="1084"/>
                  </a:lnTo>
                  <a:lnTo>
                    <a:pt x="542" y="1082"/>
                  </a:lnTo>
                  <a:lnTo>
                    <a:pt x="540" y="1082"/>
                  </a:lnTo>
                  <a:lnTo>
                    <a:pt x="538" y="1080"/>
                  </a:lnTo>
                  <a:lnTo>
                    <a:pt x="518" y="1045"/>
                  </a:lnTo>
                  <a:lnTo>
                    <a:pt x="512" y="1049"/>
                  </a:lnTo>
                  <a:lnTo>
                    <a:pt x="497" y="1065"/>
                  </a:lnTo>
                  <a:lnTo>
                    <a:pt x="494" y="1069"/>
                  </a:lnTo>
                  <a:lnTo>
                    <a:pt x="486" y="1082"/>
                  </a:lnTo>
                  <a:lnTo>
                    <a:pt x="483" y="1088"/>
                  </a:lnTo>
                  <a:lnTo>
                    <a:pt x="479" y="1095"/>
                  </a:lnTo>
                  <a:lnTo>
                    <a:pt x="455" y="1086"/>
                  </a:lnTo>
                  <a:lnTo>
                    <a:pt x="453" y="1088"/>
                  </a:lnTo>
                  <a:lnTo>
                    <a:pt x="451" y="1088"/>
                  </a:lnTo>
                  <a:lnTo>
                    <a:pt x="449" y="1088"/>
                  </a:lnTo>
                  <a:lnTo>
                    <a:pt x="449" y="1086"/>
                  </a:lnTo>
                  <a:lnTo>
                    <a:pt x="448" y="1088"/>
                  </a:lnTo>
                  <a:lnTo>
                    <a:pt x="448" y="1086"/>
                  </a:lnTo>
                  <a:lnTo>
                    <a:pt x="446" y="1086"/>
                  </a:lnTo>
                  <a:lnTo>
                    <a:pt x="446" y="1088"/>
                  </a:lnTo>
                  <a:lnTo>
                    <a:pt x="446" y="1086"/>
                  </a:lnTo>
                  <a:lnTo>
                    <a:pt x="444" y="1086"/>
                  </a:lnTo>
                  <a:lnTo>
                    <a:pt x="444" y="1088"/>
                  </a:lnTo>
                  <a:lnTo>
                    <a:pt x="442" y="1088"/>
                  </a:lnTo>
                  <a:lnTo>
                    <a:pt x="442" y="1086"/>
                  </a:lnTo>
                  <a:lnTo>
                    <a:pt x="440" y="1086"/>
                  </a:lnTo>
                  <a:lnTo>
                    <a:pt x="440" y="1088"/>
                  </a:lnTo>
                  <a:lnTo>
                    <a:pt x="438" y="1086"/>
                  </a:lnTo>
                  <a:lnTo>
                    <a:pt x="438" y="1084"/>
                  </a:lnTo>
                  <a:lnTo>
                    <a:pt x="436" y="1084"/>
                  </a:lnTo>
                  <a:lnTo>
                    <a:pt x="436" y="1082"/>
                  </a:lnTo>
                  <a:lnTo>
                    <a:pt x="435" y="1082"/>
                  </a:lnTo>
                  <a:lnTo>
                    <a:pt x="435" y="1080"/>
                  </a:lnTo>
                  <a:lnTo>
                    <a:pt x="433" y="1080"/>
                  </a:lnTo>
                  <a:lnTo>
                    <a:pt x="433" y="1078"/>
                  </a:lnTo>
                  <a:lnTo>
                    <a:pt x="433" y="1077"/>
                  </a:lnTo>
                  <a:lnTo>
                    <a:pt x="431" y="1077"/>
                  </a:lnTo>
                  <a:lnTo>
                    <a:pt x="433" y="1077"/>
                  </a:lnTo>
                  <a:lnTo>
                    <a:pt x="433" y="1075"/>
                  </a:lnTo>
                  <a:lnTo>
                    <a:pt x="431" y="1075"/>
                  </a:lnTo>
                  <a:lnTo>
                    <a:pt x="431" y="1073"/>
                  </a:lnTo>
                  <a:lnTo>
                    <a:pt x="431" y="1071"/>
                  </a:lnTo>
                  <a:lnTo>
                    <a:pt x="429" y="1069"/>
                  </a:lnTo>
                  <a:lnTo>
                    <a:pt x="427" y="1069"/>
                  </a:lnTo>
                  <a:lnTo>
                    <a:pt x="427" y="1071"/>
                  </a:lnTo>
                  <a:lnTo>
                    <a:pt x="425" y="1071"/>
                  </a:lnTo>
                  <a:lnTo>
                    <a:pt x="425" y="1069"/>
                  </a:lnTo>
                  <a:lnTo>
                    <a:pt x="424" y="1069"/>
                  </a:lnTo>
                  <a:lnTo>
                    <a:pt x="424" y="1071"/>
                  </a:lnTo>
                  <a:lnTo>
                    <a:pt x="422" y="1071"/>
                  </a:lnTo>
                  <a:lnTo>
                    <a:pt x="418" y="1071"/>
                  </a:lnTo>
                  <a:lnTo>
                    <a:pt x="418" y="1073"/>
                  </a:lnTo>
                  <a:lnTo>
                    <a:pt x="416" y="1073"/>
                  </a:lnTo>
                  <a:lnTo>
                    <a:pt x="414" y="1073"/>
                  </a:lnTo>
                  <a:lnTo>
                    <a:pt x="412" y="1073"/>
                  </a:lnTo>
                  <a:lnTo>
                    <a:pt x="412" y="1071"/>
                  </a:lnTo>
                  <a:lnTo>
                    <a:pt x="409" y="1071"/>
                  </a:lnTo>
                  <a:lnTo>
                    <a:pt x="409" y="1069"/>
                  </a:lnTo>
                  <a:lnTo>
                    <a:pt x="407" y="1069"/>
                  </a:lnTo>
                  <a:lnTo>
                    <a:pt x="401" y="1067"/>
                  </a:lnTo>
                  <a:lnTo>
                    <a:pt x="399" y="1065"/>
                  </a:lnTo>
                  <a:lnTo>
                    <a:pt x="398" y="1064"/>
                  </a:lnTo>
                  <a:lnTo>
                    <a:pt x="398" y="1062"/>
                  </a:lnTo>
                  <a:lnTo>
                    <a:pt x="398" y="1060"/>
                  </a:lnTo>
                  <a:lnTo>
                    <a:pt x="394" y="1058"/>
                  </a:lnTo>
                  <a:lnTo>
                    <a:pt x="394" y="1056"/>
                  </a:lnTo>
                  <a:lnTo>
                    <a:pt x="392" y="1054"/>
                  </a:lnTo>
                  <a:lnTo>
                    <a:pt x="392" y="1052"/>
                  </a:lnTo>
                  <a:lnTo>
                    <a:pt x="390" y="1052"/>
                  </a:lnTo>
                  <a:lnTo>
                    <a:pt x="390" y="1051"/>
                  </a:lnTo>
                  <a:lnTo>
                    <a:pt x="388" y="1051"/>
                  </a:lnTo>
                  <a:lnTo>
                    <a:pt x="388" y="1049"/>
                  </a:lnTo>
                  <a:lnTo>
                    <a:pt x="387" y="1049"/>
                  </a:lnTo>
                  <a:lnTo>
                    <a:pt x="385" y="1047"/>
                  </a:lnTo>
                  <a:lnTo>
                    <a:pt x="385" y="1045"/>
                  </a:lnTo>
                  <a:lnTo>
                    <a:pt x="385" y="1043"/>
                  </a:lnTo>
                  <a:lnTo>
                    <a:pt x="383" y="1043"/>
                  </a:lnTo>
                  <a:lnTo>
                    <a:pt x="381" y="1043"/>
                  </a:lnTo>
                  <a:lnTo>
                    <a:pt x="379" y="1043"/>
                  </a:lnTo>
                  <a:lnTo>
                    <a:pt x="379" y="1045"/>
                  </a:lnTo>
                  <a:lnTo>
                    <a:pt x="377" y="1045"/>
                  </a:lnTo>
                  <a:lnTo>
                    <a:pt x="375" y="1045"/>
                  </a:lnTo>
                  <a:lnTo>
                    <a:pt x="374" y="1045"/>
                  </a:lnTo>
                  <a:lnTo>
                    <a:pt x="372" y="1045"/>
                  </a:lnTo>
                  <a:lnTo>
                    <a:pt x="370" y="1045"/>
                  </a:lnTo>
                  <a:lnTo>
                    <a:pt x="368" y="1047"/>
                  </a:lnTo>
                  <a:lnTo>
                    <a:pt x="368" y="1045"/>
                  </a:lnTo>
                  <a:lnTo>
                    <a:pt x="368" y="1047"/>
                  </a:lnTo>
                  <a:lnTo>
                    <a:pt x="366" y="1047"/>
                  </a:lnTo>
                  <a:lnTo>
                    <a:pt x="364" y="1047"/>
                  </a:lnTo>
                  <a:lnTo>
                    <a:pt x="363" y="1047"/>
                  </a:lnTo>
                  <a:lnTo>
                    <a:pt x="361" y="1047"/>
                  </a:lnTo>
                  <a:lnTo>
                    <a:pt x="359" y="1047"/>
                  </a:lnTo>
                  <a:lnTo>
                    <a:pt x="357" y="1047"/>
                  </a:lnTo>
                  <a:lnTo>
                    <a:pt x="357" y="1045"/>
                  </a:lnTo>
                  <a:lnTo>
                    <a:pt x="355" y="1047"/>
                  </a:lnTo>
                  <a:lnTo>
                    <a:pt x="355" y="1045"/>
                  </a:lnTo>
                  <a:lnTo>
                    <a:pt x="355" y="1047"/>
                  </a:lnTo>
                  <a:lnTo>
                    <a:pt x="355" y="1045"/>
                  </a:lnTo>
                  <a:lnTo>
                    <a:pt x="353" y="1047"/>
                  </a:lnTo>
                  <a:lnTo>
                    <a:pt x="351" y="1047"/>
                  </a:lnTo>
                  <a:lnTo>
                    <a:pt x="350" y="1047"/>
                  </a:lnTo>
                  <a:lnTo>
                    <a:pt x="348" y="1047"/>
                  </a:lnTo>
                  <a:lnTo>
                    <a:pt x="346" y="1047"/>
                  </a:lnTo>
                  <a:lnTo>
                    <a:pt x="346" y="1049"/>
                  </a:lnTo>
                  <a:lnTo>
                    <a:pt x="344" y="1049"/>
                  </a:lnTo>
                  <a:lnTo>
                    <a:pt x="342" y="1049"/>
                  </a:lnTo>
                  <a:lnTo>
                    <a:pt x="340" y="1049"/>
                  </a:lnTo>
                  <a:lnTo>
                    <a:pt x="338" y="1049"/>
                  </a:lnTo>
                  <a:lnTo>
                    <a:pt x="337" y="1049"/>
                  </a:lnTo>
                  <a:lnTo>
                    <a:pt x="335" y="1049"/>
                  </a:lnTo>
                  <a:lnTo>
                    <a:pt x="333" y="1049"/>
                  </a:lnTo>
                  <a:lnTo>
                    <a:pt x="335" y="1047"/>
                  </a:lnTo>
                  <a:lnTo>
                    <a:pt x="335" y="1045"/>
                  </a:lnTo>
                  <a:lnTo>
                    <a:pt x="333" y="1045"/>
                  </a:lnTo>
                  <a:lnTo>
                    <a:pt x="333" y="1043"/>
                  </a:lnTo>
                  <a:lnTo>
                    <a:pt x="333" y="1041"/>
                  </a:lnTo>
                  <a:lnTo>
                    <a:pt x="331" y="1040"/>
                  </a:lnTo>
                  <a:lnTo>
                    <a:pt x="331" y="1038"/>
                  </a:lnTo>
                  <a:lnTo>
                    <a:pt x="331" y="1036"/>
                  </a:lnTo>
                  <a:lnTo>
                    <a:pt x="331" y="1034"/>
                  </a:lnTo>
                  <a:lnTo>
                    <a:pt x="331" y="1032"/>
                  </a:lnTo>
                  <a:lnTo>
                    <a:pt x="331" y="1030"/>
                  </a:lnTo>
                  <a:lnTo>
                    <a:pt x="331" y="1028"/>
                  </a:lnTo>
                  <a:lnTo>
                    <a:pt x="331" y="1027"/>
                  </a:lnTo>
                  <a:lnTo>
                    <a:pt x="329" y="1025"/>
                  </a:lnTo>
                  <a:lnTo>
                    <a:pt x="327" y="1025"/>
                  </a:lnTo>
                  <a:lnTo>
                    <a:pt x="327" y="1023"/>
                  </a:lnTo>
                  <a:lnTo>
                    <a:pt x="326" y="1023"/>
                  </a:lnTo>
                  <a:lnTo>
                    <a:pt x="324" y="1021"/>
                  </a:lnTo>
                  <a:lnTo>
                    <a:pt x="322" y="1021"/>
                  </a:lnTo>
                  <a:lnTo>
                    <a:pt x="322" y="1019"/>
                  </a:lnTo>
                  <a:lnTo>
                    <a:pt x="320" y="1019"/>
                  </a:lnTo>
                  <a:lnTo>
                    <a:pt x="320" y="1017"/>
                  </a:lnTo>
                  <a:lnTo>
                    <a:pt x="320" y="1015"/>
                  </a:lnTo>
                  <a:lnTo>
                    <a:pt x="318" y="1014"/>
                  </a:lnTo>
                  <a:lnTo>
                    <a:pt x="316" y="1012"/>
                  </a:lnTo>
                  <a:lnTo>
                    <a:pt x="314" y="1012"/>
                  </a:lnTo>
                  <a:lnTo>
                    <a:pt x="313" y="1010"/>
                  </a:lnTo>
                  <a:lnTo>
                    <a:pt x="313" y="1008"/>
                  </a:lnTo>
                  <a:lnTo>
                    <a:pt x="311" y="1008"/>
                  </a:lnTo>
                  <a:lnTo>
                    <a:pt x="311" y="1006"/>
                  </a:lnTo>
                  <a:lnTo>
                    <a:pt x="309" y="1006"/>
                  </a:lnTo>
                  <a:lnTo>
                    <a:pt x="309" y="1004"/>
                  </a:lnTo>
                  <a:lnTo>
                    <a:pt x="309" y="1006"/>
                  </a:lnTo>
                  <a:lnTo>
                    <a:pt x="307" y="1004"/>
                  </a:lnTo>
                  <a:lnTo>
                    <a:pt x="307" y="1006"/>
                  </a:lnTo>
                  <a:lnTo>
                    <a:pt x="305" y="1006"/>
                  </a:lnTo>
                  <a:lnTo>
                    <a:pt x="307" y="1006"/>
                  </a:lnTo>
                  <a:lnTo>
                    <a:pt x="307" y="1004"/>
                  </a:lnTo>
                  <a:lnTo>
                    <a:pt x="307" y="1003"/>
                  </a:lnTo>
                  <a:lnTo>
                    <a:pt x="307" y="1001"/>
                  </a:lnTo>
                  <a:lnTo>
                    <a:pt x="307" y="999"/>
                  </a:lnTo>
                  <a:lnTo>
                    <a:pt x="307" y="997"/>
                  </a:lnTo>
                  <a:lnTo>
                    <a:pt x="309" y="997"/>
                  </a:lnTo>
                  <a:lnTo>
                    <a:pt x="309" y="995"/>
                  </a:lnTo>
                  <a:lnTo>
                    <a:pt x="311" y="995"/>
                  </a:lnTo>
                  <a:lnTo>
                    <a:pt x="311" y="993"/>
                  </a:lnTo>
                  <a:lnTo>
                    <a:pt x="313" y="993"/>
                  </a:lnTo>
                  <a:lnTo>
                    <a:pt x="314" y="993"/>
                  </a:lnTo>
                  <a:lnTo>
                    <a:pt x="316" y="991"/>
                  </a:lnTo>
                  <a:lnTo>
                    <a:pt x="316" y="990"/>
                  </a:lnTo>
                  <a:lnTo>
                    <a:pt x="316" y="988"/>
                  </a:lnTo>
                  <a:lnTo>
                    <a:pt x="316" y="986"/>
                  </a:lnTo>
                  <a:lnTo>
                    <a:pt x="316" y="984"/>
                  </a:lnTo>
                  <a:lnTo>
                    <a:pt x="318" y="984"/>
                  </a:lnTo>
                  <a:lnTo>
                    <a:pt x="320" y="984"/>
                  </a:lnTo>
                  <a:lnTo>
                    <a:pt x="322" y="984"/>
                  </a:lnTo>
                  <a:lnTo>
                    <a:pt x="320" y="982"/>
                  </a:lnTo>
                  <a:lnTo>
                    <a:pt x="320" y="980"/>
                  </a:lnTo>
                  <a:lnTo>
                    <a:pt x="318" y="980"/>
                  </a:lnTo>
                  <a:lnTo>
                    <a:pt x="316" y="980"/>
                  </a:lnTo>
                  <a:lnTo>
                    <a:pt x="316" y="978"/>
                  </a:lnTo>
                  <a:lnTo>
                    <a:pt x="311" y="980"/>
                  </a:lnTo>
                  <a:lnTo>
                    <a:pt x="311" y="978"/>
                  </a:lnTo>
                  <a:lnTo>
                    <a:pt x="309" y="978"/>
                  </a:lnTo>
                  <a:lnTo>
                    <a:pt x="309" y="980"/>
                  </a:lnTo>
                  <a:lnTo>
                    <a:pt x="307" y="980"/>
                  </a:lnTo>
                  <a:lnTo>
                    <a:pt x="307" y="978"/>
                  </a:lnTo>
                  <a:lnTo>
                    <a:pt x="305" y="978"/>
                  </a:lnTo>
                  <a:lnTo>
                    <a:pt x="303" y="978"/>
                  </a:lnTo>
                  <a:lnTo>
                    <a:pt x="303" y="977"/>
                  </a:lnTo>
                  <a:lnTo>
                    <a:pt x="302" y="977"/>
                  </a:lnTo>
                  <a:lnTo>
                    <a:pt x="300" y="978"/>
                  </a:lnTo>
                  <a:lnTo>
                    <a:pt x="300" y="977"/>
                  </a:lnTo>
                  <a:lnTo>
                    <a:pt x="300" y="975"/>
                  </a:lnTo>
                  <a:lnTo>
                    <a:pt x="300" y="973"/>
                  </a:lnTo>
                  <a:lnTo>
                    <a:pt x="298" y="971"/>
                  </a:lnTo>
                  <a:lnTo>
                    <a:pt x="298" y="969"/>
                  </a:lnTo>
                  <a:lnTo>
                    <a:pt x="298" y="967"/>
                  </a:lnTo>
                  <a:lnTo>
                    <a:pt x="296" y="967"/>
                  </a:lnTo>
                  <a:lnTo>
                    <a:pt x="296" y="966"/>
                  </a:lnTo>
                  <a:lnTo>
                    <a:pt x="294" y="966"/>
                  </a:lnTo>
                  <a:lnTo>
                    <a:pt x="292" y="966"/>
                  </a:lnTo>
                  <a:lnTo>
                    <a:pt x="290" y="966"/>
                  </a:lnTo>
                  <a:lnTo>
                    <a:pt x="289" y="966"/>
                  </a:lnTo>
                  <a:lnTo>
                    <a:pt x="289" y="967"/>
                  </a:lnTo>
                  <a:lnTo>
                    <a:pt x="287" y="967"/>
                  </a:lnTo>
                  <a:lnTo>
                    <a:pt x="285" y="967"/>
                  </a:lnTo>
                  <a:lnTo>
                    <a:pt x="283" y="966"/>
                  </a:lnTo>
                  <a:lnTo>
                    <a:pt x="281" y="964"/>
                  </a:lnTo>
                  <a:lnTo>
                    <a:pt x="279" y="964"/>
                  </a:lnTo>
                  <a:lnTo>
                    <a:pt x="279" y="962"/>
                  </a:lnTo>
                  <a:lnTo>
                    <a:pt x="277" y="962"/>
                  </a:lnTo>
                  <a:lnTo>
                    <a:pt x="277" y="960"/>
                  </a:lnTo>
                  <a:lnTo>
                    <a:pt x="276" y="958"/>
                  </a:lnTo>
                  <a:lnTo>
                    <a:pt x="276" y="956"/>
                  </a:lnTo>
                  <a:lnTo>
                    <a:pt x="272" y="936"/>
                  </a:lnTo>
                  <a:lnTo>
                    <a:pt x="265" y="925"/>
                  </a:lnTo>
                  <a:lnTo>
                    <a:pt x="265" y="923"/>
                  </a:lnTo>
                  <a:lnTo>
                    <a:pt x="263" y="923"/>
                  </a:lnTo>
                  <a:lnTo>
                    <a:pt x="261" y="921"/>
                  </a:lnTo>
                  <a:lnTo>
                    <a:pt x="255" y="919"/>
                  </a:lnTo>
                  <a:lnTo>
                    <a:pt x="253" y="919"/>
                  </a:lnTo>
                  <a:lnTo>
                    <a:pt x="252" y="919"/>
                  </a:lnTo>
                  <a:lnTo>
                    <a:pt x="250" y="917"/>
                  </a:lnTo>
                  <a:lnTo>
                    <a:pt x="252" y="917"/>
                  </a:lnTo>
                  <a:lnTo>
                    <a:pt x="252" y="916"/>
                  </a:lnTo>
                  <a:lnTo>
                    <a:pt x="250" y="914"/>
                  </a:lnTo>
                  <a:lnTo>
                    <a:pt x="250" y="912"/>
                  </a:lnTo>
                  <a:lnTo>
                    <a:pt x="250" y="910"/>
                  </a:lnTo>
                  <a:lnTo>
                    <a:pt x="250" y="908"/>
                  </a:lnTo>
                  <a:lnTo>
                    <a:pt x="250" y="906"/>
                  </a:lnTo>
                  <a:lnTo>
                    <a:pt x="246" y="903"/>
                  </a:lnTo>
                  <a:lnTo>
                    <a:pt x="237" y="897"/>
                  </a:lnTo>
                  <a:lnTo>
                    <a:pt x="235" y="897"/>
                  </a:lnTo>
                  <a:lnTo>
                    <a:pt x="233" y="897"/>
                  </a:lnTo>
                  <a:lnTo>
                    <a:pt x="233" y="895"/>
                  </a:lnTo>
                  <a:lnTo>
                    <a:pt x="231" y="895"/>
                  </a:lnTo>
                  <a:lnTo>
                    <a:pt x="229" y="895"/>
                  </a:lnTo>
                  <a:lnTo>
                    <a:pt x="229" y="890"/>
                  </a:lnTo>
                  <a:lnTo>
                    <a:pt x="228" y="886"/>
                  </a:lnTo>
                  <a:lnTo>
                    <a:pt x="224" y="882"/>
                  </a:lnTo>
                  <a:lnTo>
                    <a:pt x="224" y="879"/>
                  </a:lnTo>
                  <a:lnTo>
                    <a:pt x="222" y="873"/>
                  </a:lnTo>
                  <a:lnTo>
                    <a:pt x="220" y="866"/>
                  </a:lnTo>
                  <a:lnTo>
                    <a:pt x="220" y="862"/>
                  </a:lnTo>
                  <a:lnTo>
                    <a:pt x="218" y="858"/>
                  </a:lnTo>
                  <a:lnTo>
                    <a:pt x="218" y="853"/>
                  </a:lnTo>
                  <a:lnTo>
                    <a:pt x="216" y="853"/>
                  </a:lnTo>
                  <a:lnTo>
                    <a:pt x="215" y="851"/>
                  </a:lnTo>
                  <a:lnTo>
                    <a:pt x="213" y="849"/>
                  </a:lnTo>
                  <a:lnTo>
                    <a:pt x="211" y="849"/>
                  </a:lnTo>
                  <a:lnTo>
                    <a:pt x="209" y="849"/>
                  </a:lnTo>
                  <a:lnTo>
                    <a:pt x="205" y="849"/>
                  </a:lnTo>
                  <a:lnTo>
                    <a:pt x="204" y="847"/>
                  </a:lnTo>
                  <a:lnTo>
                    <a:pt x="204" y="845"/>
                  </a:lnTo>
                  <a:lnTo>
                    <a:pt x="202" y="847"/>
                  </a:lnTo>
                  <a:lnTo>
                    <a:pt x="200" y="847"/>
                  </a:lnTo>
                  <a:lnTo>
                    <a:pt x="200" y="849"/>
                  </a:lnTo>
                  <a:lnTo>
                    <a:pt x="198" y="849"/>
                  </a:lnTo>
                  <a:lnTo>
                    <a:pt x="196" y="849"/>
                  </a:lnTo>
                  <a:lnTo>
                    <a:pt x="192" y="849"/>
                  </a:lnTo>
                  <a:lnTo>
                    <a:pt x="191" y="849"/>
                  </a:lnTo>
                  <a:lnTo>
                    <a:pt x="191" y="847"/>
                  </a:lnTo>
                  <a:lnTo>
                    <a:pt x="189" y="847"/>
                  </a:lnTo>
                  <a:lnTo>
                    <a:pt x="187" y="847"/>
                  </a:lnTo>
                  <a:lnTo>
                    <a:pt x="185" y="843"/>
                  </a:lnTo>
                  <a:lnTo>
                    <a:pt x="183" y="843"/>
                  </a:lnTo>
                  <a:lnTo>
                    <a:pt x="181" y="843"/>
                  </a:lnTo>
                  <a:lnTo>
                    <a:pt x="180" y="842"/>
                  </a:lnTo>
                  <a:lnTo>
                    <a:pt x="178" y="840"/>
                  </a:lnTo>
                  <a:lnTo>
                    <a:pt x="174" y="838"/>
                  </a:lnTo>
                  <a:lnTo>
                    <a:pt x="172" y="838"/>
                  </a:lnTo>
                  <a:lnTo>
                    <a:pt x="170" y="836"/>
                  </a:lnTo>
                  <a:lnTo>
                    <a:pt x="168" y="834"/>
                  </a:lnTo>
                  <a:lnTo>
                    <a:pt x="165" y="832"/>
                  </a:lnTo>
                  <a:lnTo>
                    <a:pt x="161" y="832"/>
                  </a:lnTo>
                  <a:lnTo>
                    <a:pt x="159" y="832"/>
                  </a:lnTo>
                  <a:lnTo>
                    <a:pt x="157" y="831"/>
                  </a:lnTo>
                  <a:lnTo>
                    <a:pt x="154" y="831"/>
                  </a:lnTo>
                  <a:lnTo>
                    <a:pt x="152" y="831"/>
                  </a:lnTo>
                  <a:lnTo>
                    <a:pt x="150" y="829"/>
                  </a:lnTo>
                  <a:lnTo>
                    <a:pt x="146" y="831"/>
                  </a:lnTo>
                  <a:lnTo>
                    <a:pt x="143" y="831"/>
                  </a:lnTo>
                  <a:lnTo>
                    <a:pt x="139" y="829"/>
                  </a:lnTo>
                  <a:lnTo>
                    <a:pt x="135" y="829"/>
                  </a:lnTo>
                  <a:lnTo>
                    <a:pt x="133" y="827"/>
                  </a:lnTo>
                  <a:lnTo>
                    <a:pt x="130" y="825"/>
                  </a:lnTo>
                  <a:lnTo>
                    <a:pt x="128" y="825"/>
                  </a:lnTo>
                  <a:lnTo>
                    <a:pt x="126" y="823"/>
                  </a:lnTo>
                  <a:lnTo>
                    <a:pt x="126" y="821"/>
                  </a:lnTo>
                  <a:lnTo>
                    <a:pt x="124" y="818"/>
                  </a:lnTo>
                  <a:lnTo>
                    <a:pt x="124" y="816"/>
                  </a:lnTo>
                  <a:lnTo>
                    <a:pt x="124" y="812"/>
                  </a:lnTo>
                  <a:lnTo>
                    <a:pt x="124" y="808"/>
                  </a:lnTo>
                  <a:lnTo>
                    <a:pt x="124" y="806"/>
                  </a:lnTo>
                  <a:lnTo>
                    <a:pt x="122" y="805"/>
                  </a:lnTo>
                  <a:lnTo>
                    <a:pt x="122" y="803"/>
                  </a:lnTo>
                  <a:lnTo>
                    <a:pt x="120" y="801"/>
                  </a:lnTo>
                  <a:lnTo>
                    <a:pt x="117" y="801"/>
                  </a:lnTo>
                  <a:lnTo>
                    <a:pt x="115" y="799"/>
                  </a:lnTo>
                  <a:lnTo>
                    <a:pt x="113" y="797"/>
                  </a:lnTo>
                  <a:lnTo>
                    <a:pt x="109" y="797"/>
                  </a:lnTo>
                  <a:lnTo>
                    <a:pt x="107" y="795"/>
                  </a:lnTo>
                  <a:lnTo>
                    <a:pt x="106" y="795"/>
                  </a:lnTo>
                  <a:lnTo>
                    <a:pt x="104" y="795"/>
                  </a:lnTo>
                  <a:lnTo>
                    <a:pt x="102" y="794"/>
                  </a:lnTo>
                  <a:lnTo>
                    <a:pt x="100" y="794"/>
                  </a:lnTo>
                  <a:lnTo>
                    <a:pt x="98" y="794"/>
                  </a:lnTo>
                  <a:lnTo>
                    <a:pt x="96" y="795"/>
                  </a:lnTo>
                  <a:lnTo>
                    <a:pt x="96" y="794"/>
                  </a:lnTo>
                  <a:lnTo>
                    <a:pt x="94" y="794"/>
                  </a:lnTo>
                  <a:lnTo>
                    <a:pt x="93" y="792"/>
                  </a:lnTo>
                  <a:lnTo>
                    <a:pt x="91" y="790"/>
                  </a:lnTo>
                  <a:lnTo>
                    <a:pt x="91" y="788"/>
                  </a:lnTo>
                  <a:lnTo>
                    <a:pt x="91" y="786"/>
                  </a:lnTo>
                  <a:lnTo>
                    <a:pt x="91" y="784"/>
                  </a:lnTo>
                  <a:lnTo>
                    <a:pt x="91" y="782"/>
                  </a:lnTo>
                  <a:lnTo>
                    <a:pt x="89" y="781"/>
                  </a:lnTo>
                  <a:lnTo>
                    <a:pt x="91" y="781"/>
                  </a:lnTo>
                  <a:lnTo>
                    <a:pt x="93" y="781"/>
                  </a:lnTo>
                  <a:lnTo>
                    <a:pt x="93" y="779"/>
                  </a:lnTo>
                  <a:lnTo>
                    <a:pt x="94" y="775"/>
                  </a:lnTo>
                  <a:lnTo>
                    <a:pt x="96" y="775"/>
                  </a:lnTo>
                  <a:lnTo>
                    <a:pt x="98" y="773"/>
                  </a:lnTo>
                  <a:lnTo>
                    <a:pt x="98" y="771"/>
                  </a:lnTo>
                  <a:lnTo>
                    <a:pt x="98" y="769"/>
                  </a:lnTo>
                  <a:lnTo>
                    <a:pt x="98" y="768"/>
                  </a:lnTo>
                  <a:lnTo>
                    <a:pt x="100" y="768"/>
                  </a:lnTo>
                  <a:lnTo>
                    <a:pt x="104" y="766"/>
                  </a:lnTo>
                  <a:lnTo>
                    <a:pt x="109" y="762"/>
                  </a:lnTo>
                  <a:lnTo>
                    <a:pt x="104" y="749"/>
                  </a:lnTo>
                  <a:lnTo>
                    <a:pt x="102" y="744"/>
                  </a:lnTo>
                  <a:lnTo>
                    <a:pt x="100" y="740"/>
                  </a:lnTo>
                  <a:lnTo>
                    <a:pt x="96" y="734"/>
                  </a:lnTo>
                  <a:lnTo>
                    <a:pt x="89" y="727"/>
                  </a:lnTo>
                  <a:lnTo>
                    <a:pt x="87" y="725"/>
                  </a:lnTo>
                  <a:lnTo>
                    <a:pt x="85" y="723"/>
                  </a:lnTo>
                  <a:lnTo>
                    <a:pt x="83" y="721"/>
                  </a:lnTo>
                  <a:lnTo>
                    <a:pt x="82" y="718"/>
                  </a:lnTo>
                  <a:lnTo>
                    <a:pt x="80" y="716"/>
                  </a:lnTo>
                  <a:lnTo>
                    <a:pt x="80" y="714"/>
                  </a:lnTo>
                  <a:lnTo>
                    <a:pt x="78" y="714"/>
                  </a:lnTo>
                  <a:lnTo>
                    <a:pt x="78" y="712"/>
                  </a:lnTo>
                  <a:lnTo>
                    <a:pt x="78" y="710"/>
                  </a:lnTo>
                  <a:lnTo>
                    <a:pt x="78" y="708"/>
                  </a:lnTo>
                  <a:lnTo>
                    <a:pt x="78" y="707"/>
                  </a:lnTo>
                  <a:lnTo>
                    <a:pt x="78" y="705"/>
                  </a:lnTo>
                  <a:lnTo>
                    <a:pt x="76" y="703"/>
                  </a:lnTo>
                  <a:lnTo>
                    <a:pt x="72" y="699"/>
                  </a:lnTo>
                  <a:lnTo>
                    <a:pt x="72" y="697"/>
                  </a:lnTo>
                  <a:lnTo>
                    <a:pt x="69" y="694"/>
                  </a:lnTo>
                  <a:lnTo>
                    <a:pt x="69" y="692"/>
                  </a:lnTo>
                  <a:lnTo>
                    <a:pt x="69" y="690"/>
                  </a:lnTo>
                  <a:lnTo>
                    <a:pt x="70" y="688"/>
                  </a:lnTo>
                  <a:lnTo>
                    <a:pt x="72" y="686"/>
                  </a:lnTo>
                  <a:lnTo>
                    <a:pt x="74" y="686"/>
                  </a:lnTo>
                  <a:lnTo>
                    <a:pt x="76" y="684"/>
                  </a:lnTo>
                  <a:lnTo>
                    <a:pt x="80" y="683"/>
                  </a:lnTo>
                  <a:lnTo>
                    <a:pt x="82" y="683"/>
                  </a:lnTo>
                  <a:lnTo>
                    <a:pt x="82" y="681"/>
                  </a:lnTo>
                  <a:lnTo>
                    <a:pt x="83" y="681"/>
                  </a:lnTo>
                  <a:lnTo>
                    <a:pt x="85" y="681"/>
                  </a:lnTo>
                  <a:lnTo>
                    <a:pt x="87" y="681"/>
                  </a:lnTo>
                  <a:lnTo>
                    <a:pt x="85" y="679"/>
                  </a:lnTo>
                  <a:lnTo>
                    <a:pt x="83" y="677"/>
                  </a:lnTo>
                  <a:lnTo>
                    <a:pt x="83" y="673"/>
                  </a:lnTo>
                  <a:lnTo>
                    <a:pt x="85" y="673"/>
                  </a:lnTo>
                  <a:lnTo>
                    <a:pt x="83" y="671"/>
                  </a:lnTo>
                  <a:lnTo>
                    <a:pt x="85" y="671"/>
                  </a:lnTo>
                  <a:lnTo>
                    <a:pt x="85" y="670"/>
                  </a:lnTo>
                  <a:lnTo>
                    <a:pt x="87" y="670"/>
                  </a:lnTo>
                  <a:lnTo>
                    <a:pt x="87" y="668"/>
                  </a:lnTo>
                  <a:lnTo>
                    <a:pt x="87" y="666"/>
                  </a:lnTo>
                  <a:lnTo>
                    <a:pt x="87" y="664"/>
                  </a:lnTo>
                  <a:lnTo>
                    <a:pt x="89" y="662"/>
                  </a:lnTo>
                  <a:lnTo>
                    <a:pt x="89" y="660"/>
                  </a:lnTo>
                  <a:lnTo>
                    <a:pt x="89" y="658"/>
                  </a:lnTo>
                  <a:lnTo>
                    <a:pt x="87" y="657"/>
                  </a:lnTo>
                  <a:lnTo>
                    <a:pt x="89" y="655"/>
                  </a:lnTo>
                  <a:lnTo>
                    <a:pt x="89" y="653"/>
                  </a:lnTo>
                  <a:lnTo>
                    <a:pt x="89" y="651"/>
                  </a:lnTo>
                  <a:lnTo>
                    <a:pt x="91" y="649"/>
                  </a:lnTo>
                  <a:lnTo>
                    <a:pt x="91" y="647"/>
                  </a:lnTo>
                  <a:lnTo>
                    <a:pt x="94" y="647"/>
                  </a:lnTo>
                  <a:lnTo>
                    <a:pt x="98" y="646"/>
                  </a:lnTo>
                  <a:lnTo>
                    <a:pt x="102" y="646"/>
                  </a:lnTo>
                  <a:lnTo>
                    <a:pt x="104" y="646"/>
                  </a:lnTo>
                  <a:lnTo>
                    <a:pt x="106" y="646"/>
                  </a:lnTo>
                  <a:lnTo>
                    <a:pt x="104" y="642"/>
                  </a:lnTo>
                  <a:lnTo>
                    <a:pt x="104" y="640"/>
                  </a:lnTo>
                  <a:lnTo>
                    <a:pt x="106" y="638"/>
                  </a:lnTo>
                  <a:lnTo>
                    <a:pt x="107" y="638"/>
                  </a:lnTo>
                  <a:lnTo>
                    <a:pt x="107" y="636"/>
                  </a:lnTo>
                  <a:lnTo>
                    <a:pt x="107" y="634"/>
                  </a:lnTo>
                  <a:lnTo>
                    <a:pt x="107" y="633"/>
                  </a:lnTo>
                  <a:lnTo>
                    <a:pt x="109" y="633"/>
                  </a:lnTo>
                  <a:lnTo>
                    <a:pt x="109" y="631"/>
                  </a:lnTo>
                  <a:lnTo>
                    <a:pt x="111" y="631"/>
                  </a:lnTo>
                  <a:lnTo>
                    <a:pt x="113" y="631"/>
                  </a:lnTo>
                  <a:lnTo>
                    <a:pt x="115" y="629"/>
                  </a:lnTo>
                  <a:lnTo>
                    <a:pt x="115" y="627"/>
                  </a:lnTo>
                  <a:lnTo>
                    <a:pt x="115" y="625"/>
                  </a:lnTo>
                  <a:lnTo>
                    <a:pt x="117" y="625"/>
                  </a:lnTo>
                  <a:lnTo>
                    <a:pt x="117" y="623"/>
                  </a:lnTo>
                  <a:lnTo>
                    <a:pt x="119" y="621"/>
                  </a:lnTo>
                  <a:lnTo>
                    <a:pt x="120" y="620"/>
                  </a:lnTo>
                  <a:lnTo>
                    <a:pt x="120" y="618"/>
                  </a:lnTo>
                  <a:lnTo>
                    <a:pt x="119" y="616"/>
                  </a:lnTo>
                  <a:lnTo>
                    <a:pt x="117" y="614"/>
                  </a:lnTo>
                  <a:lnTo>
                    <a:pt x="119" y="610"/>
                  </a:lnTo>
                  <a:lnTo>
                    <a:pt x="119" y="609"/>
                  </a:lnTo>
                  <a:lnTo>
                    <a:pt x="119" y="607"/>
                  </a:lnTo>
                  <a:lnTo>
                    <a:pt x="119" y="605"/>
                  </a:lnTo>
                  <a:lnTo>
                    <a:pt x="119" y="603"/>
                  </a:lnTo>
                  <a:lnTo>
                    <a:pt x="119" y="601"/>
                  </a:lnTo>
                  <a:lnTo>
                    <a:pt x="119" y="599"/>
                  </a:lnTo>
                  <a:close/>
                  <a:moveTo>
                    <a:pt x="832" y="1356"/>
                  </a:moveTo>
                  <a:lnTo>
                    <a:pt x="832" y="1354"/>
                  </a:lnTo>
                  <a:lnTo>
                    <a:pt x="834" y="1348"/>
                  </a:lnTo>
                  <a:lnTo>
                    <a:pt x="834" y="1345"/>
                  </a:lnTo>
                  <a:lnTo>
                    <a:pt x="836" y="1341"/>
                  </a:lnTo>
                  <a:lnTo>
                    <a:pt x="838" y="1335"/>
                  </a:lnTo>
                  <a:lnTo>
                    <a:pt x="839" y="1328"/>
                  </a:lnTo>
                  <a:lnTo>
                    <a:pt x="841" y="1321"/>
                  </a:lnTo>
                  <a:lnTo>
                    <a:pt x="856" y="1323"/>
                  </a:lnTo>
                  <a:lnTo>
                    <a:pt x="856" y="1324"/>
                  </a:lnTo>
                  <a:lnTo>
                    <a:pt x="856" y="1326"/>
                  </a:lnTo>
                  <a:lnTo>
                    <a:pt x="856" y="1328"/>
                  </a:lnTo>
                  <a:lnTo>
                    <a:pt x="856" y="1330"/>
                  </a:lnTo>
                  <a:lnTo>
                    <a:pt x="856" y="1337"/>
                  </a:lnTo>
                  <a:lnTo>
                    <a:pt x="856" y="1341"/>
                  </a:lnTo>
                  <a:lnTo>
                    <a:pt x="856" y="1343"/>
                  </a:lnTo>
                  <a:lnTo>
                    <a:pt x="858" y="1345"/>
                  </a:lnTo>
                  <a:lnTo>
                    <a:pt x="856" y="1345"/>
                  </a:lnTo>
                  <a:lnTo>
                    <a:pt x="858" y="1345"/>
                  </a:lnTo>
                  <a:lnTo>
                    <a:pt x="860" y="1347"/>
                  </a:lnTo>
                  <a:lnTo>
                    <a:pt x="858" y="1352"/>
                  </a:lnTo>
                  <a:lnTo>
                    <a:pt x="856" y="1356"/>
                  </a:lnTo>
                  <a:lnTo>
                    <a:pt x="856" y="1361"/>
                  </a:lnTo>
                  <a:lnTo>
                    <a:pt x="856" y="1365"/>
                  </a:lnTo>
                  <a:lnTo>
                    <a:pt x="854" y="1365"/>
                  </a:lnTo>
                  <a:lnTo>
                    <a:pt x="852" y="1365"/>
                  </a:lnTo>
                  <a:lnTo>
                    <a:pt x="851" y="1365"/>
                  </a:lnTo>
                  <a:lnTo>
                    <a:pt x="849" y="1365"/>
                  </a:lnTo>
                  <a:lnTo>
                    <a:pt x="847" y="1365"/>
                  </a:lnTo>
                  <a:lnTo>
                    <a:pt x="845" y="1365"/>
                  </a:lnTo>
                  <a:lnTo>
                    <a:pt x="845" y="1363"/>
                  </a:lnTo>
                  <a:lnTo>
                    <a:pt x="830" y="1360"/>
                  </a:lnTo>
                  <a:lnTo>
                    <a:pt x="832" y="1356"/>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nvGrpSpPr>
            <p:cNvPr id="35" name="Gruppieren 34"/>
            <p:cNvGrpSpPr/>
            <p:nvPr/>
          </p:nvGrpSpPr>
          <p:grpSpPr>
            <a:xfrm>
              <a:off x="4847363" y="3626077"/>
              <a:ext cx="676562" cy="482664"/>
              <a:chOff x="5699125" y="2903537"/>
              <a:chExt cx="1030287" cy="735013"/>
            </a:xfrm>
          </p:grpSpPr>
          <p:sp>
            <p:nvSpPr>
              <p:cNvPr id="36" name="Freeform 174"/>
              <p:cNvSpPr>
                <a:spLocks/>
              </p:cNvSpPr>
              <p:nvPr/>
            </p:nvSpPr>
            <p:spPr bwMode="auto">
              <a:xfrm>
                <a:off x="6405562" y="3244850"/>
                <a:ext cx="323850" cy="358775"/>
              </a:xfrm>
              <a:custGeom>
                <a:avLst/>
                <a:gdLst>
                  <a:gd name="T0" fmla="*/ 165 w 204"/>
                  <a:gd name="T1" fmla="*/ 33 h 226"/>
                  <a:gd name="T2" fmla="*/ 176 w 204"/>
                  <a:gd name="T3" fmla="*/ 39 h 226"/>
                  <a:gd name="T4" fmla="*/ 189 w 204"/>
                  <a:gd name="T5" fmla="*/ 41 h 226"/>
                  <a:gd name="T6" fmla="*/ 200 w 204"/>
                  <a:gd name="T7" fmla="*/ 54 h 226"/>
                  <a:gd name="T8" fmla="*/ 202 w 204"/>
                  <a:gd name="T9" fmla="*/ 65 h 226"/>
                  <a:gd name="T10" fmla="*/ 191 w 204"/>
                  <a:gd name="T11" fmla="*/ 70 h 226"/>
                  <a:gd name="T12" fmla="*/ 178 w 204"/>
                  <a:gd name="T13" fmla="*/ 78 h 226"/>
                  <a:gd name="T14" fmla="*/ 174 w 204"/>
                  <a:gd name="T15" fmla="*/ 93 h 226"/>
                  <a:gd name="T16" fmla="*/ 172 w 204"/>
                  <a:gd name="T17" fmla="*/ 107 h 226"/>
                  <a:gd name="T18" fmla="*/ 165 w 204"/>
                  <a:gd name="T19" fmla="*/ 122 h 226"/>
                  <a:gd name="T20" fmla="*/ 169 w 204"/>
                  <a:gd name="T21" fmla="*/ 144 h 226"/>
                  <a:gd name="T22" fmla="*/ 146 w 204"/>
                  <a:gd name="T23" fmla="*/ 150 h 226"/>
                  <a:gd name="T24" fmla="*/ 163 w 204"/>
                  <a:gd name="T25" fmla="*/ 155 h 226"/>
                  <a:gd name="T26" fmla="*/ 167 w 204"/>
                  <a:gd name="T27" fmla="*/ 167 h 226"/>
                  <a:gd name="T28" fmla="*/ 174 w 204"/>
                  <a:gd name="T29" fmla="*/ 181 h 226"/>
                  <a:gd name="T30" fmla="*/ 176 w 204"/>
                  <a:gd name="T31" fmla="*/ 209 h 226"/>
                  <a:gd name="T32" fmla="*/ 167 w 204"/>
                  <a:gd name="T33" fmla="*/ 215 h 226"/>
                  <a:gd name="T34" fmla="*/ 152 w 204"/>
                  <a:gd name="T35" fmla="*/ 213 h 226"/>
                  <a:gd name="T36" fmla="*/ 133 w 204"/>
                  <a:gd name="T37" fmla="*/ 220 h 226"/>
                  <a:gd name="T38" fmla="*/ 124 w 204"/>
                  <a:gd name="T39" fmla="*/ 220 h 226"/>
                  <a:gd name="T40" fmla="*/ 119 w 204"/>
                  <a:gd name="T41" fmla="*/ 213 h 226"/>
                  <a:gd name="T42" fmla="*/ 108 w 204"/>
                  <a:gd name="T43" fmla="*/ 207 h 226"/>
                  <a:gd name="T44" fmla="*/ 89 w 204"/>
                  <a:gd name="T45" fmla="*/ 211 h 226"/>
                  <a:gd name="T46" fmla="*/ 78 w 204"/>
                  <a:gd name="T47" fmla="*/ 204 h 226"/>
                  <a:gd name="T48" fmla="*/ 65 w 204"/>
                  <a:gd name="T49" fmla="*/ 213 h 226"/>
                  <a:gd name="T50" fmla="*/ 54 w 204"/>
                  <a:gd name="T51" fmla="*/ 220 h 226"/>
                  <a:gd name="T52" fmla="*/ 91 w 204"/>
                  <a:gd name="T53" fmla="*/ 189 h 226"/>
                  <a:gd name="T54" fmla="*/ 84 w 204"/>
                  <a:gd name="T55" fmla="*/ 176 h 226"/>
                  <a:gd name="T56" fmla="*/ 67 w 204"/>
                  <a:gd name="T57" fmla="*/ 170 h 226"/>
                  <a:gd name="T58" fmla="*/ 56 w 204"/>
                  <a:gd name="T59" fmla="*/ 161 h 226"/>
                  <a:gd name="T60" fmla="*/ 36 w 204"/>
                  <a:gd name="T61" fmla="*/ 144 h 226"/>
                  <a:gd name="T62" fmla="*/ 39 w 204"/>
                  <a:gd name="T63" fmla="*/ 130 h 226"/>
                  <a:gd name="T64" fmla="*/ 30 w 204"/>
                  <a:gd name="T65" fmla="*/ 122 h 226"/>
                  <a:gd name="T66" fmla="*/ 21 w 204"/>
                  <a:gd name="T67" fmla="*/ 117 h 226"/>
                  <a:gd name="T68" fmla="*/ 24 w 204"/>
                  <a:gd name="T69" fmla="*/ 104 h 226"/>
                  <a:gd name="T70" fmla="*/ 19 w 204"/>
                  <a:gd name="T71" fmla="*/ 93 h 226"/>
                  <a:gd name="T72" fmla="*/ 13 w 204"/>
                  <a:gd name="T73" fmla="*/ 81 h 226"/>
                  <a:gd name="T74" fmla="*/ 13 w 204"/>
                  <a:gd name="T75" fmla="*/ 59 h 226"/>
                  <a:gd name="T76" fmla="*/ 13 w 204"/>
                  <a:gd name="T77" fmla="*/ 48 h 226"/>
                  <a:gd name="T78" fmla="*/ 10 w 204"/>
                  <a:gd name="T79" fmla="*/ 32 h 226"/>
                  <a:gd name="T80" fmla="*/ 0 w 204"/>
                  <a:gd name="T81" fmla="*/ 24 h 226"/>
                  <a:gd name="T82" fmla="*/ 11 w 204"/>
                  <a:gd name="T83" fmla="*/ 15 h 226"/>
                  <a:gd name="T84" fmla="*/ 15 w 204"/>
                  <a:gd name="T85" fmla="*/ 0 h 226"/>
                  <a:gd name="T86" fmla="*/ 28 w 204"/>
                  <a:gd name="T87" fmla="*/ 6 h 226"/>
                  <a:gd name="T88" fmla="*/ 32 w 204"/>
                  <a:gd name="T89" fmla="*/ 15 h 226"/>
                  <a:gd name="T90" fmla="*/ 23 w 204"/>
                  <a:gd name="T91" fmla="*/ 28 h 226"/>
                  <a:gd name="T92" fmla="*/ 19 w 204"/>
                  <a:gd name="T93" fmla="*/ 44 h 226"/>
                  <a:gd name="T94" fmla="*/ 34 w 204"/>
                  <a:gd name="T95" fmla="*/ 41 h 226"/>
                  <a:gd name="T96" fmla="*/ 43 w 204"/>
                  <a:gd name="T97" fmla="*/ 32 h 226"/>
                  <a:gd name="T98" fmla="*/ 52 w 204"/>
                  <a:gd name="T99" fmla="*/ 20 h 226"/>
                  <a:gd name="T100" fmla="*/ 71 w 204"/>
                  <a:gd name="T101" fmla="*/ 11 h 226"/>
                  <a:gd name="T102" fmla="*/ 78 w 204"/>
                  <a:gd name="T103" fmla="*/ 20 h 226"/>
                  <a:gd name="T104" fmla="*/ 82 w 204"/>
                  <a:gd name="T105" fmla="*/ 37 h 226"/>
                  <a:gd name="T106" fmla="*/ 87 w 204"/>
                  <a:gd name="T107" fmla="*/ 46 h 226"/>
                  <a:gd name="T108" fmla="*/ 104 w 204"/>
                  <a:gd name="T109" fmla="*/ 44 h 226"/>
                  <a:gd name="T110" fmla="*/ 117 w 204"/>
                  <a:gd name="T111" fmla="*/ 41 h 226"/>
                  <a:gd name="T112" fmla="*/ 135 w 204"/>
                  <a:gd name="T113" fmla="*/ 39 h 226"/>
                  <a:gd name="T114" fmla="*/ 148 w 204"/>
                  <a:gd name="T115" fmla="*/ 37 h 2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204" h="226">
                    <a:moveTo>
                      <a:pt x="154" y="39"/>
                    </a:moveTo>
                    <a:lnTo>
                      <a:pt x="156" y="39"/>
                    </a:lnTo>
                    <a:lnTo>
                      <a:pt x="158" y="39"/>
                    </a:lnTo>
                    <a:lnTo>
                      <a:pt x="159" y="39"/>
                    </a:lnTo>
                    <a:lnTo>
                      <a:pt x="161" y="37"/>
                    </a:lnTo>
                    <a:lnTo>
                      <a:pt x="161" y="35"/>
                    </a:lnTo>
                    <a:lnTo>
                      <a:pt x="163" y="35"/>
                    </a:lnTo>
                    <a:lnTo>
                      <a:pt x="163" y="33"/>
                    </a:lnTo>
                    <a:lnTo>
                      <a:pt x="165" y="33"/>
                    </a:lnTo>
                    <a:lnTo>
                      <a:pt x="167" y="33"/>
                    </a:lnTo>
                    <a:lnTo>
                      <a:pt x="167" y="35"/>
                    </a:lnTo>
                    <a:lnTo>
                      <a:pt x="169" y="35"/>
                    </a:lnTo>
                    <a:lnTo>
                      <a:pt x="169" y="37"/>
                    </a:lnTo>
                    <a:lnTo>
                      <a:pt x="170" y="37"/>
                    </a:lnTo>
                    <a:lnTo>
                      <a:pt x="172" y="37"/>
                    </a:lnTo>
                    <a:lnTo>
                      <a:pt x="174" y="37"/>
                    </a:lnTo>
                    <a:lnTo>
                      <a:pt x="174" y="39"/>
                    </a:lnTo>
                    <a:lnTo>
                      <a:pt x="176" y="39"/>
                    </a:lnTo>
                    <a:lnTo>
                      <a:pt x="176" y="41"/>
                    </a:lnTo>
                    <a:lnTo>
                      <a:pt x="178" y="41"/>
                    </a:lnTo>
                    <a:lnTo>
                      <a:pt x="180" y="41"/>
                    </a:lnTo>
                    <a:lnTo>
                      <a:pt x="180" y="43"/>
                    </a:lnTo>
                    <a:lnTo>
                      <a:pt x="183" y="43"/>
                    </a:lnTo>
                    <a:lnTo>
                      <a:pt x="185" y="43"/>
                    </a:lnTo>
                    <a:lnTo>
                      <a:pt x="187" y="43"/>
                    </a:lnTo>
                    <a:lnTo>
                      <a:pt x="187" y="41"/>
                    </a:lnTo>
                    <a:lnTo>
                      <a:pt x="189" y="41"/>
                    </a:lnTo>
                    <a:lnTo>
                      <a:pt x="191" y="41"/>
                    </a:lnTo>
                    <a:lnTo>
                      <a:pt x="193" y="41"/>
                    </a:lnTo>
                    <a:lnTo>
                      <a:pt x="193" y="43"/>
                    </a:lnTo>
                    <a:lnTo>
                      <a:pt x="193" y="44"/>
                    </a:lnTo>
                    <a:lnTo>
                      <a:pt x="194" y="44"/>
                    </a:lnTo>
                    <a:lnTo>
                      <a:pt x="196" y="48"/>
                    </a:lnTo>
                    <a:lnTo>
                      <a:pt x="198" y="52"/>
                    </a:lnTo>
                    <a:lnTo>
                      <a:pt x="198" y="54"/>
                    </a:lnTo>
                    <a:lnTo>
                      <a:pt x="200" y="54"/>
                    </a:lnTo>
                    <a:lnTo>
                      <a:pt x="200" y="56"/>
                    </a:lnTo>
                    <a:lnTo>
                      <a:pt x="202" y="56"/>
                    </a:lnTo>
                    <a:lnTo>
                      <a:pt x="204" y="56"/>
                    </a:lnTo>
                    <a:lnTo>
                      <a:pt x="204" y="57"/>
                    </a:lnTo>
                    <a:lnTo>
                      <a:pt x="202" y="57"/>
                    </a:lnTo>
                    <a:lnTo>
                      <a:pt x="202" y="59"/>
                    </a:lnTo>
                    <a:lnTo>
                      <a:pt x="202" y="61"/>
                    </a:lnTo>
                    <a:lnTo>
                      <a:pt x="202" y="63"/>
                    </a:lnTo>
                    <a:lnTo>
                      <a:pt x="202" y="65"/>
                    </a:lnTo>
                    <a:lnTo>
                      <a:pt x="200" y="65"/>
                    </a:lnTo>
                    <a:lnTo>
                      <a:pt x="200" y="67"/>
                    </a:lnTo>
                    <a:lnTo>
                      <a:pt x="198" y="67"/>
                    </a:lnTo>
                    <a:lnTo>
                      <a:pt x="198" y="68"/>
                    </a:lnTo>
                    <a:lnTo>
                      <a:pt x="196" y="68"/>
                    </a:lnTo>
                    <a:lnTo>
                      <a:pt x="194" y="68"/>
                    </a:lnTo>
                    <a:lnTo>
                      <a:pt x="194" y="70"/>
                    </a:lnTo>
                    <a:lnTo>
                      <a:pt x="193" y="70"/>
                    </a:lnTo>
                    <a:lnTo>
                      <a:pt x="191" y="70"/>
                    </a:lnTo>
                    <a:lnTo>
                      <a:pt x="189" y="72"/>
                    </a:lnTo>
                    <a:lnTo>
                      <a:pt x="187" y="72"/>
                    </a:lnTo>
                    <a:lnTo>
                      <a:pt x="185" y="72"/>
                    </a:lnTo>
                    <a:lnTo>
                      <a:pt x="185" y="74"/>
                    </a:lnTo>
                    <a:lnTo>
                      <a:pt x="183" y="74"/>
                    </a:lnTo>
                    <a:lnTo>
                      <a:pt x="182" y="74"/>
                    </a:lnTo>
                    <a:lnTo>
                      <a:pt x="182" y="76"/>
                    </a:lnTo>
                    <a:lnTo>
                      <a:pt x="180" y="78"/>
                    </a:lnTo>
                    <a:lnTo>
                      <a:pt x="178" y="78"/>
                    </a:lnTo>
                    <a:lnTo>
                      <a:pt x="178" y="80"/>
                    </a:lnTo>
                    <a:lnTo>
                      <a:pt x="178" y="81"/>
                    </a:lnTo>
                    <a:lnTo>
                      <a:pt x="178" y="83"/>
                    </a:lnTo>
                    <a:lnTo>
                      <a:pt x="176" y="85"/>
                    </a:lnTo>
                    <a:lnTo>
                      <a:pt x="176" y="87"/>
                    </a:lnTo>
                    <a:lnTo>
                      <a:pt x="174" y="87"/>
                    </a:lnTo>
                    <a:lnTo>
                      <a:pt x="174" y="89"/>
                    </a:lnTo>
                    <a:lnTo>
                      <a:pt x="174" y="91"/>
                    </a:lnTo>
                    <a:lnTo>
                      <a:pt x="174" y="93"/>
                    </a:lnTo>
                    <a:lnTo>
                      <a:pt x="172" y="93"/>
                    </a:lnTo>
                    <a:lnTo>
                      <a:pt x="172" y="94"/>
                    </a:lnTo>
                    <a:lnTo>
                      <a:pt x="172" y="96"/>
                    </a:lnTo>
                    <a:lnTo>
                      <a:pt x="170" y="98"/>
                    </a:lnTo>
                    <a:lnTo>
                      <a:pt x="172" y="98"/>
                    </a:lnTo>
                    <a:lnTo>
                      <a:pt x="172" y="100"/>
                    </a:lnTo>
                    <a:lnTo>
                      <a:pt x="172" y="102"/>
                    </a:lnTo>
                    <a:lnTo>
                      <a:pt x="172" y="105"/>
                    </a:lnTo>
                    <a:lnTo>
                      <a:pt x="172" y="107"/>
                    </a:lnTo>
                    <a:lnTo>
                      <a:pt x="172" y="109"/>
                    </a:lnTo>
                    <a:lnTo>
                      <a:pt x="172" y="111"/>
                    </a:lnTo>
                    <a:lnTo>
                      <a:pt x="170" y="113"/>
                    </a:lnTo>
                    <a:lnTo>
                      <a:pt x="169" y="113"/>
                    </a:lnTo>
                    <a:lnTo>
                      <a:pt x="169" y="115"/>
                    </a:lnTo>
                    <a:lnTo>
                      <a:pt x="169" y="117"/>
                    </a:lnTo>
                    <a:lnTo>
                      <a:pt x="169" y="118"/>
                    </a:lnTo>
                    <a:lnTo>
                      <a:pt x="167" y="120"/>
                    </a:lnTo>
                    <a:lnTo>
                      <a:pt x="165" y="122"/>
                    </a:lnTo>
                    <a:lnTo>
                      <a:pt x="165" y="124"/>
                    </a:lnTo>
                    <a:lnTo>
                      <a:pt x="169" y="128"/>
                    </a:lnTo>
                    <a:lnTo>
                      <a:pt x="172" y="131"/>
                    </a:lnTo>
                    <a:lnTo>
                      <a:pt x="172" y="135"/>
                    </a:lnTo>
                    <a:lnTo>
                      <a:pt x="170" y="137"/>
                    </a:lnTo>
                    <a:lnTo>
                      <a:pt x="172" y="139"/>
                    </a:lnTo>
                    <a:lnTo>
                      <a:pt x="172" y="141"/>
                    </a:lnTo>
                    <a:lnTo>
                      <a:pt x="170" y="142"/>
                    </a:lnTo>
                    <a:lnTo>
                      <a:pt x="169" y="144"/>
                    </a:lnTo>
                    <a:lnTo>
                      <a:pt x="167" y="144"/>
                    </a:lnTo>
                    <a:lnTo>
                      <a:pt x="167" y="146"/>
                    </a:lnTo>
                    <a:lnTo>
                      <a:pt x="165" y="148"/>
                    </a:lnTo>
                    <a:lnTo>
                      <a:pt x="163" y="148"/>
                    </a:lnTo>
                    <a:lnTo>
                      <a:pt x="159" y="150"/>
                    </a:lnTo>
                    <a:lnTo>
                      <a:pt x="158" y="152"/>
                    </a:lnTo>
                    <a:lnTo>
                      <a:pt x="154" y="152"/>
                    </a:lnTo>
                    <a:lnTo>
                      <a:pt x="152" y="150"/>
                    </a:lnTo>
                    <a:lnTo>
                      <a:pt x="146" y="150"/>
                    </a:lnTo>
                    <a:lnTo>
                      <a:pt x="148" y="154"/>
                    </a:lnTo>
                    <a:lnTo>
                      <a:pt x="146" y="154"/>
                    </a:lnTo>
                    <a:lnTo>
                      <a:pt x="150" y="155"/>
                    </a:lnTo>
                    <a:lnTo>
                      <a:pt x="152" y="155"/>
                    </a:lnTo>
                    <a:lnTo>
                      <a:pt x="156" y="159"/>
                    </a:lnTo>
                    <a:lnTo>
                      <a:pt x="158" y="159"/>
                    </a:lnTo>
                    <a:lnTo>
                      <a:pt x="159" y="159"/>
                    </a:lnTo>
                    <a:lnTo>
                      <a:pt x="161" y="157"/>
                    </a:lnTo>
                    <a:lnTo>
                      <a:pt x="163" y="155"/>
                    </a:lnTo>
                    <a:lnTo>
                      <a:pt x="165" y="155"/>
                    </a:lnTo>
                    <a:lnTo>
                      <a:pt x="169" y="154"/>
                    </a:lnTo>
                    <a:lnTo>
                      <a:pt x="169" y="155"/>
                    </a:lnTo>
                    <a:lnTo>
                      <a:pt x="170" y="157"/>
                    </a:lnTo>
                    <a:lnTo>
                      <a:pt x="170" y="159"/>
                    </a:lnTo>
                    <a:lnTo>
                      <a:pt x="170" y="161"/>
                    </a:lnTo>
                    <a:lnTo>
                      <a:pt x="170" y="163"/>
                    </a:lnTo>
                    <a:lnTo>
                      <a:pt x="169" y="165"/>
                    </a:lnTo>
                    <a:lnTo>
                      <a:pt x="167" y="167"/>
                    </a:lnTo>
                    <a:lnTo>
                      <a:pt x="167" y="168"/>
                    </a:lnTo>
                    <a:lnTo>
                      <a:pt x="165" y="168"/>
                    </a:lnTo>
                    <a:lnTo>
                      <a:pt x="165" y="170"/>
                    </a:lnTo>
                    <a:lnTo>
                      <a:pt x="165" y="172"/>
                    </a:lnTo>
                    <a:lnTo>
                      <a:pt x="169" y="174"/>
                    </a:lnTo>
                    <a:lnTo>
                      <a:pt x="169" y="176"/>
                    </a:lnTo>
                    <a:lnTo>
                      <a:pt x="172" y="178"/>
                    </a:lnTo>
                    <a:lnTo>
                      <a:pt x="174" y="179"/>
                    </a:lnTo>
                    <a:lnTo>
                      <a:pt x="174" y="181"/>
                    </a:lnTo>
                    <a:lnTo>
                      <a:pt x="176" y="183"/>
                    </a:lnTo>
                    <a:lnTo>
                      <a:pt x="178" y="187"/>
                    </a:lnTo>
                    <a:lnTo>
                      <a:pt x="180" y="187"/>
                    </a:lnTo>
                    <a:lnTo>
                      <a:pt x="180" y="189"/>
                    </a:lnTo>
                    <a:lnTo>
                      <a:pt x="183" y="205"/>
                    </a:lnTo>
                    <a:lnTo>
                      <a:pt x="183" y="207"/>
                    </a:lnTo>
                    <a:lnTo>
                      <a:pt x="180" y="209"/>
                    </a:lnTo>
                    <a:lnTo>
                      <a:pt x="178" y="209"/>
                    </a:lnTo>
                    <a:lnTo>
                      <a:pt x="176" y="209"/>
                    </a:lnTo>
                    <a:lnTo>
                      <a:pt x="174" y="209"/>
                    </a:lnTo>
                    <a:lnTo>
                      <a:pt x="174" y="211"/>
                    </a:lnTo>
                    <a:lnTo>
                      <a:pt x="172" y="213"/>
                    </a:lnTo>
                    <a:lnTo>
                      <a:pt x="170" y="213"/>
                    </a:lnTo>
                    <a:lnTo>
                      <a:pt x="169" y="213"/>
                    </a:lnTo>
                    <a:lnTo>
                      <a:pt x="169" y="215"/>
                    </a:lnTo>
                    <a:lnTo>
                      <a:pt x="167" y="215"/>
                    </a:lnTo>
                    <a:lnTo>
                      <a:pt x="167" y="213"/>
                    </a:lnTo>
                    <a:lnTo>
                      <a:pt x="167" y="215"/>
                    </a:lnTo>
                    <a:lnTo>
                      <a:pt x="165" y="215"/>
                    </a:lnTo>
                    <a:lnTo>
                      <a:pt x="163" y="215"/>
                    </a:lnTo>
                    <a:lnTo>
                      <a:pt x="161" y="215"/>
                    </a:lnTo>
                    <a:lnTo>
                      <a:pt x="159" y="216"/>
                    </a:lnTo>
                    <a:lnTo>
                      <a:pt x="158" y="215"/>
                    </a:lnTo>
                    <a:lnTo>
                      <a:pt x="156" y="216"/>
                    </a:lnTo>
                    <a:lnTo>
                      <a:pt x="156" y="215"/>
                    </a:lnTo>
                    <a:lnTo>
                      <a:pt x="154" y="213"/>
                    </a:lnTo>
                    <a:lnTo>
                      <a:pt x="152" y="213"/>
                    </a:lnTo>
                    <a:lnTo>
                      <a:pt x="150" y="213"/>
                    </a:lnTo>
                    <a:lnTo>
                      <a:pt x="146" y="213"/>
                    </a:lnTo>
                    <a:lnTo>
                      <a:pt x="145" y="215"/>
                    </a:lnTo>
                    <a:lnTo>
                      <a:pt x="141" y="213"/>
                    </a:lnTo>
                    <a:lnTo>
                      <a:pt x="137" y="216"/>
                    </a:lnTo>
                    <a:lnTo>
                      <a:pt x="135" y="216"/>
                    </a:lnTo>
                    <a:lnTo>
                      <a:pt x="135" y="218"/>
                    </a:lnTo>
                    <a:lnTo>
                      <a:pt x="133" y="218"/>
                    </a:lnTo>
                    <a:lnTo>
                      <a:pt x="133" y="220"/>
                    </a:lnTo>
                    <a:lnTo>
                      <a:pt x="132" y="220"/>
                    </a:lnTo>
                    <a:lnTo>
                      <a:pt x="130" y="220"/>
                    </a:lnTo>
                    <a:lnTo>
                      <a:pt x="130" y="222"/>
                    </a:lnTo>
                    <a:lnTo>
                      <a:pt x="128" y="222"/>
                    </a:lnTo>
                    <a:lnTo>
                      <a:pt x="126" y="224"/>
                    </a:lnTo>
                    <a:lnTo>
                      <a:pt x="124" y="226"/>
                    </a:lnTo>
                    <a:lnTo>
                      <a:pt x="124" y="224"/>
                    </a:lnTo>
                    <a:lnTo>
                      <a:pt x="124" y="222"/>
                    </a:lnTo>
                    <a:lnTo>
                      <a:pt x="124" y="220"/>
                    </a:lnTo>
                    <a:lnTo>
                      <a:pt x="122" y="220"/>
                    </a:lnTo>
                    <a:lnTo>
                      <a:pt x="121" y="218"/>
                    </a:lnTo>
                    <a:lnTo>
                      <a:pt x="122" y="218"/>
                    </a:lnTo>
                    <a:lnTo>
                      <a:pt x="121" y="216"/>
                    </a:lnTo>
                    <a:lnTo>
                      <a:pt x="122" y="216"/>
                    </a:lnTo>
                    <a:lnTo>
                      <a:pt x="122" y="215"/>
                    </a:lnTo>
                    <a:lnTo>
                      <a:pt x="122" y="213"/>
                    </a:lnTo>
                    <a:lnTo>
                      <a:pt x="122" y="211"/>
                    </a:lnTo>
                    <a:lnTo>
                      <a:pt x="119" y="213"/>
                    </a:lnTo>
                    <a:lnTo>
                      <a:pt x="117" y="213"/>
                    </a:lnTo>
                    <a:lnTo>
                      <a:pt x="115" y="213"/>
                    </a:lnTo>
                    <a:lnTo>
                      <a:pt x="115" y="211"/>
                    </a:lnTo>
                    <a:lnTo>
                      <a:pt x="113" y="211"/>
                    </a:lnTo>
                    <a:lnTo>
                      <a:pt x="113" y="209"/>
                    </a:lnTo>
                    <a:lnTo>
                      <a:pt x="111" y="209"/>
                    </a:lnTo>
                    <a:lnTo>
                      <a:pt x="111" y="207"/>
                    </a:lnTo>
                    <a:lnTo>
                      <a:pt x="109" y="207"/>
                    </a:lnTo>
                    <a:lnTo>
                      <a:pt x="108" y="207"/>
                    </a:lnTo>
                    <a:lnTo>
                      <a:pt x="106" y="207"/>
                    </a:lnTo>
                    <a:lnTo>
                      <a:pt x="104" y="207"/>
                    </a:lnTo>
                    <a:lnTo>
                      <a:pt x="98" y="207"/>
                    </a:lnTo>
                    <a:lnTo>
                      <a:pt x="97" y="207"/>
                    </a:lnTo>
                    <a:lnTo>
                      <a:pt x="95" y="209"/>
                    </a:lnTo>
                    <a:lnTo>
                      <a:pt x="93" y="209"/>
                    </a:lnTo>
                    <a:lnTo>
                      <a:pt x="93" y="211"/>
                    </a:lnTo>
                    <a:lnTo>
                      <a:pt x="91" y="211"/>
                    </a:lnTo>
                    <a:lnTo>
                      <a:pt x="89" y="211"/>
                    </a:lnTo>
                    <a:lnTo>
                      <a:pt x="87" y="211"/>
                    </a:lnTo>
                    <a:lnTo>
                      <a:pt x="87" y="209"/>
                    </a:lnTo>
                    <a:lnTo>
                      <a:pt x="85" y="207"/>
                    </a:lnTo>
                    <a:lnTo>
                      <a:pt x="85" y="205"/>
                    </a:lnTo>
                    <a:lnTo>
                      <a:pt x="84" y="205"/>
                    </a:lnTo>
                    <a:lnTo>
                      <a:pt x="82" y="205"/>
                    </a:lnTo>
                    <a:lnTo>
                      <a:pt x="82" y="204"/>
                    </a:lnTo>
                    <a:lnTo>
                      <a:pt x="80" y="204"/>
                    </a:lnTo>
                    <a:lnTo>
                      <a:pt x="78" y="204"/>
                    </a:lnTo>
                    <a:lnTo>
                      <a:pt x="76" y="204"/>
                    </a:lnTo>
                    <a:lnTo>
                      <a:pt x="76" y="205"/>
                    </a:lnTo>
                    <a:lnTo>
                      <a:pt x="74" y="205"/>
                    </a:lnTo>
                    <a:lnTo>
                      <a:pt x="72" y="207"/>
                    </a:lnTo>
                    <a:lnTo>
                      <a:pt x="71" y="209"/>
                    </a:lnTo>
                    <a:lnTo>
                      <a:pt x="69" y="211"/>
                    </a:lnTo>
                    <a:lnTo>
                      <a:pt x="69" y="213"/>
                    </a:lnTo>
                    <a:lnTo>
                      <a:pt x="67" y="213"/>
                    </a:lnTo>
                    <a:lnTo>
                      <a:pt x="65" y="213"/>
                    </a:lnTo>
                    <a:lnTo>
                      <a:pt x="65" y="215"/>
                    </a:lnTo>
                    <a:lnTo>
                      <a:pt x="63" y="215"/>
                    </a:lnTo>
                    <a:lnTo>
                      <a:pt x="63" y="216"/>
                    </a:lnTo>
                    <a:lnTo>
                      <a:pt x="61" y="216"/>
                    </a:lnTo>
                    <a:lnTo>
                      <a:pt x="60" y="216"/>
                    </a:lnTo>
                    <a:lnTo>
                      <a:pt x="60" y="218"/>
                    </a:lnTo>
                    <a:lnTo>
                      <a:pt x="58" y="220"/>
                    </a:lnTo>
                    <a:lnTo>
                      <a:pt x="56" y="220"/>
                    </a:lnTo>
                    <a:lnTo>
                      <a:pt x="54" y="220"/>
                    </a:lnTo>
                    <a:lnTo>
                      <a:pt x="52" y="222"/>
                    </a:lnTo>
                    <a:lnTo>
                      <a:pt x="50" y="209"/>
                    </a:lnTo>
                    <a:lnTo>
                      <a:pt x="80" y="194"/>
                    </a:lnTo>
                    <a:lnTo>
                      <a:pt x="93" y="204"/>
                    </a:lnTo>
                    <a:lnTo>
                      <a:pt x="93" y="198"/>
                    </a:lnTo>
                    <a:lnTo>
                      <a:pt x="93" y="196"/>
                    </a:lnTo>
                    <a:lnTo>
                      <a:pt x="91" y="196"/>
                    </a:lnTo>
                    <a:lnTo>
                      <a:pt x="91" y="191"/>
                    </a:lnTo>
                    <a:lnTo>
                      <a:pt x="91" y="189"/>
                    </a:lnTo>
                    <a:lnTo>
                      <a:pt x="89" y="189"/>
                    </a:lnTo>
                    <a:lnTo>
                      <a:pt x="89" y="187"/>
                    </a:lnTo>
                    <a:lnTo>
                      <a:pt x="89" y="185"/>
                    </a:lnTo>
                    <a:lnTo>
                      <a:pt x="87" y="183"/>
                    </a:lnTo>
                    <a:lnTo>
                      <a:pt x="87" y="181"/>
                    </a:lnTo>
                    <a:lnTo>
                      <a:pt x="85" y="181"/>
                    </a:lnTo>
                    <a:lnTo>
                      <a:pt x="84" y="179"/>
                    </a:lnTo>
                    <a:lnTo>
                      <a:pt x="84" y="178"/>
                    </a:lnTo>
                    <a:lnTo>
                      <a:pt x="84" y="176"/>
                    </a:lnTo>
                    <a:lnTo>
                      <a:pt x="84" y="174"/>
                    </a:lnTo>
                    <a:lnTo>
                      <a:pt x="82" y="172"/>
                    </a:lnTo>
                    <a:lnTo>
                      <a:pt x="80" y="172"/>
                    </a:lnTo>
                    <a:lnTo>
                      <a:pt x="78" y="172"/>
                    </a:lnTo>
                    <a:lnTo>
                      <a:pt x="76" y="172"/>
                    </a:lnTo>
                    <a:lnTo>
                      <a:pt x="72" y="172"/>
                    </a:lnTo>
                    <a:lnTo>
                      <a:pt x="71" y="170"/>
                    </a:lnTo>
                    <a:lnTo>
                      <a:pt x="69" y="170"/>
                    </a:lnTo>
                    <a:lnTo>
                      <a:pt x="67" y="170"/>
                    </a:lnTo>
                    <a:lnTo>
                      <a:pt x="65" y="168"/>
                    </a:lnTo>
                    <a:lnTo>
                      <a:pt x="65" y="167"/>
                    </a:lnTo>
                    <a:lnTo>
                      <a:pt x="63" y="167"/>
                    </a:lnTo>
                    <a:lnTo>
                      <a:pt x="63" y="165"/>
                    </a:lnTo>
                    <a:lnTo>
                      <a:pt x="61" y="165"/>
                    </a:lnTo>
                    <a:lnTo>
                      <a:pt x="61" y="163"/>
                    </a:lnTo>
                    <a:lnTo>
                      <a:pt x="60" y="161"/>
                    </a:lnTo>
                    <a:lnTo>
                      <a:pt x="58" y="161"/>
                    </a:lnTo>
                    <a:lnTo>
                      <a:pt x="56" y="161"/>
                    </a:lnTo>
                    <a:lnTo>
                      <a:pt x="52" y="161"/>
                    </a:lnTo>
                    <a:lnTo>
                      <a:pt x="50" y="161"/>
                    </a:lnTo>
                    <a:lnTo>
                      <a:pt x="43" y="150"/>
                    </a:lnTo>
                    <a:lnTo>
                      <a:pt x="41" y="148"/>
                    </a:lnTo>
                    <a:lnTo>
                      <a:pt x="39" y="148"/>
                    </a:lnTo>
                    <a:lnTo>
                      <a:pt x="39" y="146"/>
                    </a:lnTo>
                    <a:lnTo>
                      <a:pt x="37" y="146"/>
                    </a:lnTo>
                    <a:lnTo>
                      <a:pt x="37" y="144"/>
                    </a:lnTo>
                    <a:lnTo>
                      <a:pt x="36" y="144"/>
                    </a:lnTo>
                    <a:lnTo>
                      <a:pt x="34" y="144"/>
                    </a:lnTo>
                    <a:lnTo>
                      <a:pt x="36" y="142"/>
                    </a:lnTo>
                    <a:lnTo>
                      <a:pt x="36" y="141"/>
                    </a:lnTo>
                    <a:lnTo>
                      <a:pt x="37" y="139"/>
                    </a:lnTo>
                    <a:lnTo>
                      <a:pt x="37" y="137"/>
                    </a:lnTo>
                    <a:lnTo>
                      <a:pt x="39" y="135"/>
                    </a:lnTo>
                    <a:lnTo>
                      <a:pt x="39" y="133"/>
                    </a:lnTo>
                    <a:lnTo>
                      <a:pt x="39" y="131"/>
                    </a:lnTo>
                    <a:lnTo>
                      <a:pt x="39" y="130"/>
                    </a:lnTo>
                    <a:lnTo>
                      <a:pt x="39" y="128"/>
                    </a:lnTo>
                    <a:lnTo>
                      <a:pt x="39" y="126"/>
                    </a:lnTo>
                    <a:lnTo>
                      <a:pt x="37" y="126"/>
                    </a:lnTo>
                    <a:lnTo>
                      <a:pt x="36" y="126"/>
                    </a:lnTo>
                    <a:lnTo>
                      <a:pt x="36" y="124"/>
                    </a:lnTo>
                    <a:lnTo>
                      <a:pt x="34" y="124"/>
                    </a:lnTo>
                    <a:lnTo>
                      <a:pt x="32" y="124"/>
                    </a:lnTo>
                    <a:lnTo>
                      <a:pt x="30" y="124"/>
                    </a:lnTo>
                    <a:lnTo>
                      <a:pt x="30" y="122"/>
                    </a:lnTo>
                    <a:lnTo>
                      <a:pt x="28" y="122"/>
                    </a:lnTo>
                    <a:lnTo>
                      <a:pt x="26" y="122"/>
                    </a:lnTo>
                    <a:lnTo>
                      <a:pt x="26" y="120"/>
                    </a:lnTo>
                    <a:lnTo>
                      <a:pt x="24" y="118"/>
                    </a:lnTo>
                    <a:lnTo>
                      <a:pt x="23" y="118"/>
                    </a:lnTo>
                    <a:lnTo>
                      <a:pt x="21" y="118"/>
                    </a:lnTo>
                    <a:lnTo>
                      <a:pt x="19" y="118"/>
                    </a:lnTo>
                    <a:lnTo>
                      <a:pt x="19" y="117"/>
                    </a:lnTo>
                    <a:lnTo>
                      <a:pt x="21" y="117"/>
                    </a:lnTo>
                    <a:lnTo>
                      <a:pt x="21" y="115"/>
                    </a:lnTo>
                    <a:lnTo>
                      <a:pt x="21" y="113"/>
                    </a:lnTo>
                    <a:lnTo>
                      <a:pt x="21" y="111"/>
                    </a:lnTo>
                    <a:lnTo>
                      <a:pt x="21" y="109"/>
                    </a:lnTo>
                    <a:lnTo>
                      <a:pt x="23" y="109"/>
                    </a:lnTo>
                    <a:lnTo>
                      <a:pt x="23" y="107"/>
                    </a:lnTo>
                    <a:lnTo>
                      <a:pt x="23" y="105"/>
                    </a:lnTo>
                    <a:lnTo>
                      <a:pt x="24" y="105"/>
                    </a:lnTo>
                    <a:lnTo>
                      <a:pt x="24" y="104"/>
                    </a:lnTo>
                    <a:lnTo>
                      <a:pt x="23" y="104"/>
                    </a:lnTo>
                    <a:lnTo>
                      <a:pt x="23" y="102"/>
                    </a:lnTo>
                    <a:lnTo>
                      <a:pt x="23" y="100"/>
                    </a:lnTo>
                    <a:lnTo>
                      <a:pt x="23" y="98"/>
                    </a:lnTo>
                    <a:lnTo>
                      <a:pt x="23" y="96"/>
                    </a:lnTo>
                    <a:lnTo>
                      <a:pt x="21" y="96"/>
                    </a:lnTo>
                    <a:lnTo>
                      <a:pt x="21" y="94"/>
                    </a:lnTo>
                    <a:lnTo>
                      <a:pt x="21" y="93"/>
                    </a:lnTo>
                    <a:lnTo>
                      <a:pt x="19" y="93"/>
                    </a:lnTo>
                    <a:lnTo>
                      <a:pt x="19" y="91"/>
                    </a:lnTo>
                    <a:lnTo>
                      <a:pt x="19" y="89"/>
                    </a:lnTo>
                    <a:lnTo>
                      <a:pt x="19" y="87"/>
                    </a:lnTo>
                    <a:lnTo>
                      <a:pt x="17" y="87"/>
                    </a:lnTo>
                    <a:lnTo>
                      <a:pt x="17" y="85"/>
                    </a:lnTo>
                    <a:lnTo>
                      <a:pt x="15" y="85"/>
                    </a:lnTo>
                    <a:lnTo>
                      <a:pt x="15" y="83"/>
                    </a:lnTo>
                    <a:lnTo>
                      <a:pt x="15" y="81"/>
                    </a:lnTo>
                    <a:lnTo>
                      <a:pt x="13" y="81"/>
                    </a:lnTo>
                    <a:lnTo>
                      <a:pt x="13" y="78"/>
                    </a:lnTo>
                    <a:lnTo>
                      <a:pt x="15" y="74"/>
                    </a:lnTo>
                    <a:lnTo>
                      <a:pt x="13" y="72"/>
                    </a:lnTo>
                    <a:lnTo>
                      <a:pt x="13" y="70"/>
                    </a:lnTo>
                    <a:lnTo>
                      <a:pt x="13" y="68"/>
                    </a:lnTo>
                    <a:lnTo>
                      <a:pt x="13" y="67"/>
                    </a:lnTo>
                    <a:lnTo>
                      <a:pt x="13" y="65"/>
                    </a:lnTo>
                    <a:lnTo>
                      <a:pt x="13" y="61"/>
                    </a:lnTo>
                    <a:lnTo>
                      <a:pt x="13" y="59"/>
                    </a:lnTo>
                    <a:lnTo>
                      <a:pt x="11" y="57"/>
                    </a:lnTo>
                    <a:lnTo>
                      <a:pt x="11" y="56"/>
                    </a:lnTo>
                    <a:lnTo>
                      <a:pt x="11" y="54"/>
                    </a:lnTo>
                    <a:lnTo>
                      <a:pt x="11" y="52"/>
                    </a:lnTo>
                    <a:lnTo>
                      <a:pt x="10" y="52"/>
                    </a:lnTo>
                    <a:lnTo>
                      <a:pt x="10" y="50"/>
                    </a:lnTo>
                    <a:lnTo>
                      <a:pt x="11" y="50"/>
                    </a:lnTo>
                    <a:lnTo>
                      <a:pt x="11" y="48"/>
                    </a:lnTo>
                    <a:lnTo>
                      <a:pt x="13" y="48"/>
                    </a:lnTo>
                    <a:lnTo>
                      <a:pt x="13" y="46"/>
                    </a:lnTo>
                    <a:lnTo>
                      <a:pt x="13" y="44"/>
                    </a:lnTo>
                    <a:lnTo>
                      <a:pt x="13" y="39"/>
                    </a:lnTo>
                    <a:lnTo>
                      <a:pt x="13" y="37"/>
                    </a:lnTo>
                    <a:lnTo>
                      <a:pt x="13" y="35"/>
                    </a:lnTo>
                    <a:lnTo>
                      <a:pt x="13" y="33"/>
                    </a:lnTo>
                    <a:lnTo>
                      <a:pt x="13" y="32"/>
                    </a:lnTo>
                    <a:lnTo>
                      <a:pt x="11" y="32"/>
                    </a:lnTo>
                    <a:lnTo>
                      <a:pt x="10" y="32"/>
                    </a:lnTo>
                    <a:lnTo>
                      <a:pt x="8" y="32"/>
                    </a:lnTo>
                    <a:lnTo>
                      <a:pt x="6" y="32"/>
                    </a:lnTo>
                    <a:lnTo>
                      <a:pt x="4" y="32"/>
                    </a:lnTo>
                    <a:lnTo>
                      <a:pt x="4" y="30"/>
                    </a:lnTo>
                    <a:lnTo>
                      <a:pt x="2" y="30"/>
                    </a:lnTo>
                    <a:lnTo>
                      <a:pt x="2" y="28"/>
                    </a:lnTo>
                    <a:lnTo>
                      <a:pt x="2" y="26"/>
                    </a:lnTo>
                    <a:lnTo>
                      <a:pt x="0" y="26"/>
                    </a:lnTo>
                    <a:lnTo>
                      <a:pt x="0" y="24"/>
                    </a:lnTo>
                    <a:lnTo>
                      <a:pt x="2" y="22"/>
                    </a:lnTo>
                    <a:lnTo>
                      <a:pt x="2" y="20"/>
                    </a:lnTo>
                    <a:lnTo>
                      <a:pt x="4" y="19"/>
                    </a:lnTo>
                    <a:lnTo>
                      <a:pt x="4" y="17"/>
                    </a:lnTo>
                    <a:lnTo>
                      <a:pt x="4" y="15"/>
                    </a:lnTo>
                    <a:lnTo>
                      <a:pt x="6" y="15"/>
                    </a:lnTo>
                    <a:lnTo>
                      <a:pt x="8" y="15"/>
                    </a:lnTo>
                    <a:lnTo>
                      <a:pt x="10" y="15"/>
                    </a:lnTo>
                    <a:lnTo>
                      <a:pt x="11" y="15"/>
                    </a:lnTo>
                    <a:lnTo>
                      <a:pt x="11" y="13"/>
                    </a:lnTo>
                    <a:lnTo>
                      <a:pt x="11" y="11"/>
                    </a:lnTo>
                    <a:lnTo>
                      <a:pt x="11" y="9"/>
                    </a:lnTo>
                    <a:lnTo>
                      <a:pt x="11" y="7"/>
                    </a:lnTo>
                    <a:lnTo>
                      <a:pt x="11" y="6"/>
                    </a:lnTo>
                    <a:lnTo>
                      <a:pt x="13" y="6"/>
                    </a:lnTo>
                    <a:lnTo>
                      <a:pt x="13" y="4"/>
                    </a:lnTo>
                    <a:lnTo>
                      <a:pt x="15" y="2"/>
                    </a:lnTo>
                    <a:lnTo>
                      <a:pt x="15" y="0"/>
                    </a:lnTo>
                    <a:lnTo>
                      <a:pt x="17" y="0"/>
                    </a:lnTo>
                    <a:lnTo>
                      <a:pt x="19" y="0"/>
                    </a:lnTo>
                    <a:lnTo>
                      <a:pt x="21" y="0"/>
                    </a:lnTo>
                    <a:lnTo>
                      <a:pt x="23" y="0"/>
                    </a:lnTo>
                    <a:lnTo>
                      <a:pt x="24" y="0"/>
                    </a:lnTo>
                    <a:lnTo>
                      <a:pt x="26" y="0"/>
                    </a:lnTo>
                    <a:lnTo>
                      <a:pt x="26" y="2"/>
                    </a:lnTo>
                    <a:lnTo>
                      <a:pt x="28" y="4"/>
                    </a:lnTo>
                    <a:lnTo>
                      <a:pt x="28" y="6"/>
                    </a:lnTo>
                    <a:lnTo>
                      <a:pt x="26" y="6"/>
                    </a:lnTo>
                    <a:lnTo>
                      <a:pt x="26" y="7"/>
                    </a:lnTo>
                    <a:lnTo>
                      <a:pt x="26" y="9"/>
                    </a:lnTo>
                    <a:lnTo>
                      <a:pt x="28" y="9"/>
                    </a:lnTo>
                    <a:lnTo>
                      <a:pt x="28" y="11"/>
                    </a:lnTo>
                    <a:lnTo>
                      <a:pt x="28" y="13"/>
                    </a:lnTo>
                    <a:lnTo>
                      <a:pt x="30" y="13"/>
                    </a:lnTo>
                    <a:lnTo>
                      <a:pt x="30" y="15"/>
                    </a:lnTo>
                    <a:lnTo>
                      <a:pt x="32" y="15"/>
                    </a:lnTo>
                    <a:lnTo>
                      <a:pt x="32" y="17"/>
                    </a:lnTo>
                    <a:lnTo>
                      <a:pt x="32" y="19"/>
                    </a:lnTo>
                    <a:lnTo>
                      <a:pt x="30" y="19"/>
                    </a:lnTo>
                    <a:lnTo>
                      <a:pt x="30" y="20"/>
                    </a:lnTo>
                    <a:lnTo>
                      <a:pt x="28" y="20"/>
                    </a:lnTo>
                    <a:lnTo>
                      <a:pt x="26" y="22"/>
                    </a:lnTo>
                    <a:lnTo>
                      <a:pt x="24" y="24"/>
                    </a:lnTo>
                    <a:lnTo>
                      <a:pt x="23" y="26"/>
                    </a:lnTo>
                    <a:lnTo>
                      <a:pt x="23" y="28"/>
                    </a:lnTo>
                    <a:lnTo>
                      <a:pt x="23" y="30"/>
                    </a:lnTo>
                    <a:lnTo>
                      <a:pt x="21" y="30"/>
                    </a:lnTo>
                    <a:lnTo>
                      <a:pt x="21" y="32"/>
                    </a:lnTo>
                    <a:lnTo>
                      <a:pt x="19" y="33"/>
                    </a:lnTo>
                    <a:lnTo>
                      <a:pt x="19" y="37"/>
                    </a:lnTo>
                    <a:lnTo>
                      <a:pt x="19" y="39"/>
                    </a:lnTo>
                    <a:lnTo>
                      <a:pt x="21" y="41"/>
                    </a:lnTo>
                    <a:lnTo>
                      <a:pt x="21" y="43"/>
                    </a:lnTo>
                    <a:lnTo>
                      <a:pt x="19" y="44"/>
                    </a:lnTo>
                    <a:lnTo>
                      <a:pt x="19" y="46"/>
                    </a:lnTo>
                    <a:lnTo>
                      <a:pt x="19" y="50"/>
                    </a:lnTo>
                    <a:lnTo>
                      <a:pt x="17" y="52"/>
                    </a:lnTo>
                    <a:lnTo>
                      <a:pt x="19" y="52"/>
                    </a:lnTo>
                    <a:lnTo>
                      <a:pt x="19" y="54"/>
                    </a:lnTo>
                    <a:lnTo>
                      <a:pt x="24" y="43"/>
                    </a:lnTo>
                    <a:lnTo>
                      <a:pt x="28" y="37"/>
                    </a:lnTo>
                    <a:lnTo>
                      <a:pt x="32" y="41"/>
                    </a:lnTo>
                    <a:lnTo>
                      <a:pt x="34" y="41"/>
                    </a:lnTo>
                    <a:lnTo>
                      <a:pt x="34" y="39"/>
                    </a:lnTo>
                    <a:lnTo>
                      <a:pt x="36" y="39"/>
                    </a:lnTo>
                    <a:lnTo>
                      <a:pt x="36" y="37"/>
                    </a:lnTo>
                    <a:lnTo>
                      <a:pt x="37" y="35"/>
                    </a:lnTo>
                    <a:lnTo>
                      <a:pt x="39" y="35"/>
                    </a:lnTo>
                    <a:lnTo>
                      <a:pt x="39" y="33"/>
                    </a:lnTo>
                    <a:lnTo>
                      <a:pt x="41" y="33"/>
                    </a:lnTo>
                    <a:lnTo>
                      <a:pt x="43" y="33"/>
                    </a:lnTo>
                    <a:lnTo>
                      <a:pt x="43" y="32"/>
                    </a:lnTo>
                    <a:lnTo>
                      <a:pt x="45" y="30"/>
                    </a:lnTo>
                    <a:lnTo>
                      <a:pt x="45" y="28"/>
                    </a:lnTo>
                    <a:lnTo>
                      <a:pt x="47" y="26"/>
                    </a:lnTo>
                    <a:lnTo>
                      <a:pt x="47" y="24"/>
                    </a:lnTo>
                    <a:lnTo>
                      <a:pt x="48" y="24"/>
                    </a:lnTo>
                    <a:lnTo>
                      <a:pt x="48" y="22"/>
                    </a:lnTo>
                    <a:lnTo>
                      <a:pt x="50" y="22"/>
                    </a:lnTo>
                    <a:lnTo>
                      <a:pt x="50" y="20"/>
                    </a:lnTo>
                    <a:lnTo>
                      <a:pt x="52" y="20"/>
                    </a:lnTo>
                    <a:lnTo>
                      <a:pt x="54" y="20"/>
                    </a:lnTo>
                    <a:lnTo>
                      <a:pt x="56" y="20"/>
                    </a:lnTo>
                    <a:lnTo>
                      <a:pt x="60" y="19"/>
                    </a:lnTo>
                    <a:lnTo>
                      <a:pt x="63" y="19"/>
                    </a:lnTo>
                    <a:lnTo>
                      <a:pt x="61" y="17"/>
                    </a:lnTo>
                    <a:lnTo>
                      <a:pt x="65" y="15"/>
                    </a:lnTo>
                    <a:lnTo>
                      <a:pt x="67" y="11"/>
                    </a:lnTo>
                    <a:lnTo>
                      <a:pt x="69" y="13"/>
                    </a:lnTo>
                    <a:lnTo>
                      <a:pt x="71" y="11"/>
                    </a:lnTo>
                    <a:lnTo>
                      <a:pt x="72" y="9"/>
                    </a:lnTo>
                    <a:lnTo>
                      <a:pt x="72" y="11"/>
                    </a:lnTo>
                    <a:lnTo>
                      <a:pt x="72" y="13"/>
                    </a:lnTo>
                    <a:lnTo>
                      <a:pt x="74" y="13"/>
                    </a:lnTo>
                    <a:lnTo>
                      <a:pt x="74" y="15"/>
                    </a:lnTo>
                    <a:lnTo>
                      <a:pt x="74" y="17"/>
                    </a:lnTo>
                    <a:lnTo>
                      <a:pt x="76" y="19"/>
                    </a:lnTo>
                    <a:lnTo>
                      <a:pt x="78" y="19"/>
                    </a:lnTo>
                    <a:lnTo>
                      <a:pt x="78" y="20"/>
                    </a:lnTo>
                    <a:lnTo>
                      <a:pt x="80" y="22"/>
                    </a:lnTo>
                    <a:lnTo>
                      <a:pt x="80" y="24"/>
                    </a:lnTo>
                    <a:lnTo>
                      <a:pt x="80" y="26"/>
                    </a:lnTo>
                    <a:lnTo>
                      <a:pt x="80" y="28"/>
                    </a:lnTo>
                    <a:lnTo>
                      <a:pt x="82" y="30"/>
                    </a:lnTo>
                    <a:lnTo>
                      <a:pt x="82" y="32"/>
                    </a:lnTo>
                    <a:lnTo>
                      <a:pt x="82" y="33"/>
                    </a:lnTo>
                    <a:lnTo>
                      <a:pt x="82" y="35"/>
                    </a:lnTo>
                    <a:lnTo>
                      <a:pt x="82" y="37"/>
                    </a:lnTo>
                    <a:lnTo>
                      <a:pt x="84" y="37"/>
                    </a:lnTo>
                    <a:lnTo>
                      <a:pt x="82" y="39"/>
                    </a:lnTo>
                    <a:lnTo>
                      <a:pt x="82" y="41"/>
                    </a:lnTo>
                    <a:lnTo>
                      <a:pt x="80" y="41"/>
                    </a:lnTo>
                    <a:lnTo>
                      <a:pt x="80" y="43"/>
                    </a:lnTo>
                    <a:lnTo>
                      <a:pt x="82" y="44"/>
                    </a:lnTo>
                    <a:lnTo>
                      <a:pt x="84" y="44"/>
                    </a:lnTo>
                    <a:lnTo>
                      <a:pt x="85" y="46"/>
                    </a:lnTo>
                    <a:lnTo>
                      <a:pt x="87" y="46"/>
                    </a:lnTo>
                    <a:lnTo>
                      <a:pt x="89" y="46"/>
                    </a:lnTo>
                    <a:lnTo>
                      <a:pt x="91" y="46"/>
                    </a:lnTo>
                    <a:lnTo>
                      <a:pt x="93" y="48"/>
                    </a:lnTo>
                    <a:lnTo>
                      <a:pt x="97" y="48"/>
                    </a:lnTo>
                    <a:lnTo>
                      <a:pt x="98" y="48"/>
                    </a:lnTo>
                    <a:lnTo>
                      <a:pt x="100" y="48"/>
                    </a:lnTo>
                    <a:lnTo>
                      <a:pt x="100" y="46"/>
                    </a:lnTo>
                    <a:lnTo>
                      <a:pt x="102" y="46"/>
                    </a:lnTo>
                    <a:lnTo>
                      <a:pt x="104" y="44"/>
                    </a:lnTo>
                    <a:lnTo>
                      <a:pt x="106" y="44"/>
                    </a:lnTo>
                    <a:lnTo>
                      <a:pt x="106" y="43"/>
                    </a:lnTo>
                    <a:lnTo>
                      <a:pt x="108" y="43"/>
                    </a:lnTo>
                    <a:lnTo>
                      <a:pt x="109" y="41"/>
                    </a:lnTo>
                    <a:lnTo>
                      <a:pt x="109" y="43"/>
                    </a:lnTo>
                    <a:lnTo>
                      <a:pt x="111" y="43"/>
                    </a:lnTo>
                    <a:lnTo>
                      <a:pt x="113" y="43"/>
                    </a:lnTo>
                    <a:lnTo>
                      <a:pt x="115" y="43"/>
                    </a:lnTo>
                    <a:lnTo>
                      <a:pt x="117" y="41"/>
                    </a:lnTo>
                    <a:lnTo>
                      <a:pt x="119" y="41"/>
                    </a:lnTo>
                    <a:lnTo>
                      <a:pt x="121" y="41"/>
                    </a:lnTo>
                    <a:lnTo>
                      <a:pt x="122" y="41"/>
                    </a:lnTo>
                    <a:lnTo>
                      <a:pt x="124" y="41"/>
                    </a:lnTo>
                    <a:lnTo>
                      <a:pt x="126" y="41"/>
                    </a:lnTo>
                    <a:lnTo>
                      <a:pt x="128" y="41"/>
                    </a:lnTo>
                    <a:lnTo>
                      <a:pt x="130" y="41"/>
                    </a:lnTo>
                    <a:lnTo>
                      <a:pt x="132" y="41"/>
                    </a:lnTo>
                    <a:lnTo>
                      <a:pt x="135" y="39"/>
                    </a:lnTo>
                    <a:lnTo>
                      <a:pt x="137" y="39"/>
                    </a:lnTo>
                    <a:lnTo>
                      <a:pt x="139" y="39"/>
                    </a:lnTo>
                    <a:lnTo>
                      <a:pt x="141" y="39"/>
                    </a:lnTo>
                    <a:lnTo>
                      <a:pt x="141" y="37"/>
                    </a:lnTo>
                    <a:lnTo>
                      <a:pt x="143" y="37"/>
                    </a:lnTo>
                    <a:lnTo>
                      <a:pt x="143" y="39"/>
                    </a:lnTo>
                    <a:lnTo>
                      <a:pt x="145" y="37"/>
                    </a:lnTo>
                    <a:lnTo>
                      <a:pt x="146" y="37"/>
                    </a:lnTo>
                    <a:lnTo>
                      <a:pt x="148" y="37"/>
                    </a:lnTo>
                    <a:lnTo>
                      <a:pt x="150" y="37"/>
                    </a:lnTo>
                    <a:lnTo>
                      <a:pt x="150" y="39"/>
                    </a:lnTo>
                    <a:lnTo>
                      <a:pt x="152" y="39"/>
                    </a:lnTo>
                    <a:lnTo>
                      <a:pt x="154" y="39"/>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37" name="Freeform 199"/>
              <p:cNvSpPr>
                <a:spLocks/>
              </p:cNvSpPr>
              <p:nvPr/>
            </p:nvSpPr>
            <p:spPr bwMode="auto">
              <a:xfrm>
                <a:off x="5699125" y="2903537"/>
                <a:ext cx="727075" cy="735013"/>
              </a:xfrm>
              <a:custGeom>
                <a:avLst/>
                <a:gdLst>
                  <a:gd name="T0" fmla="*/ 37 w 458"/>
                  <a:gd name="T1" fmla="*/ 176 h 463"/>
                  <a:gd name="T2" fmla="*/ 59 w 458"/>
                  <a:gd name="T3" fmla="*/ 154 h 463"/>
                  <a:gd name="T4" fmla="*/ 81 w 458"/>
                  <a:gd name="T5" fmla="*/ 148 h 463"/>
                  <a:gd name="T6" fmla="*/ 89 w 458"/>
                  <a:gd name="T7" fmla="*/ 167 h 463"/>
                  <a:gd name="T8" fmla="*/ 100 w 458"/>
                  <a:gd name="T9" fmla="*/ 174 h 463"/>
                  <a:gd name="T10" fmla="*/ 109 w 458"/>
                  <a:gd name="T11" fmla="*/ 150 h 463"/>
                  <a:gd name="T12" fmla="*/ 124 w 458"/>
                  <a:gd name="T13" fmla="*/ 128 h 463"/>
                  <a:gd name="T14" fmla="*/ 139 w 458"/>
                  <a:gd name="T15" fmla="*/ 111 h 463"/>
                  <a:gd name="T16" fmla="*/ 161 w 458"/>
                  <a:gd name="T17" fmla="*/ 95 h 463"/>
                  <a:gd name="T18" fmla="*/ 166 w 458"/>
                  <a:gd name="T19" fmla="*/ 78 h 463"/>
                  <a:gd name="T20" fmla="*/ 155 w 458"/>
                  <a:gd name="T21" fmla="*/ 45 h 463"/>
                  <a:gd name="T22" fmla="*/ 179 w 458"/>
                  <a:gd name="T23" fmla="*/ 30 h 463"/>
                  <a:gd name="T24" fmla="*/ 227 w 458"/>
                  <a:gd name="T25" fmla="*/ 28 h 463"/>
                  <a:gd name="T26" fmla="*/ 259 w 458"/>
                  <a:gd name="T27" fmla="*/ 17 h 463"/>
                  <a:gd name="T28" fmla="*/ 281 w 458"/>
                  <a:gd name="T29" fmla="*/ 12 h 463"/>
                  <a:gd name="T30" fmla="*/ 305 w 458"/>
                  <a:gd name="T31" fmla="*/ 4 h 463"/>
                  <a:gd name="T32" fmla="*/ 327 w 458"/>
                  <a:gd name="T33" fmla="*/ 8 h 463"/>
                  <a:gd name="T34" fmla="*/ 349 w 458"/>
                  <a:gd name="T35" fmla="*/ 8 h 463"/>
                  <a:gd name="T36" fmla="*/ 366 w 458"/>
                  <a:gd name="T37" fmla="*/ 13 h 463"/>
                  <a:gd name="T38" fmla="*/ 370 w 458"/>
                  <a:gd name="T39" fmla="*/ 60 h 463"/>
                  <a:gd name="T40" fmla="*/ 353 w 458"/>
                  <a:gd name="T41" fmla="*/ 76 h 463"/>
                  <a:gd name="T42" fmla="*/ 346 w 458"/>
                  <a:gd name="T43" fmla="*/ 99 h 463"/>
                  <a:gd name="T44" fmla="*/ 366 w 458"/>
                  <a:gd name="T45" fmla="*/ 110 h 463"/>
                  <a:gd name="T46" fmla="*/ 381 w 458"/>
                  <a:gd name="T47" fmla="*/ 113 h 463"/>
                  <a:gd name="T48" fmla="*/ 414 w 458"/>
                  <a:gd name="T49" fmla="*/ 106 h 463"/>
                  <a:gd name="T50" fmla="*/ 416 w 458"/>
                  <a:gd name="T51" fmla="*/ 128 h 463"/>
                  <a:gd name="T52" fmla="*/ 410 w 458"/>
                  <a:gd name="T53" fmla="*/ 158 h 463"/>
                  <a:gd name="T54" fmla="*/ 412 w 458"/>
                  <a:gd name="T55" fmla="*/ 182 h 463"/>
                  <a:gd name="T56" fmla="*/ 405 w 458"/>
                  <a:gd name="T57" fmla="*/ 202 h 463"/>
                  <a:gd name="T58" fmla="*/ 407 w 458"/>
                  <a:gd name="T59" fmla="*/ 230 h 463"/>
                  <a:gd name="T60" fmla="*/ 401 w 458"/>
                  <a:gd name="T61" fmla="*/ 263 h 463"/>
                  <a:gd name="T62" fmla="*/ 405 w 458"/>
                  <a:gd name="T63" fmla="*/ 285 h 463"/>
                  <a:gd name="T64" fmla="*/ 403 w 458"/>
                  <a:gd name="T65" fmla="*/ 317 h 463"/>
                  <a:gd name="T66" fmla="*/ 392 w 458"/>
                  <a:gd name="T67" fmla="*/ 330 h 463"/>
                  <a:gd name="T68" fmla="*/ 407 w 458"/>
                  <a:gd name="T69" fmla="*/ 346 h 463"/>
                  <a:gd name="T70" fmla="*/ 423 w 458"/>
                  <a:gd name="T71" fmla="*/ 367 h 463"/>
                  <a:gd name="T72" fmla="*/ 440 w 458"/>
                  <a:gd name="T73" fmla="*/ 378 h 463"/>
                  <a:gd name="T74" fmla="*/ 458 w 458"/>
                  <a:gd name="T75" fmla="*/ 391 h 463"/>
                  <a:gd name="T76" fmla="*/ 407 w 458"/>
                  <a:gd name="T77" fmla="*/ 407 h 463"/>
                  <a:gd name="T78" fmla="*/ 371 w 458"/>
                  <a:gd name="T79" fmla="*/ 441 h 463"/>
                  <a:gd name="T80" fmla="*/ 344 w 458"/>
                  <a:gd name="T81" fmla="*/ 461 h 463"/>
                  <a:gd name="T82" fmla="*/ 323 w 458"/>
                  <a:gd name="T83" fmla="*/ 461 h 463"/>
                  <a:gd name="T84" fmla="*/ 307 w 458"/>
                  <a:gd name="T85" fmla="*/ 444 h 463"/>
                  <a:gd name="T86" fmla="*/ 281 w 458"/>
                  <a:gd name="T87" fmla="*/ 433 h 463"/>
                  <a:gd name="T88" fmla="*/ 248 w 458"/>
                  <a:gd name="T89" fmla="*/ 443 h 463"/>
                  <a:gd name="T90" fmla="*/ 212 w 458"/>
                  <a:gd name="T91" fmla="*/ 433 h 463"/>
                  <a:gd name="T92" fmla="*/ 170 w 458"/>
                  <a:gd name="T93" fmla="*/ 446 h 463"/>
                  <a:gd name="T94" fmla="*/ 155 w 458"/>
                  <a:gd name="T95" fmla="*/ 456 h 463"/>
                  <a:gd name="T96" fmla="*/ 135 w 458"/>
                  <a:gd name="T97" fmla="*/ 452 h 463"/>
                  <a:gd name="T98" fmla="*/ 116 w 458"/>
                  <a:gd name="T99" fmla="*/ 433 h 463"/>
                  <a:gd name="T100" fmla="*/ 90 w 458"/>
                  <a:gd name="T101" fmla="*/ 426 h 463"/>
                  <a:gd name="T102" fmla="*/ 72 w 458"/>
                  <a:gd name="T103" fmla="*/ 406 h 463"/>
                  <a:gd name="T104" fmla="*/ 53 w 458"/>
                  <a:gd name="T105" fmla="*/ 398 h 463"/>
                  <a:gd name="T106" fmla="*/ 11 w 458"/>
                  <a:gd name="T107" fmla="*/ 394 h 463"/>
                  <a:gd name="T108" fmla="*/ 20 w 458"/>
                  <a:gd name="T109" fmla="*/ 380 h 463"/>
                  <a:gd name="T110" fmla="*/ 31 w 458"/>
                  <a:gd name="T111" fmla="*/ 361 h 463"/>
                  <a:gd name="T112" fmla="*/ 22 w 458"/>
                  <a:gd name="T113" fmla="*/ 337 h 463"/>
                  <a:gd name="T114" fmla="*/ 11 w 458"/>
                  <a:gd name="T115" fmla="*/ 319 h 463"/>
                  <a:gd name="T116" fmla="*/ 2 w 458"/>
                  <a:gd name="T117" fmla="*/ 291 h 463"/>
                  <a:gd name="T118" fmla="*/ 15 w 458"/>
                  <a:gd name="T119" fmla="*/ 272 h 463"/>
                  <a:gd name="T120" fmla="*/ 22 w 458"/>
                  <a:gd name="T121" fmla="*/ 254 h 463"/>
                  <a:gd name="T122" fmla="*/ 33 w 458"/>
                  <a:gd name="T123" fmla="*/ 241 h 463"/>
                  <a:gd name="T124" fmla="*/ 39 w 458"/>
                  <a:gd name="T125" fmla="*/ 219 h 4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458" h="463">
                    <a:moveTo>
                      <a:pt x="39" y="213"/>
                    </a:moveTo>
                    <a:lnTo>
                      <a:pt x="39" y="211"/>
                    </a:lnTo>
                    <a:lnTo>
                      <a:pt x="39" y="210"/>
                    </a:lnTo>
                    <a:lnTo>
                      <a:pt x="39" y="208"/>
                    </a:lnTo>
                    <a:lnTo>
                      <a:pt x="39" y="206"/>
                    </a:lnTo>
                    <a:lnTo>
                      <a:pt x="39" y="204"/>
                    </a:lnTo>
                    <a:lnTo>
                      <a:pt x="37" y="204"/>
                    </a:lnTo>
                    <a:lnTo>
                      <a:pt x="37" y="202"/>
                    </a:lnTo>
                    <a:lnTo>
                      <a:pt x="35" y="198"/>
                    </a:lnTo>
                    <a:lnTo>
                      <a:pt x="35" y="197"/>
                    </a:lnTo>
                    <a:lnTo>
                      <a:pt x="33" y="193"/>
                    </a:lnTo>
                    <a:lnTo>
                      <a:pt x="37" y="189"/>
                    </a:lnTo>
                    <a:lnTo>
                      <a:pt x="37" y="185"/>
                    </a:lnTo>
                    <a:lnTo>
                      <a:pt x="37" y="176"/>
                    </a:lnTo>
                    <a:lnTo>
                      <a:pt x="39" y="174"/>
                    </a:lnTo>
                    <a:lnTo>
                      <a:pt x="41" y="174"/>
                    </a:lnTo>
                    <a:lnTo>
                      <a:pt x="42" y="173"/>
                    </a:lnTo>
                    <a:lnTo>
                      <a:pt x="46" y="173"/>
                    </a:lnTo>
                    <a:lnTo>
                      <a:pt x="48" y="173"/>
                    </a:lnTo>
                    <a:lnTo>
                      <a:pt x="50" y="173"/>
                    </a:lnTo>
                    <a:lnTo>
                      <a:pt x="52" y="171"/>
                    </a:lnTo>
                    <a:lnTo>
                      <a:pt x="55" y="169"/>
                    </a:lnTo>
                    <a:lnTo>
                      <a:pt x="55" y="167"/>
                    </a:lnTo>
                    <a:lnTo>
                      <a:pt x="57" y="167"/>
                    </a:lnTo>
                    <a:lnTo>
                      <a:pt x="57" y="163"/>
                    </a:lnTo>
                    <a:lnTo>
                      <a:pt x="57" y="161"/>
                    </a:lnTo>
                    <a:lnTo>
                      <a:pt x="59" y="158"/>
                    </a:lnTo>
                    <a:lnTo>
                      <a:pt x="59" y="154"/>
                    </a:lnTo>
                    <a:lnTo>
                      <a:pt x="61" y="154"/>
                    </a:lnTo>
                    <a:lnTo>
                      <a:pt x="61" y="152"/>
                    </a:lnTo>
                    <a:lnTo>
                      <a:pt x="63" y="150"/>
                    </a:lnTo>
                    <a:lnTo>
                      <a:pt x="65" y="148"/>
                    </a:lnTo>
                    <a:lnTo>
                      <a:pt x="66" y="148"/>
                    </a:lnTo>
                    <a:lnTo>
                      <a:pt x="70" y="147"/>
                    </a:lnTo>
                    <a:lnTo>
                      <a:pt x="70" y="145"/>
                    </a:lnTo>
                    <a:lnTo>
                      <a:pt x="72" y="145"/>
                    </a:lnTo>
                    <a:lnTo>
                      <a:pt x="72" y="143"/>
                    </a:lnTo>
                    <a:lnTo>
                      <a:pt x="78" y="145"/>
                    </a:lnTo>
                    <a:lnTo>
                      <a:pt x="78" y="147"/>
                    </a:lnTo>
                    <a:lnTo>
                      <a:pt x="79" y="147"/>
                    </a:lnTo>
                    <a:lnTo>
                      <a:pt x="79" y="148"/>
                    </a:lnTo>
                    <a:lnTo>
                      <a:pt x="81" y="148"/>
                    </a:lnTo>
                    <a:lnTo>
                      <a:pt x="83" y="148"/>
                    </a:lnTo>
                    <a:lnTo>
                      <a:pt x="85" y="148"/>
                    </a:lnTo>
                    <a:lnTo>
                      <a:pt x="87" y="148"/>
                    </a:lnTo>
                    <a:lnTo>
                      <a:pt x="87" y="150"/>
                    </a:lnTo>
                    <a:lnTo>
                      <a:pt x="89" y="150"/>
                    </a:lnTo>
                    <a:lnTo>
                      <a:pt x="90" y="150"/>
                    </a:lnTo>
                    <a:lnTo>
                      <a:pt x="90" y="152"/>
                    </a:lnTo>
                    <a:lnTo>
                      <a:pt x="90" y="154"/>
                    </a:lnTo>
                    <a:lnTo>
                      <a:pt x="90" y="156"/>
                    </a:lnTo>
                    <a:lnTo>
                      <a:pt x="89" y="156"/>
                    </a:lnTo>
                    <a:lnTo>
                      <a:pt x="90" y="158"/>
                    </a:lnTo>
                    <a:lnTo>
                      <a:pt x="89" y="160"/>
                    </a:lnTo>
                    <a:lnTo>
                      <a:pt x="89" y="163"/>
                    </a:lnTo>
                    <a:lnTo>
                      <a:pt x="89" y="167"/>
                    </a:lnTo>
                    <a:lnTo>
                      <a:pt x="89" y="171"/>
                    </a:lnTo>
                    <a:lnTo>
                      <a:pt x="89" y="173"/>
                    </a:lnTo>
                    <a:lnTo>
                      <a:pt x="90" y="174"/>
                    </a:lnTo>
                    <a:lnTo>
                      <a:pt x="90" y="178"/>
                    </a:lnTo>
                    <a:lnTo>
                      <a:pt x="92" y="178"/>
                    </a:lnTo>
                    <a:lnTo>
                      <a:pt x="92" y="180"/>
                    </a:lnTo>
                    <a:lnTo>
                      <a:pt x="94" y="180"/>
                    </a:lnTo>
                    <a:lnTo>
                      <a:pt x="94" y="182"/>
                    </a:lnTo>
                    <a:lnTo>
                      <a:pt x="96" y="182"/>
                    </a:lnTo>
                    <a:lnTo>
                      <a:pt x="96" y="180"/>
                    </a:lnTo>
                    <a:lnTo>
                      <a:pt x="98" y="180"/>
                    </a:lnTo>
                    <a:lnTo>
                      <a:pt x="98" y="178"/>
                    </a:lnTo>
                    <a:lnTo>
                      <a:pt x="98" y="176"/>
                    </a:lnTo>
                    <a:lnTo>
                      <a:pt x="100" y="174"/>
                    </a:lnTo>
                    <a:lnTo>
                      <a:pt x="100" y="173"/>
                    </a:lnTo>
                    <a:lnTo>
                      <a:pt x="102" y="171"/>
                    </a:lnTo>
                    <a:lnTo>
                      <a:pt x="102" y="169"/>
                    </a:lnTo>
                    <a:lnTo>
                      <a:pt x="102" y="167"/>
                    </a:lnTo>
                    <a:lnTo>
                      <a:pt x="103" y="165"/>
                    </a:lnTo>
                    <a:lnTo>
                      <a:pt x="103" y="163"/>
                    </a:lnTo>
                    <a:lnTo>
                      <a:pt x="103" y="161"/>
                    </a:lnTo>
                    <a:lnTo>
                      <a:pt x="103" y="160"/>
                    </a:lnTo>
                    <a:lnTo>
                      <a:pt x="105" y="160"/>
                    </a:lnTo>
                    <a:lnTo>
                      <a:pt x="105" y="158"/>
                    </a:lnTo>
                    <a:lnTo>
                      <a:pt x="107" y="156"/>
                    </a:lnTo>
                    <a:lnTo>
                      <a:pt x="109" y="154"/>
                    </a:lnTo>
                    <a:lnTo>
                      <a:pt x="109" y="152"/>
                    </a:lnTo>
                    <a:lnTo>
                      <a:pt x="109" y="150"/>
                    </a:lnTo>
                    <a:lnTo>
                      <a:pt x="111" y="148"/>
                    </a:lnTo>
                    <a:lnTo>
                      <a:pt x="111" y="147"/>
                    </a:lnTo>
                    <a:lnTo>
                      <a:pt x="113" y="147"/>
                    </a:lnTo>
                    <a:lnTo>
                      <a:pt x="113" y="145"/>
                    </a:lnTo>
                    <a:lnTo>
                      <a:pt x="114" y="143"/>
                    </a:lnTo>
                    <a:lnTo>
                      <a:pt x="114" y="141"/>
                    </a:lnTo>
                    <a:lnTo>
                      <a:pt x="116" y="139"/>
                    </a:lnTo>
                    <a:lnTo>
                      <a:pt x="116" y="137"/>
                    </a:lnTo>
                    <a:lnTo>
                      <a:pt x="118" y="137"/>
                    </a:lnTo>
                    <a:lnTo>
                      <a:pt x="118" y="136"/>
                    </a:lnTo>
                    <a:lnTo>
                      <a:pt x="120" y="134"/>
                    </a:lnTo>
                    <a:lnTo>
                      <a:pt x="120" y="132"/>
                    </a:lnTo>
                    <a:lnTo>
                      <a:pt x="122" y="130"/>
                    </a:lnTo>
                    <a:lnTo>
                      <a:pt x="124" y="128"/>
                    </a:lnTo>
                    <a:lnTo>
                      <a:pt x="124" y="126"/>
                    </a:lnTo>
                    <a:lnTo>
                      <a:pt x="126" y="126"/>
                    </a:lnTo>
                    <a:lnTo>
                      <a:pt x="126" y="124"/>
                    </a:lnTo>
                    <a:lnTo>
                      <a:pt x="126" y="123"/>
                    </a:lnTo>
                    <a:lnTo>
                      <a:pt x="127" y="123"/>
                    </a:lnTo>
                    <a:lnTo>
                      <a:pt x="127" y="121"/>
                    </a:lnTo>
                    <a:lnTo>
                      <a:pt x="129" y="121"/>
                    </a:lnTo>
                    <a:lnTo>
                      <a:pt x="131" y="121"/>
                    </a:lnTo>
                    <a:lnTo>
                      <a:pt x="131" y="119"/>
                    </a:lnTo>
                    <a:lnTo>
                      <a:pt x="133" y="119"/>
                    </a:lnTo>
                    <a:lnTo>
                      <a:pt x="135" y="117"/>
                    </a:lnTo>
                    <a:lnTo>
                      <a:pt x="137" y="115"/>
                    </a:lnTo>
                    <a:lnTo>
                      <a:pt x="139" y="113"/>
                    </a:lnTo>
                    <a:lnTo>
                      <a:pt x="139" y="111"/>
                    </a:lnTo>
                    <a:lnTo>
                      <a:pt x="140" y="111"/>
                    </a:lnTo>
                    <a:lnTo>
                      <a:pt x="142" y="110"/>
                    </a:lnTo>
                    <a:lnTo>
                      <a:pt x="144" y="108"/>
                    </a:lnTo>
                    <a:lnTo>
                      <a:pt x="146" y="106"/>
                    </a:lnTo>
                    <a:lnTo>
                      <a:pt x="148" y="106"/>
                    </a:lnTo>
                    <a:lnTo>
                      <a:pt x="150" y="104"/>
                    </a:lnTo>
                    <a:lnTo>
                      <a:pt x="151" y="104"/>
                    </a:lnTo>
                    <a:lnTo>
                      <a:pt x="151" y="102"/>
                    </a:lnTo>
                    <a:lnTo>
                      <a:pt x="153" y="100"/>
                    </a:lnTo>
                    <a:lnTo>
                      <a:pt x="155" y="99"/>
                    </a:lnTo>
                    <a:lnTo>
                      <a:pt x="157" y="99"/>
                    </a:lnTo>
                    <a:lnTo>
                      <a:pt x="159" y="99"/>
                    </a:lnTo>
                    <a:lnTo>
                      <a:pt x="159" y="97"/>
                    </a:lnTo>
                    <a:lnTo>
                      <a:pt x="161" y="95"/>
                    </a:lnTo>
                    <a:lnTo>
                      <a:pt x="161" y="93"/>
                    </a:lnTo>
                    <a:lnTo>
                      <a:pt x="163" y="93"/>
                    </a:lnTo>
                    <a:lnTo>
                      <a:pt x="164" y="93"/>
                    </a:lnTo>
                    <a:lnTo>
                      <a:pt x="164" y="91"/>
                    </a:lnTo>
                    <a:lnTo>
                      <a:pt x="166" y="91"/>
                    </a:lnTo>
                    <a:lnTo>
                      <a:pt x="166" y="89"/>
                    </a:lnTo>
                    <a:lnTo>
                      <a:pt x="168" y="89"/>
                    </a:lnTo>
                    <a:lnTo>
                      <a:pt x="168" y="87"/>
                    </a:lnTo>
                    <a:lnTo>
                      <a:pt x="170" y="87"/>
                    </a:lnTo>
                    <a:lnTo>
                      <a:pt x="170" y="86"/>
                    </a:lnTo>
                    <a:lnTo>
                      <a:pt x="168" y="84"/>
                    </a:lnTo>
                    <a:lnTo>
                      <a:pt x="168" y="82"/>
                    </a:lnTo>
                    <a:lnTo>
                      <a:pt x="166" y="80"/>
                    </a:lnTo>
                    <a:lnTo>
                      <a:pt x="166" y="78"/>
                    </a:lnTo>
                    <a:lnTo>
                      <a:pt x="164" y="78"/>
                    </a:lnTo>
                    <a:lnTo>
                      <a:pt x="163" y="78"/>
                    </a:lnTo>
                    <a:lnTo>
                      <a:pt x="163" y="76"/>
                    </a:lnTo>
                    <a:lnTo>
                      <a:pt x="153" y="65"/>
                    </a:lnTo>
                    <a:lnTo>
                      <a:pt x="150" y="58"/>
                    </a:lnTo>
                    <a:lnTo>
                      <a:pt x="150" y="52"/>
                    </a:lnTo>
                    <a:lnTo>
                      <a:pt x="150" y="50"/>
                    </a:lnTo>
                    <a:lnTo>
                      <a:pt x="148" y="50"/>
                    </a:lnTo>
                    <a:lnTo>
                      <a:pt x="148" y="49"/>
                    </a:lnTo>
                    <a:lnTo>
                      <a:pt x="150" y="49"/>
                    </a:lnTo>
                    <a:lnTo>
                      <a:pt x="151" y="47"/>
                    </a:lnTo>
                    <a:lnTo>
                      <a:pt x="153" y="47"/>
                    </a:lnTo>
                    <a:lnTo>
                      <a:pt x="155" y="47"/>
                    </a:lnTo>
                    <a:lnTo>
                      <a:pt x="155" y="45"/>
                    </a:lnTo>
                    <a:lnTo>
                      <a:pt x="155" y="43"/>
                    </a:lnTo>
                    <a:lnTo>
                      <a:pt x="157" y="43"/>
                    </a:lnTo>
                    <a:lnTo>
                      <a:pt x="157" y="41"/>
                    </a:lnTo>
                    <a:lnTo>
                      <a:pt x="159" y="43"/>
                    </a:lnTo>
                    <a:lnTo>
                      <a:pt x="161" y="41"/>
                    </a:lnTo>
                    <a:lnTo>
                      <a:pt x="163" y="37"/>
                    </a:lnTo>
                    <a:lnTo>
                      <a:pt x="164" y="37"/>
                    </a:lnTo>
                    <a:lnTo>
                      <a:pt x="166" y="36"/>
                    </a:lnTo>
                    <a:lnTo>
                      <a:pt x="168" y="34"/>
                    </a:lnTo>
                    <a:lnTo>
                      <a:pt x="170" y="34"/>
                    </a:lnTo>
                    <a:lnTo>
                      <a:pt x="172" y="34"/>
                    </a:lnTo>
                    <a:lnTo>
                      <a:pt x="174" y="34"/>
                    </a:lnTo>
                    <a:lnTo>
                      <a:pt x="177" y="32"/>
                    </a:lnTo>
                    <a:lnTo>
                      <a:pt x="179" y="30"/>
                    </a:lnTo>
                    <a:lnTo>
                      <a:pt x="181" y="28"/>
                    </a:lnTo>
                    <a:lnTo>
                      <a:pt x="183" y="28"/>
                    </a:lnTo>
                    <a:lnTo>
                      <a:pt x="185" y="26"/>
                    </a:lnTo>
                    <a:lnTo>
                      <a:pt x="187" y="26"/>
                    </a:lnTo>
                    <a:lnTo>
                      <a:pt x="188" y="26"/>
                    </a:lnTo>
                    <a:lnTo>
                      <a:pt x="190" y="26"/>
                    </a:lnTo>
                    <a:lnTo>
                      <a:pt x="192" y="26"/>
                    </a:lnTo>
                    <a:lnTo>
                      <a:pt x="194" y="25"/>
                    </a:lnTo>
                    <a:lnTo>
                      <a:pt x="200" y="19"/>
                    </a:lnTo>
                    <a:lnTo>
                      <a:pt x="211" y="26"/>
                    </a:lnTo>
                    <a:lnTo>
                      <a:pt x="218" y="28"/>
                    </a:lnTo>
                    <a:lnTo>
                      <a:pt x="220" y="28"/>
                    </a:lnTo>
                    <a:lnTo>
                      <a:pt x="222" y="30"/>
                    </a:lnTo>
                    <a:lnTo>
                      <a:pt x="227" y="28"/>
                    </a:lnTo>
                    <a:lnTo>
                      <a:pt x="231" y="28"/>
                    </a:lnTo>
                    <a:lnTo>
                      <a:pt x="233" y="26"/>
                    </a:lnTo>
                    <a:lnTo>
                      <a:pt x="236" y="26"/>
                    </a:lnTo>
                    <a:lnTo>
                      <a:pt x="238" y="26"/>
                    </a:lnTo>
                    <a:lnTo>
                      <a:pt x="240" y="25"/>
                    </a:lnTo>
                    <a:lnTo>
                      <a:pt x="244" y="25"/>
                    </a:lnTo>
                    <a:lnTo>
                      <a:pt x="246" y="25"/>
                    </a:lnTo>
                    <a:lnTo>
                      <a:pt x="249" y="25"/>
                    </a:lnTo>
                    <a:lnTo>
                      <a:pt x="253" y="25"/>
                    </a:lnTo>
                    <a:lnTo>
                      <a:pt x="255" y="25"/>
                    </a:lnTo>
                    <a:lnTo>
                      <a:pt x="259" y="23"/>
                    </a:lnTo>
                    <a:lnTo>
                      <a:pt x="259" y="21"/>
                    </a:lnTo>
                    <a:lnTo>
                      <a:pt x="259" y="19"/>
                    </a:lnTo>
                    <a:lnTo>
                      <a:pt x="259" y="17"/>
                    </a:lnTo>
                    <a:lnTo>
                      <a:pt x="259" y="15"/>
                    </a:lnTo>
                    <a:lnTo>
                      <a:pt x="261" y="15"/>
                    </a:lnTo>
                    <a:lnTo>
                      <a:pt x="262" y="15"/>
                    </a:lnTo>
                    <a:lnTo>
                      <a:pt x="264" y="13"/>
                    </a:lnTo>
                    <a:lnTo>
                      <a:pt x="268" y="13"/>
                    </a:lnTo>
                    <a:lnTo>
                      <a:pt x="270" y="13"/>
                    </a:lnTo>
                    <a:lnTo>
                      <a:pt x="272" y="15"/>
                    </a:lnTo>
                    <a:lnTo>
                      <a:pt x="273" y="15"/>
                    </a:lnTo>
                    <a:lnTo>
                      <a:pt x="275" y="15"/>
                    </a:lnTo>
                    <a:lnTo>
                      <a:pt x="275" y="13"/>
                    </a:lnTo>
                    <a:lnTo>
                      <a:pt x="277" y="13"/>
                    </a:lnTo>
                    <a:lnTo>
                      <a:pt x="279" y="13"/>
                    </a:lnTo>
                    <a:lnTo>
                      <a:pt x="281" y="13"/>
                    </a:lnTo>
                    <a:lnTo>
                      <a:pt x="281" y="12"/>
                    </a:lnTo>
                    <a:lnTo>
                      <a:pt x="283" y="10"/>
                    </a:lnTo>
                    <a:lnTo>
                      <a:pt x="285" y="10"/>
                    </a:lnTo>
                    <a:lnTo>
                      <a:pt x="288" y="6"/>
                    </a:lnTo>
                    <a:lnTo>
                      <a:pt x="290" y="4"/>
                    </a:lnTo>
                    <a:lnTo>
                      <a:pt x="292" y="2"/>
                    </a:lnTo>
                    <a:lnTo>
                      <a:pt x="294" y="2"/>
                    </a:lnTo>
                    <a:lnTo>
                      <a:pt x="296" y="2"/>
                    </a:lnTo>
                    <a:lnTo>
                      <a:pt x="299" y="2"/>
                    </a:lnTo>
                    <a:lnTo>
                      <a:pt x="301" y="2"/>
                    </a:lnTo>
                    <a:lnTo>
                      <a:pt x="301" y="0"/>
                    </a:lnTo>
                    <a:lnTo>
                      <a:pt x="303" y="0"/>
                    </a:lnTo>
                    <a:lnTo>
                      <a:pt x="303" y="2"/>
                    </a:lnTo>
                    <a:lnTo>
                      <a:pt x="303" y="4"/>
                    </a:lnTo>
                    <a:lnTo>
                      <a:pt x="305" y="4"/>
                    </a:lnTo>
                    <a:lnTo>
                      <a:pt x="305" y="6"/>
                    </a:lnTo>
                    <a:lnTo>
                      <a:pt x="307" y="4"/>
                    </a:lnTo>
                    <a:lnTo>
                      <a:pt x="309" y="6"/>
                    </a:lnTo>
                    <a:lnTo>
                      <a:pt x="309" y="4"/>
                    </a:lnTo>
                    <a:lnTo>
                      <a:pt x="310" y="4"/>
                    </a:lnTo>
                    <a:lnTo>
                      <a:pt x="312" y="4"/>
                    </a:lnTo>
                    <a:lnTo>
                      <a:pt x="314" y="4"/>
                    </a:lnTo>
                    <a:lnTo>
                      <a:pt x="318" y="4"/>
                    </a:lnTo>
                    <a:lnTo>
                      <a:pt x="320" y="4"/>
                    </a:lnTo>
                    <a:lnTo>
                      <a:pt x="322" y="6"/>
                    </a:lnTo>
                    <a:lnTo>
                      <a:pt x="323" y="8"/>
                    </a:lnTo>
                    <a:lnTo>
                      <a:pt x="323" y="6"/>
                    </a:lnTo>
                    <a:lnTo>
                      <a:pt x="325" y="8"/>
                    </a:lnTo>
                    <a:lnTo>
                      <a:pt x="327" y="8"/>
                    </a:lnTo>
                    <a:lnTo>
                      <a:pt x="329" y="8"/>
                    </a:lnTo>
                    <a:lnTo>
                      <a:pt x="331" y="8"/>
                    </a:lnTo>
                    <a:lnTo>
                      <a:pt x="331" y="10"/>
                    </a:lnTo>
                    <a:lnTo>
                      <a:pt x="333" y="10"/>
                    </a:lnTo>
                    <a:lnTo>
                      <a:pt x="334" y="10"/>
                    </a:lnTo>
                    <a:lnTo>
                      <a:pt x="336" y="10"/>
                    </a:lnTo>
                    <a:lnTo>
                      <a:pt x="338" y="10"/>
                    </a:lnTo>
                    <a:lnTo>
                      <a:pt x="340" y="10"/>
                    </a:lnTo>
                    <a:lnTo>
                      <a:pt x="342" y="10"/>
                    </a:lnTo>
                    <a:lnTo>
                      <a:pt x="344" y="10"/>
                    </a:lnTo>
                    <a:lnTo>
                      <a:pt x="344" y="8"/>
                    </a:lnTo>
                    <a:lnTo>
                      <a:pt x="346" y="8"/>
                    </a:lnTo>
                    <a:lnTo>
                      <a:pt x="347" y="8"/>
                    </a:lnTo>
                    <a:lnTo>
                      <a:pt x="349" y="8"/>
                    </a:lnTo>
                    <a:lnTo>
                      <a:pt x="351" y="6"/>
                    </a:lnTo>
                    <a:lnTo>
                      <a:pt x="351" y="8"/>
                    </a:lnTo>
                    <a:lnTo>
                      <a:pt x="353" y="6"/>
                    </a:lnTo>
                    <a:lnTo>
                      <a:pt x="355" y="6"/>
                    </a:lnTo>
                    <a:lnTo>
                      <a:pt x="357" y="6"/>
                    </a:lnTo>
                    <a:lnTo>
                      <a:pt x="359" y="6"/>
                    </a:lnTo>
                    <a:lnTo>
                      <a:pt x="360" y="6"/>
                    </a:lnTo>
                    <a:lnTo>
                      <a:pt x="360" y="8"/>
                    </a:lnTo>
                    <a:lnTo>
                      <a:pt x="362" y="8"/>
                    </a:lnTo>
                    <a:lnTo>
                      <a:pt x="364" y="8"/>
                    </a:lnTo>
                    <a:lnTo>
                      <a:pt x="366" y="8"/>
                    </a:lnTo>
                    <a:lnTo>
                      <a:pt x="366" y="10"/>
                    </a:lnTo>
                    <a:lnTo>
                      <a:pt x="368" y="10"/>
                    </a:lnTo>
                    <a:lnTo>
                      <a:pt x="366" y="13"/>
                    </a:lnTo>
                    <a:lnTo>
                      <a:pt x="368" y="13"/>
                    </a:lnTo>
                    <a:lnTo>
                      <a:pt x="368" y="15"/>
                    </a:lnTo>
                    <a:lnTo>
                      <a:pt x="370" y="15"/>
                    </a:lnTo>
                    <a:lnTo>
                      <a:pt x="370" y="17"/>
                    </a:lnTo>
                    <a:lnTo>
                      <a:pt x="370" y="19"/>
                    </a:lnTo>
                    <a:lnTo>
                      <a:pt x="371" y="21"/>
                    </a:lnTo>
                    <a:lnTo>
                      <a:pt x="371" y="23"/>
                    </a:lnTo>
                    <a:lnTo>
                      <a:pt x="370" y="34"/>
                    </a:lnTo>
                    <a:lnTo>
                      <a:pt x="366" y="50"/>
                    </a:lnTo>
                    <a:lnTo>
                      <a:pt x="368" y="54"/>
                    </a:lnTo>
                    <a:lnTo>
                      <a:pt x="370" y="56"/>
                    </a:lnTo>
                    <a:lnTo>
                      <a:pt x="371" y="58"/>
                    </a:lnTo>
                    <a:lnTo>
                      <a:pt x="370" y="58"/>
                    </a:lnTo>
                    <a:lnTo>
                      <a:pt x="370" y="60"/>
                    </a:lnTo>
                    <a:lnTo>
                      <a:pt x="368" y="60"/>
                    </a:lnTo>
                    <a:lnTo>
                      <a:pt x="366" y="62"/>
                    </a:lnTo>
                    <a:lnTo>
                      <a:pt x="364" y="63"/>
                    </a:lnTo>
                    <a:lnTo>
                      <a:pt x="362" y="63"/>
                    </a:lnTo>
                    <a:lnTo>
                      <a:pt x="362" y="65"/>
                    </a:lnTo>
                    <a:lnTo>
                      <a:pt x="360" y="65"/>
                    </a:lnTo>
                    <a:lnTo>
                      <a:pt x="360" y="67"/>
                    </a:lnTo>
                    <a:lnTo>
                      <a:pt x="359" y="67"/>
                    </a:lnTo>
                    <a:lnTo>
                      <a:pt x="359" y="69"/>
                    </a:lnTo>
                    <a:lnTo>
                      <a:pt x="357" y="69"/>
                    </a:lnTo>
                    <a:lnTo>
                      <a:pt x="355" y="71"/>
                    </a:lnTo>
                    <a:lnTo>
                      <a:pt x="355" y="73"/>
                    </a:lnTo>
                    <a:lnTo>
                      <a:pt x="353" y="74"/>
                    </a:lnTo>
                    <a:lnTo>
                      <a:pt x="353" y="76"/>
                    </a:lnTo>
                    <a:lnTo>
                      <a:pt x="351" y="76"/>
                    </a:lnTo>
                    <a:lnTo>
                      <a:pt x="351" y="78"/>
                    </a:lnTo>
                    <a:lnTo>
                      <a:pt x="349" y="80"/>
                    </a:lnTo>
                    <a:lnTo>
                      <a:pt x="347" y="82"/>
                    </a:lnTo>
                    <a:lnTo>
                      <a:pt x="346" y="84"/>
                    </a:lnTo>
                    <a:lnTo>
                      <a:pt x="346" y="86"/>
                    </a:lnTo>
                    <a:lnTo>
                      <a:pt x="346" y="87"/>
                    </a:lnTo>
                    <a:lnTo>
                      <a:pt x="344" y="87"/>
                    </a:lnTo>
                    <a:lnTo>
                      <a:pt x="344" y="89"/>
                    </a:lnTo>
                    <a:lnTo>
                      <a:pt x="344" y="91"/>
                    </a:lnTo>
                    <a:lnTo>
                      <a:pt x="342" y="93"/>
                    </a:lnTo>
                    <a:lnTo>
                      <a:pt x="342" y="95"/>
                    </a:lnTo>
                    <a:lnTo>
                      <a:pt x="344" y="97"/>
                    </a:lnTo>
                    <a:lnTo>
                      <a:pt x="346" y="99"/>
                    </a:lnTo>
                    <a:lnTo>
                      <a:pt x="347" y="99"/>
                    </a:lnTo>
                    <a:lnTo>
                      <a:pt x="349" y="99"/>
                    </a:lnTo>
                    <a:lnTo>
                      <a:pt x="351" y="100"/>
                    </a:lnTo>
                    <a:lnTo>
                      <a:pt x="353" y="100"/>
                    </a:lnTo>
                    <a:lnTo>
                      <a:pt x="355" y="102"/>
                    </a:lnTo>
                    <a:lnTo>
                      <a:pt x="357" y="102"/>
                    </a:lnTo>
                    <a:lnTo>
                      <a:pt x="359" y="102"/>
                    </a:lnTo>
                    <a:lnTo>
                      <a:pt x="359" y="104"/>
                    </a:lnTo>
                    <a:lnTo>
                      <a:pt x="359" y="106"/>
                    </a:lnTo>
                    <a:lnTo>
                      <a:pt x="360" y="106"/>
                    </a:lnTo>
                    <a:lnTo>
                      <a:pt x="360" y="108"/>
                    </a:lnTo>
                    <a:lnTo>
                      <a:pt x="362" y="108"/>
                    </a:lnTo>
                    <a:lnTo>
                      <a:pt x="364" y="110"/>
                    </a:lnTo>
                    <a:lnTo>
                      <a:pt x="366" y="110"/>
                    </a:lnTo>
                    <a:lnTo>
                      <a:pt x="366" y="111"/>
                    </a:lnTo>
                    <a:lnTo>
                      <a:pt x="368" y="111"/>
                    </a:lnTo>
                    <a:lnTo>
                      <a:pt x="370" y="111"/>
                    </a:lnTo>
                    <a:lnTo>
                      <a:pt x="370" y="113"/>
                    </a:lnTo>
                    <a:lnTo>
                      <a:pt x="371" y="113"/>
                    </a:lnTo>
                    <a:lnTo>
                      <a:pt x="371" y="115"/>
                    </a:lnTo>
                    <a:lnTo>
                      <a:pt x="371" y="113"/>
                    </a:lnTo>
                    <a:lnTo>
                      <a:pt x="373" y="113"/>
                    </a:lnTo>
                    <a:lnTo>
                      <a:pt x="375" y="113"/>
                    </a:lnTo>
                    <a:lnTo>
                      <a:pt x="377" y="111"/>
                    </a:lnTo>
                    <a:lnTo>
                      <a:pt x="377" y="113"/>
                    </a:lnTo>
                    <a:lnTo>
                      <a:pt x="379" y="113"/>
                    </a:lnTo>
                    <a:lnTo>
                      <a:pt x="379" y="115"/>
                    </a:lnTo>
                    <a:lnTo>
                      <a:pt x="381" y="113"/>
                    </a:lnTo>
                    <a:lnTo>
                      <a:pt x="383" y="113"/>
                    </a:lnTo>
                    <a:lnTo>
                      <a:pt x="384" y="113"/>
                    </a:lnTo>
                    <a:lnTo>
                      <a:pt x="386" y="113"/>
                    </a:lnTo>
                    <a:lnTo>
                      <a:pt x="388" y="113"/>
                    </a:lnTo>
                    <a:lnTo>
                      <a:pt x="388" y="111"/>
                    </a:lnTo>
                    <a:lnTo>
                      <a:pt x="390" y="111"/>
                    </a:lnTo>
                    <a:lnTo>
                      <a:pt x="392" y="111"/>
                    </a:lnTo>
                    <a:lnTo>
                      <a:pt x="394" y="111"/>
                    </a:lnTo>
                    <a:lnTo>
                      <a:pt x="394" y="110"/>
                    </a:lnTo>
                    <a:lnTo>
                      <a:pt x="395" y="110"/>
                    </a:lnTo>
                    <a:lnTo>
                      <a:pt x="397" y="110"/>
                    </a:lnTo>
                    <a:lnTo>
                      <a:pt x="407" y="106"/>
                    </a:lnTo>
                    <a:lnTo>
                      <a:pt x="410" y="104"/>
                    </a:lnTo>
                    <a:lnTo>
                      <a:pt x="414" y="106"/>
                    </a:lnTo>
                    <a:lnTo>
                      <a:pt x="414" y="108"/>
                    </a:lnTo>
                    <a:lnTo>
                      <a:pt x="416" y="110"/>
                    </a:lnTo>
                    <a:lnTo>
                      <a:pt x="416" y="111"/>
                    </a:lnTo>
                    <a:lnTo>
                      <a:pt x="414" y="111"/>
                    </a:lnTo>
                    <a:lnTo>
                      <a:pt x="414" y="113"/>
                    </a:lnTo>
                    <a:lnTo>
                      <a:pt x="414" y="115"/>
                    </a:lnTo>
                    <a:lnTo>
                      <a:pt x="414" y="117"/>
                    </a:lnTo>
                    <a:lnTo>
                      <a:pt x="414" y="119"/>
                    </a:lnTo>
                    <a:lnTo>
                      <a:pt x="414" y="121"/>
                    </a:lnTo>
                    <a:lnTo>
                      <a:pt x="414" y="123"/>
                    </a:lnTo>
                    <a:lnTo>
                      <a:pt x="412" y="124"/>
                    </a:lnTo>
                    <a:lnTo>
                      <a:pt x="412" y="126"/>
                    </a:lnTo>
                    <a:lnTo>
                      <a:pt x="414" y="126"/>
                    </a:lnTo>
                    <a:lnTo>
                      <a:pt x="416" y="128"/>
                    </a:lnTo>
                    <a:lnTo>
                      <a:pt x="420" y="134"/>
                    </a:lnTo>
                    <a:lnTo>
                      <a:pt x="418" y="137"/>
                    </a:lnTo>
                    <a:lnTo>
                      <a:pt x="418" y="139"/>
                    </a:lnTo>
                    <a:lnTo>
                      <a:pt x="416" y="143"/>
                    </a:lnTo>
                    <a:lnTo>
                      <a:pt x="416" y="147"/>
                    </a:lnTo>
                    <a:lnTo>
                      <a:pt x="414" y="147"/>
                    </a:lnTo>
                    <a:lnTo>
                      <a:pt x="414" y="148"/>
                    </a:lnTo>
                    <a:lnTo>
                      <a:pt x="412" y="150"/>
                    </a:lnTo>
                    <a:lnTo>
                      <a:pt x="410" y="150"/>
                    </a:lnTo>
                    <a:lnTo>
                      <a:pt x="410" y="152"/>
                    </a:lnTo>
                    <a:lnTo>
                      <a:pt x="410" y="154"/>
                    </a:lnTo>
                    <a:lnTo>
                      <a:pt x="410" y="156"/>
                    </a:lnTo>
                    <a:lnTo>
                      <a:pt x="408" y="158"/>
                    </a:lnTo>
                    <a:lnTo>
                      <a:pt x="410" y="158"/>
                    </a:lnTo>
                    <a:lnTo>
                      <a:pt x="410" y="160"/>
                    </a:lnTo>
                    <a:lnTo>
                      <a:pt x="410" y="161"/>
                    </a:lnTo>
                    <a:lnTo>
                      <a:pt x="410" y="163"/>
                    </a:lnTo>
                    <a:lnTo>
                      <a:pt x="410" y="165"/>
                    </a:lnTo>
                    <a:lnTo>
                      <a:pt x="412" y="165"/>
                    </a:lnTo>
                    <a:lnTo>
                      <a:pt x="412" y="167"/>
                    </a:lnTo>
                    <a:lnTo>
                      <a:pt x="412" y="169"/>
                    </a:lnTo>
                    <a:lnTo>
                      <a:pt x="412" y="171"/>
                    </a:lnTo>
                    <a:lnTo>
                      <a:pt x="412" y="173"/>
                    </a:lnTo>
                    <a:lnTo>
                      <a:pt x="412" y="174"/>
                    </a:lnTo>
                    <a:lnTo>
                      <a:pt x="412" y="176"/>
                    </a:lnTo>
                    <a:lnTo>
                      <a:pt x="412" y="178"/>
                    </a:lnTo>
                    <a:lnTo>
                      <a:pt x="412" y="180"/>
                    </a:lnTo>
                    <a:lnTo>
                      <a:pt x="412" y="182"/>
                    </a:lnTo>
                    <a:lnTo>
                      <a:pt x="412" y="184"/>
                    </a:lnTo>
                    <a:lnTo>
                      <a:pt x="410" y="185"/>
                    </a:lnTo>
                    <a:lnTo>
                      <a:pt x="410" y="187"/>
                    </a:lnTo>
                    <a:lnTo>
                      <a:pt x="408" y="187"/>
                    </a:lnTo>
                    <a:lnTo>
                      <a:pt x="408" y="189"/>
                    </a:lnTo>
                    <a:lnTo>
                      <a:pt x="407" y="189"/>
                    </a:lnTo>
                    <a:lnTo>
                      <a:pt x="407" y="191"/>
                    </a:lnTo>
                    <a:lnTo>
                      <a:pt x="405" y="191"/>
                    </a:lnTo>
                    <a:lnTo>
                      <a:pt x="405" y="193"/>
                    </a:lnTo>
                    <a:lnTo>
                      <a:pt x="405" y="195"/>
                    </a:lnTo>
                    <a:lnTo>
                      <a:pt x="405" y="197"/>
                    </a:lnTo>
                    <a:lnTo>
                      <a:pt x="405" y="198"/>
                    </a:lnTo>
                    <a:lnTo>
                      <a:pt x="405" y="200"/>
                    </a:lnTo>
                    <a:lnTo>
                      <a:pt x="405" y="202"/>
                    </a:lnTo>
                    <a:lnTo>
                      <a:pt x="403" y="204"/>
                    </a:lnTo>
                    <a:lnTo>
                      <a:pt x="401" y="206"/>
                    </a:lnTo>
                    <a:lnTo>
                      <a:pt x="401" y="208"/>
                    </a:lnTo>
                    <a:lnTo>
                      <a:pt x="399" y="210"/>
                    </a:lnTo>
                    <a:lnTo>
                      <a:pt x="399" y="213"/>
                    </a:lnTo>
                    <a:lnTo>
                      <a:pt x="401" y="217"/>
                    </a:lnTo>
                    <a:lnTo>
                      <a:pt x="401" y="219"/>
                    </a:lnTo>
                    <a:lnTo>
                      <a:pt x="401" y="221"/>
                    </a:lnTo>
                    <a:lnTo>
                      <a:pt x="401" y="222"/>
                    </a:lnTo>
                    <a:lnTo>
                      <a:pt x="403" y="224"/>
                    </a:lnTo>
                    <a:lnTo>
                      <a:pt x="403" y="226"/>
                    </a:lnTo>
                    <a:lnTo>
                      <a:pt x="405" y="228"/>
                    </a:lnTo>
                    <a:lnTo>
                      <a:pt x="407" y="228"/>
                    </a:lnTo>
                    <a:lnTo>
                      <a:pt x="407" y="230"/>
                    </a:lnTo>
                    <a:lnTo>
                      <a:pt x="407" y="232"/>
                    </a:lnTo>
                    <a:lnTo>
                      <a:pt x="407" y="234"/>
                    </a:lnTo>
                    <a:lnTo>
                      <a:pt x="407" y="235"/>
                    </a:lnTo>
                    <a:lnTo>
                      <a:pt x="407" y="237"/>
                    </a:lnTo>
                    <a:lnTo>
                      <a:pt x="408" y="239"/>
                    </a:lnTo>
                    <a:lnTo>
                      <a:pt x="407" y="241"/>
                    </a:lnTo>
                    <a:lnTo>
                      <a:pt x="408" y="243"/>
                    </a:lnTo>
                    <a:lnTo>
                      <a:pt x="407" y="245"/>
                    </a:lnTo>
                    <a:lnTo>
                      <a:pt x="403" y="252"/>
                    </a:lnTo>
                    <a:lnTo>
                      <a:pt x="401" y="258"/>
                    </a:lnTo>
                    <a:lnTo>
                      <a:pt x="403" y="259"/>
                    </a:lnTo>
                    <a:lnTo>
                      <a:pt x="403" y="261"/>
                    </a:lnTo>
                    <a:lnTo>
                      <a:pt x="403" y="263"/>
                    </a:lnTo>
                    <a:lnTo>
                      <a:pt x="401" y="263"/>
                    </a:lnTo>
                    <a:lnTo>
                      <a:pt x="401" y="267"/>
                    </a:lnTo>
                    <a:lnTo>
                      <a:pt x="401" y="269"/>
                    </a:lnTo>
                    <a:lnTo>
                      <a:pt x="399" y="269"/>
                    </a:lnTo>
                    <a:lnTo>
                      <a:pt x="399" y="272"/>
                    </a:lnTo>
                    <a:lnTo>
                      <a:pt x="399" y="274"/>
                    </a:lnTo>
                    <a:lnTo>
                      <a:pt x="399" y="276"/>
                    </a:lnTo>
                    <a:lnTo>
                      <a:pt x="399" y="278"/>
                    </a:lnTo>
                    <a:lnTo>
                      <a:pt x="401" y="278"/>
                    </a:lnTo>
                    <a:lnTo>
                      <a:pt x="401" y="280"/>
                    </a:lnTo>
                    <a:lnTo>
                      <a:pt x="401" y="282"/>
                    </a:lnTo>
                    <a:lnTo>
                      <a:pt x="403" y="282"/>
                    </a:lnTo>
                    <a:lnTo>
                      <a:pt x="403" y="283"/>
                    </a:lnTo>
                    <a:lnTo>
                      <a:pt x="403" y="285"/>
                    </a:lnTo>
                    <a:lnTo>
                      <a:pt x="405" y="285"/>
                    </a:lnTo>
                    <a:lnTo>
                      <a:pt x="405" y="291"/>
                    </a:lnTo>
                    <a:lnTo>
                      <a:pt x="405" y="298"/>
                    </a:lnTo>
                    <a:lnTo>
                      <a:pt x="408" y="298"/>
                    </a:lnTo>
                    <a:lnTo>
                      <a:pt x="410" y="300"/>
                    </a:lnTo>
                    <a:lnTo>
                      <a:pt x="410" y="302"/>
                    </a:lnTo>
                    <a:lnTo>
                      <a:pt x="408" y="304"/>
                    </a:lnTo>
                    <a:lnTo>
                      <a:pt x="408" y="306"/>
                    </a:lnTo>
                    <a:lnTo>
                      <a:pt x="410" y="308"/>
                    </a:lnTo>
                    <a:lnTo>
                      <a:pt x="410" y="309"/>
                    </a:lnTo>
                    <a:lnTo>
                      <a:pt x="408" y="311"/>
                    </a:lnTo>
                    <a:lnTo>
                      <a:pt x="407" y="313"/>
                    </a:lnTo>
                    <a:lnTo>
                      <a:pt x="405" y="315"/>
                    </a:lnTo>
                    <a:lnTo>
                      <a:pt x="403" y="315"/>
                    </a:lnTo>
                    <a:lnTo>
                      <a:pt x="403" y="317"/>
                    </a:lnTo>
                    <a:lnTo>
                      <a:pt x="401" y="317"/>
                    </a:lnTo>
                    <a:lnTo>
                      <a:pt x="399" y="317"/>
                    </a:lnTo>
                    <a:lnTo>
                      <a:pt x="397" y="319"/>
                    </a:lnTo>
                    <a:lnTo>
                      <a:pt x="395" y="319"/>
                    </a:lnTo>
                    <a:lnTo>
                      <a:pt x="395" y="320"/>
                    </a:lnTo>
                    <a:lnTo>
                      <a:pt x="394" y="320"/>
                    </a:lnTo>
                    <a:lnTo>
                      <a:pt x="394" y="322"/>
                    </a:lnTo>
                    <a:lnTo>
                      <a:pt x="392" y="322"/>
                    </a:lnTo>
                    <a:lnTo>
                      <a:pt x="392" y="324"/>
                    </a:lnTo>
                    <a:lnTo>
                      <a:pt x="392" y="326"/>
                    </a:lnTo>
                    <a:lnTo>
                      <a:pt x="392" y="328"/>
                    </a:lnTo>
                    <a:lnTo>
                      <a:pt x="394" y="328"/>
                    </a:lnTo>
                    <a:lnTo>
                      <a:pt x="394" y="330"/>
                    </a:lnTo>
                    <a:lnTo>
                      <a:pt x="392" y="330"/>
                    </a:lnTo>
                    <a:lnTo>
                      <a:pt x="394" y="330"/>
                    </a:lnTo>
                    <a:lnTo>
                      <a:pt x="394" y="332"/>
                    </a:lnTo>
                    <a:lnTo>
                      <a:pt x="395" y="333"/>
                    </a:lnTo>
                    <a:lnTo>
                      <a:pt x="397" y="333"/>
                    </a:lnTo>
                    <a:lnTo>
                      <a:pt x="397" y="335"/>
                    </a:lnTo>
                    <a:lnTo>
                      <a:pt x="397" y="337"/>
                    </a:lnTo>
                    <a:lnTo>
                      <a:pt x="399" y="339"/>
                    </a:lnTo>
                    <a:lnTo>
                      <a:pt x="401" y="339"/>
                    </a:lnTo>
                    <a:lnTo>
                      <a:pt x="403" y="341"/>
                    </a:lnTo>
                    <a:lnTo>
                      <a:pt x="405" y="341"/>
                    </a:lnTo>
                    <a:lnTo>
                      <a:pt x="405" y="343"/>
                    </a:lnTo>
                    <a:lnTo>
                      <a:pt x="405" y="345"/>
                    </a:lnTo>
                    <a:lnTo>
                      <a:pt x="407" y="345"/>
                    </a:lnTo>
                    <a:lnTo>
                      <a:pt x="407" y="346"/>
                    </a:lnTo>
                    <a:lnTo>
                      <a:pt x="408" y="348"/>
                    </a:lnTo>
                    <a:lnTo>
                      <a:pt x="410" y="348"/>
                    </a:lnTo>
                    <a:lnTo>
                      <a:pt x="410" y="350"/>
                    </a:lnTo>
                    <a:lnTo>
                      <a:pt x="412" y="350"/>
                    </a:lnTo>
                    <a:lnTo>
                      <a:pt x="414" y="352"/>
                    </a:lnTo>
                    <a:lnTo>
                      <a:pt x="414" y="354"/>
                    </a:lnTo>
                    <a:lnTo>
                      <a:pt x="416" y="356"/>
                    </a:lnTo>
                    <a:lnTo>
                      <a:pt x="418" y="357"/>
                    </a:lnTo>
                    <a:lnTo>
                      <a:pt x="421" y="357"/>
                    </a:lnTo>
                    <a:lnTo>
                      <a:pt x="421" y="359"/>
                    </a:lnTo>
                    <a:lnTo>
                      <a:pt x="421" y="361"/>
                    </a:lnTo>
                    <a:lnTo>
                      <a:pt x="421" y="363"/>
                    </a:lnTo>
                    <a:lnTo>
                      <a:pt x="421" y="365"/>
                    </a:lnTo>
                    <a:lnTo>
                      <a:pt x="423" y="367"/>
                    </a:lnTo>
                    <a:lnTo>
                      <a:pt x="425" y="367"/>
                    </a:lnTo>
                    <a:lnTo>
                      <a:pt x="425" y="369"/>
                    </a:lnTo>
                    <a:lnTo>
                      <a:pt x="427" y="369"/>
                    </a:lnTo>
                    <a:lnTo>
                      <a:pt x="427" y="370"/>
                    </a:lnTo>
                    <a:lnTo>
                      <a:pt x="429" y="372"/>
                    </a:lnTo>
                    <a:lnTo>
                      <a:pt x="431" y="372"/>
                    </a:lnTo>
                    <a:lnTo>
                      <a:pt x="431" y="374"/>
                    </a:lnTo>
                    <a:lnTo>
                      <a:pt x="432" y="374"/>
                    </a:lnTo>
                    <a:lnTo>
                      <a:pt x="434" y="374"/>
                    </a:lnTo>
                    <a:lnTo>
                      <a:pt x="434" y="376"/>
                    </a:lnTo>
                    <a:lnTo>
                      <a:pt x="436" y="376"/>
                    </a:lnTo>
                    <a:lnTo>
                      <a:pt x="436" y="378"/>
                    </a:lnTo>
                    <a:lnTo>
                      <a:pt x="438" y="378"/>
                    </a:lnTo>
                    <a:lnTo>
                      <a:pt x="440" y="378"/>
                    </a:lnTo>
                    <a:lnTo>
                      <a:pt x="442" y="378"/>
                    </a:lnTo>
                    <a:lnTo>
                      <a:pt x="444" y="378"/>
                    </a:lnTo>
                    <a:lnTo>
                      <a:pt x="444" y="380"/>
                    </a:lnTo>
                    <a:lnTo>
                      <a:pt x="445" y="380"/>
                    </a:lnTo>
                    <a:lnTo>
                      <a:pt x="447" y="380"/>
                    </a:lnTo>
                    <a:lnTo>
                      <a:pt x="447" y="382"/>
                    </a:lnTo>
                    <a:lnTo>
                      <a:pt x="449" y="382"/>
                    </a:lnTo>
                    <a:lnTo>
                      <a:pt x="451" y="383"/>
                    </a:lnTo>
                    <a:lnTo>
                      <a:pt x="453" y="385"/>
                    </a:lnTo>
                    <a:lnTo>
                      <a:pt x="455" y="385"/>
                    </a:lnTo>
                    <a:lnTo>
                      <a:pt x="455" y="387"/>
                    </a:lnTo>
                    <a:lnTo>
                      <a:pt x="456" y="389"/>
                    </a:lnTo>
                    <a:lnTo>
                      <a:pt x="458" y="389"/>
                    </a:lnTo>
                    <a:lnTo>
                      <a:pt x="458" y="391"/>
                    </a:lnTo>
                    <a:lnTo>
                      <a:pt x="456" y="393"/>
                    </a:lnTo>
                    <a:lnTo>
                      <a:pt x="455" y="393"/>
                    </a:lnTo>
                    <a:lnTo>
                      <a:pt x="455" y="394"/>
                    </a:lnTo>
                    <a:lnTo>
                      <a:pt x="453" y="394"/>
                    </a:lnTo>
                    <a:lnTo>
                      <a:pt x="451" y="394"/>
                    </a:lnTo>
                    <a:lnTo>
                      <a:pt x="451" y="398"/>
                    </a:lnTo>
                    <a:lnTo>
                      <a:pt x="449" y="400"/>
                    </a:lnTo>
                    <a:lnTo>
                      <a:pt x="447" y="400"/>
                    </a:lnTo>
                    <a:lnTo>
                      <a:pt x="445" y="402"/>
                    </a:lnTo>
                    <a:lnTo>
                      <a:pt x="440" y="402"/>
                    </a:lnTo>
                    <a:lnTo>
                      <a:pt x="432" y="404"/>
                    </a:lnTo>
                    <a:lnTo>
                      <a:pt x="421" y="406"/>
                    </a:lnTo>
                    <a:lnTo>
                      <a:pt x="408" y="407"/>
                    </a:lnTo>
                    <a:lnTo>
                      <a:pt x="407" y="407"/>
                    </a:lnTo>
                    <a:lnTo>
                      <a:pt x="407" y="409"/>
                    </a:lnTo>
                    <a:lnTo>
                      <a:pt x="405" y="409"/>
                    </a:lnTo>
                    <a:lnTo>
                      <a:pt x="405" y="411"/>
                    </a:lnTo>
                    <a:lnTo>
                      <a:pt x="403" y="413"/>
                    </a:lnTo>
                    <a:lnTo>
                      <a:pt x="401" y="413"/>
                    </a:lnTo>
                    <a:lnTo>
                      <a:pt x="399" y="413"/>
                    </a:lnTo>
                    <a:lnTo>
                      <a:pt x="399" y="415"/>
                    </a:lnTo>
                    <a:lnTo>
                      <a:pt x="399" y="417"/>
                    </a:lnTo>
                    <a:lnTo>
                      <a:pt x="397" y="417"/>
                    </a:lnTo>
                    <a:lnTo>
                      <a:pt x="390" y="422"/>
                    </a:lnTo>
                    <a:lnTo>
                      <a:pt x="384" y="428"/>
                    </a:lnTo>
                    <a:lnTo>
                      <a:pt x="377" y="433"/>
                    </a:lnTo>
                    <a:lnTo>
                      <a:pt x="371" y="439"/>
                    </a:lnTo>
                    <a:lnTo>
                      <a:pt x="371" y="441"/>
                    </a:lnTo>
                    <a:lnTo>
                      <a:pt x="364" y="444"/>
                    </a:lnTo>
                    <a:lnTo>
                      <a:pt x="360" y="446"/>
                    </a:lnTo>
                    <a:lnTo>
                      <a:pt x="360" y="444"/>
                    </a:lnTo>
                    <a:lnTo>
                      <a:pt x="359" y="444"/>
                    </a:lnTo>
                    <a:lnTo>
                      <a:pt x="359" y="446"/>
                    </a:lnTo>
                    <a:lnTo>
                      <a:pt x="359" y="448"/>
                    </a:lnTo>
                    <a:lnTo>
                      <a:pt x="357" y="450"/>
                    </a:lnTo>
                    <a:lnTo>
                      <a:pt x="355" y="452"/>
                    </a:lnTo>
                    <a:lnTo>
                      <a:pt x="353" y="452"/>
                    </a:lnTo>
                    <a:lnTo>
                      <a:pt x="351" y="454"/>
                    </a:lnTo>
                    <a:lnTo>
                      <a:pt x="349" y="454"/>
                    </a:lnTo>
                    <a:lnTo>
                      <a:pt x="349" y="456"/>
                    </a:lnTo>
                    <a:lnTo>
                      <a:pt x="344" y="459"/>
                    </a:lnTo>
                    <a:lnTo>
                      <a:pt x="344" y="461"/>
                    </a:lnTo>
                    <a:lnTo>
                      <a:pt x="342" y="461"/>
                    </a:lnTo>
                    <a:lnTo>
                      <a:pt x="340" y="463"/>
                    </a:lnTo>
                    <a:lnTo>
                      <a:pt x="338" y="463"/>
                    </a:lnTo>
                    <a:lnTo>
                      <a:pt x="336" y="463"/>
                    </a:lnTo>
                    <a:lnTo>
                      <a:pt x="334" y="461"/>
                    </a:lnTo>
                    <a:lnTo>
                      <a:pt x="333" y="461"/>
                    </a:lnTo>
                    <a:lnTo>
                      <a:pt x="331" y="461"/>
                    </a:lnTo>
                    <a:lnTo>
                      <a:pt x="329" y="461"/>
                    </a:lnTo>
                    <a:lnTo>
                      <a:pt x="327" y="459"/>
                    </a:lnTo>
                    <a:lnTo>
                      <a:pt x="327" y="461"/>
                    </a:lnTo>
                    <a:lnTo>
                      <a:pt x="325" y="461"/>
                    </a:lnTo>
                    <a:lnTo>
                      <a:pt x="325" y="459"/>
                    </a:lnTo>
                    <a:lnTo>
                      <a:pt x="325" y="461"/>
                    </a:lnTo>
                    <a:lnTo>
                      <a:pt x="323" y="461"/>
                    </a:lnTo>
                    <a:lnTo>
                      <a:pt x="322" y="461"/>
                    </a:lnTo>
                    <a:lnTo>
                      <a:pt x="320" y="461"/>
                    </a:lnTo>
                    <a:lnTo>
                      <a:pt x="318" y="461"/>
                    </a:lnTo>
                    <a:lnTo>
                      <a:pt x="318" y="459"/>
                    </a:lnTo>
                    <a:lnTo>
                      <a:pt x="316" y="457"/>
                    </a:lnTo>
                    <a:lnTo>
                      <a:pt x="314" y="456"/>
                    </a:lnTo>
                    <a:lnTo>
                      <a:pt x="316" y="456"/>
                    </a:lnTo>
                    <a:lnTo>
                      <a:pt x="314" y="454"/>
                    </a:lnTo>
                    <a:lnTo>
                      <a:pt x="314" y="452"/>
                    </a:lnTo>
                    <a:lnTo>
                      <a:pt x="312" y="452"/>
                    </a:lnTo>
                    <a:lnTo>
                      <a:pt x="310" y="450"/>
                    </a:lnTo>
                    <a:lnTo>
                      <a:pt x="309" y="448"/>
                    </a:lnTo>
                    <a:lnTo>
                      <a:pt x="307" y="446"/>
                    </a:lnTo>
                    <a:lnTo>
                      <a:pt x="307" y="444"/>
                    </a:lnTo>
                    <a:lnTo>
                      <a:pt x="305" y="443"/>
                    </a:lnTo>
                    <a:lnTo>
                      <a:pt x="301" y="441"/>
                    </a:lnTo>
                    <a:lnTo>
                      <a:pt x="299" y="441"/>
                    </a:lnTo>
                    <a:lnTo>
                      <a:pt x="297" y="441"/>
                    </a:lnTo>
                    <a:lnTo>
                      <a:pt x="297" y="439"/>
                    </a:lnTo>
                    <a:lnTo>
                      <a:pt x="296" y="439"/>
                    </a:lnTo>
                    <a:lnTo>
                      <a:pt x="294" y="437"/>
                    </a:lnTo>
                    <a:lnTo>
                      <a:pt x="292" y="437"/>
                    </a:lnTo>
                    <a:lnTo>
                      <a:pt x="290" y="437"/>
                    </a:lnTo>
                    <a:lnTo>
                      <a:pt x="288" y="435"/>
                    </a:lnTo>
                    <a:lnTo>
                      <a:pt x="285" y="435"/>
                    </a:lnTo>
                    <a:lnTo>
                      <a:pt x="285" y="433"/>
                    </a:lnTo>
                    <a:lnTo>
                      <a:pt x="283" y="433"/>
                    </a:lnTo>
                    <a:lnTo>
                      <a:pt x="281" y="433"/>
                    </a:lnTo>
                    <a:lnTo>
                      <a:pt x="279" y="431"/>
                    </a:lnTo>
                    <a:lnTo>
                      <a:pt x="277" y="431"/>
                    </a:lnTo>
                    <a:lnTo>
                      <a:pt x="275" y="431"/>
                    </a:lnTo>
                    <a:lnTo>
                      <a:pt x="270" y="446"/>
                    </a:lnTo>
                    <a:lnTo>
                      <a:pt x="268" y="446"/>
                    </a:lnTo>
                    <a:lnTo>
                      <a:pt x="266" y="448"/>
                    </a:lnTo>
                    <a:lnTo>
                      <a:pt x="264" y="448"/>
                    </a:lnTo>
                    <a:lnTo>
                      <a:pt x="262" y="448"/>
                    </a:lnTo>
                    <a:lnTo>
                      <a:pt x="261" y="448"/>
                    </a:lnTo>
                    <a:lnTo>
                      <a:pt x="259" y="448"/>
                    </a:lnTo>
                    <a:lnTo>
                      <a:pt x="253" y="448"/>
                    </a:lnTo>
                    <a:lnTo>
                      <a:pt x="249" y="448"/>
                    </a:lnTo>
                    <a:lnTo>
                      <a:pt x="249" y="443"/>
                    </a:lnTo>
                    <a:lnTo>
                      <a:pt x="248" y="443"/>
                    </a:lnTo>
                    <a:lnTo>
                      <a:pt x="246" y="443"/>
                    </a:lnTo>
                    <a:lnTo>
                      <a:pt x="244" y="441"/>
                    </a:lnTo>
                    <a:lnTo>
                      <a:pt x="238" y="437"/>
                    </a:lnTo>
                    <a:lnTo>
                      <a:pt x="236" y="437"/>
                    </a:lnTo>
                    <a:lnTo>
                      <a:pt x="236" y="435"/>
                    </a:lnTo>
                    <a:lnTo>
                      <a:pt x="235" y="435"/>
                    </a:lnTo>
                    <a:lnTo>
                      <a:pt x="233" y="431"/>
                    </a:lnTo>
                    <a:lnTo>
                      <a:pt x="231" y="431"/>
                    </a:lnTo>
                    <a:lnTo>
                      <a:pt x="227" y="431"/>
                    </a:lnTo>
                    <a:lnTo>
                      <a:pt x="225" y="431"/>
                    </a:lnTo>
                    <a:lnTo>
                      <a:pt x="225" y="433"/>
                    </a:lnTo>
                    <a:lnTo>
                      <a:pt x="220" y="433"/>
                    </a:lnTo>
                    <a:lnTo>
                      <a:pt x="216" y="435"/>
                    </a:lnTo>
                    <a:lnTo>
                      <a:pt x="212" y="433"/>
                    </a:lnTo>
                    <a:lnTo>
                      <a:pt x="207" y="430"/>
                    </a:lnTo>
                    <a:lnTo>
                      <a:pt x="205" y="431"/>
                    </a:lnTo>
                    <a:lnTo>
                      <a:pt x="201" y="433"/>
                    </a:lnTo>
                    <a:lnTo>
                      <a:pt x="185" y="441"/>
                    </a:lnTo>
                    <a:lnTo>
                      <a:pt x="183" y="443"/>
                    </a:lnTo>
                    <a:lnTo>
                      <a:pt x="181" y="443"/>
                    </a:lnTo>
                    <a:lnTo>
                      <a:pt x="177" y="441"/>
                    </a:lnTo>
                    <a:lnTo>
                      <a:pt x="175" y="443"/>
                    </a:lnTo>
                    <a:lnTo>
                      <a:pt x="174" y="444"/>
                    </a:lnTo>
                    <a:lnTo>
                      <a:pt x="174" y="443"/>
                    </a:lnTo>
                    <a:lnTo>
                      <a:pt x="174" y="444"/>
                    </a:lnTo>
                    <a:lnTo>
                      <a:pt x="172" y="444"/>
                    </a:lnTo>
                    <a:lnTo>
                      <a:pt x="172" y="446"/>
                    </a:lnTo>
                    <a:lnTo>
                      <a:pt x="170" y="446"/>
                    </a:lnTo>
                    <a:lnTo>
                      <a:pt x="170" y="448"/>
                    </a:lnTo>
                    <a:lnTo>
                      <a:pt x="168" y="448"/>
                    </a:lnTo>
                    <a:lnTo>
                      <a:pt x="170" y="448"/>
                    </a:lnTo>
                    <a:lnTo>
                      <a:pt x="168" y="448"/>
                    </a:lnTo>
                    <a:lnTo>
                      <a:pt x="168" y="450"/>
                    </a:lnTo>
                    <a:lnTo>
                      <a:pt x="166" y="450"/>
                    </a:lnTo>
                    <a:lnTo>
                      <a:pt x="164" y="450"/>
                    </a:lnTo>
                    <a:lnTo>
                      <a:pt x="164" y="452"/>
                    </a:lnTo>
                    <a:lnTo>
                      <a:pt x="163" y="452"/>
                    </a:lnTo>
                    <a:lnTo>
                      <a:pt x="163" y="454"/>
                    </a:lnTo>
                    <a:lnTo>
                      <a:pt x="164" y="454"/>
                    </a:lnTo>
                    <a:lnTo>
                      <a:pt x="159" y="454"/>
                    </a:lnTo>
                    <a:lnTo>
                      <a:pt x="157" y="456"/>
                    </a:lnTo>
                    <a:lnTo>
                      <a:pt x="155" y="456"/>
                    </a:lnTo>
                    <a:lnTo>
                      <a:pt x="153" y="456"/>
                    </a:lnTo>
                    <a:lnTo>
                      <a:pt x="151" y="457"/>
                    </a:lnTo>
                    <a:lnTo>
                      <a:pt x="150" y="459"/>
                    </a:lnTo>
                    <a:lnTo>
                      <a:pt x="150" y="461"/>
                    </a:lnTo>
                    <a:lnTo>
                      <a:pt x="148" y="461"/>
                    </a:lnTo>
                    <a:lnTo>
                      <a:pt x="148" y="463"/>
                    </a:lnTo>
                    <a:lnTo>
                      <a:pt x="146" y="461"/>
                    </a:lnTo>
                    <a:lnTo>
                      <a:pt x="144" y="459"/>
                    </a:lnTo>
                    <a:lnTo>
                      <a:pt x="140" y="456"/>
                    </a:lnTo>
                    <a:lnTo>
                      <a:pt x="139" y="456"/>
                    </a:lnTo>
                    <a:lnTo>
                      <a:pt x="139" y="454"/>
                    </a:lnTo>
                    <a:lnTo>
                      <a:pt x="137" y="454"/>
                    </a:lnTo>
                    <a:lnTo>
                      <a:pt x="137" y="452"/>
                    </a:lnTo>
                    <a:lnTo>
                      <a:pt x="135" y="452"/>
                    </a:lnTo>
                    <a:lnTo>
                      <a:pt x="135" y="450"/>
                    </a:lnTo>
                    <a:lnTo>
                      <a:pt x="133" y="448"/>
                    </a:lnTo>
                    <a:lnTo>
                      <a:pt x="131" y="446"/>
                    </a:lnTo>
                    <a:lnTo>
                      <a:pt x="126" y="443"/>
                    </a:lnTo>
                    <a:lnTo>
                      <a:pt x="126" y="441"/>
                    </a:lnTo>
                    <a:lnTo>
                      <a:pt x="124" y="441"/>
                    </a:lnTo>
                    <a:lnTo>
                      <a:pt x="124" y="439"/>
                    </a:lnTo>
                    <a:lnTo>
                      <a:pt x="122" y="439"/>
                    </a:lnTo>
                    <a:lnTo>
                      <a:pt x="122" y="437"/>
                    </a:lnTo>
                    <a:lnTo>
                      <a:pt x="120" y="437"/>
                    </a:lnTo>
                    <a:lnTo>
                      <a:pt x="118" y="437"/>
                    </a:lnTo>
                    <a:lnTo>
                      <a:pt x="118" y="435"/>
                    </a:lnTo>
                    <a:lnTo>
                      <a:pt x="116" y="435"/>
                    </a:lnTo>
                    <a:lnTo>
                      <a:pt x="116" y="433"/>
                    </a:lnTo>
                    <a:lnTo>
                      <a:pt x="113" y="431"/>
                    </a:lnTo>
                    <a:lnTo>
                      <a:pt x="111" y="431"/>
                    </a:lnTo>
                    <a:lnTo>
                      <a:pt x="111" y="430"/>
                    </a:lnTo>
                    <a:lnTo>
                      <a:pt x="109" y="430"/>
                    </a:lnTo>
                    <a:lnTo>
                      <a:pt x="107" y="430"/>
                    </a:lnTo>
                    <a:lnTo>
                      <a:pt x="105" y="430"/>
                    </a:lnTo>
                    <a:lnTo>
                      <a:pt x="105" y="428"/>
                    </a:lnTo>
                    <a:lnTo>
                      <a:pt x="103" y="428"/>
                    </a:lnTo>
                    <a:lnTo>
                      <a:pt x="102" y="426"/>
                    </a:lnTo>
                    <a:lnTo>
                      <a:pt x="100" y="424"/>
                    </a:lnTo>
                    <a:lnTo>
                      <a:pt x="98" y="424"/>
                    </a:lnTo>
                    <a:lnTo>
                      <a:pt x="96" y="424"/>
                    </a:lnTo>
                    <a:lnTo>
                      <a:pt x="94" y="424"/>
                    </a:lnTo>
                    <a:lnTo>
                      <a:pt x="90" y="426"/>
                    </a:lnTo>
                    <a:lnTo>
                      <a:pt x="89" y="426"/>
                    </a:lnTo>
                    <a:lnTo>
                      <a:pt x="85" y="424"/>
                    </a:lnTo>
                    <a:lnTo>
                      <a:pt x="85" y="422"/>
                    </a:lnTo>
                    <a:lnTo>
                      <a:pt x="83" y="420"/>
                    </a:lnTo>
                    <a:lnTo>
                      <a:pt x="83" y="419"/>
                    </a:lnTo>
                    <a:lnTo>
                      <a:pt x="83" y="417"/>
                    </a:lnTo>
                    <a:lnTo>
                      <a:pt x="81" y="415"/>
                    </a:lnTo>
                    <a:lnTo>
                      <a:pt x="78" y="415"/>
                    </a:lnTo>
                    <a:lnTo>
                      <a:pt x="76" y="413"/>
                    </a:lnTo>
                    <a:lnTo>
                      <a:pt x="76" y="411"/>
                    </a:lnTo>
                    <a:lnTo>
                      <a:pt x="74" y="409"/>
                    </a:lnTo>
                    <a:lnTo>
                      <a:pt x="74" y="407"/>
                    </a:lnTo>
                    <a:lnTo>
                      <a:pt x="72" y="407"/>
                    </a:lnTo>
                    <a:lnTo>
                      <a:pt x="72" y="406"/>
                    </a:lnTo>
                    <a:lnTo>
                      <a:pt x="70" y="404"/>
                    </a:lnTo>
                    <a:lnTo>
                      <a:pt x="68" y="404"/>
                    </a:lnTo>
                    <a:lnTo>
                      <a:pt x="68" y="402"/>
                    </a:lnTo>
                    <a:lnTo>
                      <a:pt x="68" y="400"/>
                    </a:lnTo>
                    <a:lnTo>
                      <a:pt x="68" y="398"/>
                    </a:lnTo>
                    <a:lnTo>
                      <a:pt x="66" y="398"/>
                    </a:lnTo>
                    <a:lnTo>
                      <a:pt x="66" y="396"/>
                    </a:lnTo>
                    <a:lnTo>
                      <a:pt x="68" y="396"/>
                    </a:lnTo>
                    <a:lnTo>
                      <a:pt x="66" y="396"/>
                    </a:lnTo>
                    <a:lnTo>
                      <a:pt x="63" y="396"/>
                    </a:lnTo>
                    <a:lnTo>
                      <a:pt x="61" y="398"/>
                    </a:lnTo>
                    <a:lnTo>
                      <a:pt x="59" y="398"/>
                    </a:lnTo>
                    <a:lnTo>
                      <a:pt x="57" y="398"/>
                    </a:lnTo>
                    <a:lnTo>
                      <a:pt x="53" y="398"/>
                    </a:lnTo>
                    <a:lnTo>
                      <a:pt x="50" y="400"/>
                    </a:lnTo>
                    <a:lnTo>
                      <a:pt x="48" y="400"/>
                    </a:lnTo>
                    <a:lnTo>
                      <a:pt x="46" y="398"/>
                    </a:lnTo>
                    <a:lnTo>
                      <a:pt x="42" y="396"/>
                    </a:lnTo>
                    <a:lnTo>
                      <a:pt x="41" y="396"/>
                    </a:lnTo>
                    <a:lnTo>
                      <a:pt x="39" y="394"/>
                    </a:lnTo>
                    <a:lnTo>
                      <a:pt x="37" y="394"/>
                    </a:lnTo>
                    <a:lnTo>
                      <a:pt x="35" y="396"/>
                    </a:lnTo>
                    <a:lnTo>
                      <a:pt x="31" y="398"/>
                    </a:lnTo>
                    <a:lnTo>
                      <a:pt x="29" y="396"/>
                    </a:lnTo>
                    <a:lnTo>
                      <a:pt x="26" y="398"/>
                    </a:lnTo>
                    <a:lnTo>
                      <a:pt x="22" y="396"/>
                    </a:lnTo>
                    <a:lnTo>
                      <a:pt x="18" y="394"/>
                    </a:lnTo>
                    <a:lnTo>
                      <a:pt x="11" y="394"/>
                    </a:lnTo>
                    <a:lnTo>
                      <a:pt x="7" y="398"/>
                    </a:lnTo>
                    <a:lnTo>
                      <a:pt x="11" y="394"/>
                    </a:lnTo>
                    <a:lnTo>
                      <a:pt x="13" y="393"/>
                    </a:lnTo>
                    <a:lnTo>
                      <a:pt x="13" y="391"/>
                    </a:lnTo>
                    <a:lnTo>
                      <a:pt x="15" y="391"/>
                    </a:lnTo>
                    <a:lnTo>
                      <a:pt x="15" y="389"/>
                    </a:lnTo>
                    <a:lnTo>
                      <a:pt x="17" y="389"/>
                    </a:lnTo>
                    <a:lnTo>
                      <a:pt x="17" y="387"/>
                    </a:lnTo>
                    <a:lnTo>
                      <a:pt x="18" y="387"/>
                    </a:lnTo>
                    <a:lnTo>
                      <a:pt x="18" y="385"/>
                    </a:lnTo>
                    <a:lnTo>
                      <a:pt x="20" y="385"/>
                    </a:lnTo>
                    <a:lnTo>
                      <a:pt x="20" y="383"/>
                    </a:lnTo>
                    <a:lnTo>
                      <a:pt x="20" y="382"/>
                    </a:lnTo>
                    <a:lnTo>
                      <a:pt x="20" y="380"/>
                    </a:lnTo>
                    <a:lnTo>
                      <a:pt x="20" y="378"/>
                    </a:lnTo>
                    <a:lnTo>
                      <a:pt x="18" y="378"/>
                    </a:lnTo>
                    <a:lnTo>
                      <a:pt x="18" y="376"/>
                    </a:lnTo>
                    <a:lnTo>
                      <a:pt x="18" y="374"/>
                    </a:lnTo>
                    <a:lnTo>
                      <a:pt x="18" y="372"/>
                    </a:lnTo>
                    <a:lnTo>
                      <a:pt x="22" y="369"/>
                    </a:lnTo>
                    <a:lnTo>
                      <a:pt x="24" y="370"/>
                    </a:lnTo>
                    <a:lnTo>
                      <a:pt x="24" y="369"/>
                    </a:lnTo>
                    <a:lnTo>
                      <a:pt x="26" y="369"/>
                    </a:lnTo>
                    <a:lnTo>
                      <a:pt x="26" y="365"/>
                    </a:lnTo>
                    <a:lnTo>
                      <a:pt x="28" y="365"/>
                    </a:lnTo>
                    <a:lnTo>
                      <a:pt x="31" y="365"/>
                    </a:lnTo>
                    <a:lnTo>
                      <a:pt x="31" y="363"/>
                    </a:lnTo>
                    <a:lnTo>
                      <a:pt x="31" y="361"/>
                    </a:lnTo>
                    <a:lnTo>
                      <a:pt x="31" y="359"/>
                    </a:lnTo>
                    <a:lnTo>
                      <a:pt x="31" y="357"/>
                    </a:lnTo>
                    <a:lnTo>
                      <a:pt x="31" y="356"/>
                    </a:lnTo>
                    <a:lnTo>
                      <a:pt x="31" y="354"/>
                    </a:lnTo>
                    <a:lnTo>
                      <a:pt x="29" y="352"/>
                    </a:lnTo>
                    <a:lnTo>
                      <a:pt x="29" y="350"/>
                    </a:lnTo>
                    <a:lnTo>
                      <a:pt x="28" y="348"/>
                    </a:lnTo>
                    <a:lnTo>
                      <a:pt x="28" y="346"/>
                    </a:lnTo>
                    <a:lnTo>
                      <a:pt x="26" y="346"/>
                    </a:lnTo>
                    <a:lnTo>
                      <a:pt x="26" y="345"/>
                    </a:lnTo>
                    <a:lnTo>
                      <a:pt x="26" y="343"/>
                    </a:lnTo>
                    <a:lnTo>
                      <a:pt x="24" y="341"/>
                    </a:lnTo>
                    <a:lnTo>
                      <a:pt x="24" y="339"/>
                    </a:lnTo>
                    <a:lnTo>
                      <a:pt x="22" y="337"/>
                    </a:lnTo>
                    <a:lnTo>
                      <a:pt x="22" y="335"/>
                    </a:lnTo>
                    <a:lnTo>
                      <a:pt x="20" y="335"/>
                    </a:lnTo>
                    <a:lnTo>
                      <a:pt x="20" y="333"/>
                    </a:lnTo>
                    <a:lnTo>
                      <a:pt x="20" y="332"/>
                    </a:lnTo>
                    <a:lnTo>
                      <a:pt x="18" y="332"/>
                    </a:lnTo>
                    <a:lnTo>
                      <a:pt x="18" y="330"/>
                    </a:lnTo>
                    <a:lnTo>
                      <a:pt x="17" y="328"/>
                    </a:lnTo>
                    <a:lnTo>
                      <a:pt x="17" y="326"/>
                    </a:lnTo>
                    <a:lnTo>
                      <a:pt x="15" y="326"/>
                    </a:lnTo>
                    <a:lnTo>
                      <a:pt x="15" y="324"/>
                    </a:lnTo>
                    <a:lnTo>
                      <a:pt x="15" y="322"/>
                    </a:lnTo>
                    <a:lnTo>
                      <a:pt x="13" y="320"/>
                    </a:lnTo>
                    <a:lnTo>
                      <a:pt x="13" y="319"/>
                    </a:lnTo>
                    <a:lnTo>
                      <a:pt x="11" y="319"/>
                    </a:lnTo>
                    <a:lnTo>
                      <a:pt x="7" y="313"/>
                    </a:lnTo>
                    <a:lnTo>
                      <a:pt x="5" y="311"/>
                    </a:lnTo>
                    <a:lnTo>
                      <a:pt x="7" y="309"/>
                    </a:lnTo>
                    <a:lnTo>
                      <a:pt x="7" y="308"/>
                    </a:lnTo>
                    <a:lnTo>
                      <a:pt x="7" y="306"/>
                    </a:lnTo>
                    <a:lnTo>
                      <a:pt x="5" y="306"/>
                    </a:lnTo>
                    <a:lnTo>
                      <a:pt x="4" y="304"/>
                    </a:lnTo>
                    <a:lnTo>
                      <a:pt x="4" y="302"/>
                    </a:lnTo>
                    <a:lnTo>
                      <a:pt x="4" y="300"/>
                    </a:lnTo>
                    <a:lnTo>
                      <a:pt x="2" y="300"/>
                    </a:lnTo>
                    <a:lnTo>
                      <a:pt x="2" y="298"/>
                    </a:lnTo>
                    <a:lnTo>
                      <a:pt x="0" y="298"/>
                    </a:lnTo>
                    <a:lnTo>
                      <a:pt x="0" y="296"/>
                    </a:lnTo>
                    <a:lnTo>
                      <a:pt x="2" y="291"/>
                    </a:lnTo>
                    <a:lnTo>
                      <a:pt x="2" y="289"/>
                    </a:lnTo>
                    <a:lnTo>
                      <a:pt x="4" y="287"/>
                    </a:lnTo>
                    <a:lnTo>
                      <a:pt x="4" y="285"/>
                    </a:lnTo>
                    <a:lnTo>
                      <a:pt x="4" y="283"/>
                    </a:lnTo>
                    <a:lnTo>
                      <a:pt x="4" y="282"/>
                    </a:lnTo>
                    <a:lnTo>
                      <a:pt x="5" y="282"/>
                    </a:lnTo>
                    <a:lnTo>
                      <a:pt x="7" y="280"/>
                    </a:lnTo>
                    <a:lnTo>
                      <a:pt x="9" y="280"/>
                    </a:lnTo>
                    <a:lnTo>
                      <a:pt x="11" y="280"/>
                    </a:lnTo>
                    <a:lnTo>
                      <a:pt x="11" y="278"/>
                    </a:lnTo>
                    <a:lnTo>
                      <a:pt x="13" y="276"/>
                    </a:lnTo>
                    <a:lnTo>
                      <a:pt x="13" y="274"/>
                    </a:lnTo>
                    <a:lnTo>
                      <a:pt x="15" y="274"/>
                    </a:lnTo>
                    <a:lnTo>
                      <a:pt x="15" y="272"/>
                    </a:lnTo>
                    <a:lnTo>
                      <a:pt x="17" y="272"/>
                    </a:lnTo>
                    <a:lnTo>
                      <a:pt x="18" y="272"/>
                    </a:lnTo>
                    <a:lnTo>
                      <a:pt x="18" y="271"/>
                    </a:lnTo>
                    <a:lnTo>
                      <a:pt x="18" y="269"/>
                    </a:lnTo>
                    <a:lnTo>
                      <a:pt x="20" y="267"/>
                    </a:lnTo>
                    <a:lnTo>
                      <a:pt x="20" y="265"/>
                    </a:lnTo>
                    <a:lnTo>
                      <a:pt x="22" y="265"/>
                    </a:lnTo>
                    <a:lnTo>
                      <a:pt x="22" y="263"/>
                    </a:lnTo>
                    <a:lnTo>
                      <a:pt x="22" y="261"/>
                    </a:lnTo>
                    <a:lnTo>
                      <a:pt x="22" y="259"/>
                    </a:lnTo>
                    <a:lnTo>
                      <a:pt x="22" y="258"/>
                    </a:lnTo>
                    <a:lnTo>
                      <a:pt x="20" y="258"/>
                    </a:lnTo>
                    <a:lnTo>
                      <a:pt x="22" y="256"/>
                    </a:lnTo>
                    <a:lnTo>
                      <a:pt x="22" y="254"/>
                    </a:lnTo>
                    <a:lnTo>
                      <a:pt x="20" y="254"/>
                    </a:lnTo>
                    <a:lnTo>
                      <a:pt x="22" y="254"/>
                    </a:lnTo>
                    <a:lnTo>
                      <a:pt x="24" y="252"/>
                    </a:lnTo>
                    <a:lnTo>
                      <a:pt x="26" y="252"/>
                    </a:lnTo>
                    <a:lnTo>
                      <a:pt x="28" y="254"/>
                    </a:lnTo>
                    <a:lnTo>
                      <a:pt x="28" y="252"/>
                    </a:lnTo>
                    <a:lnTo>
                      <a:pt x="29" y="252"/>
                    </a:lnTo>
                    <a:lnTo>
                      <a:pt x="31" y="252"/>
                    </a:lnTo>
                    <a:lnTo>
                      <a:pt x="31" y="250"/>
                    </a:lnTo>
                    <a:lnTo>
                      <a:pt x="33" y="247"/>
                    </a:lnTo>
                    <a:lnTo>
                      <a:pt x="33" y="245"/>
                    </a:lnTo>
                    <a:lnTo>
                      <a:pt x="35" y="245"/>
                    </a:lnTo>
                    <a:lnTo>
                      <a:pt x="33" y="243"/>
                    </a:lnTo>
                    <a:lnTo>
                      <a:pt x="33" y="241"/>
                    </a:lnTo>
                    <a:lnTo>
                      <a:pt x="33" y="239"/>
                    </a:lnTo>
                    <a:lnTo>
                      <a:pt x="33" y="237"/>
                    </a:lnTo>
                    <a:lnTo>
                      <a:pt x="31" y="235"/>
                    </a:lnTo>
                    <a:lnTo>
                      <a:pt x="33" y="235"/>
                    </a:lnTo>
                    <a:lnTo>
                      <a:pt x="33" y="234"/>
                    </a:lnTo>
                    <a:lnTo>
                      <a:pt x="35" y="234"/>
                    </a:lnTo>
                    <a:lnTo>
                      <a:pt x="37" y="232"/>
                    </a:lnTo>
                    <a:lnTo>
                      <a:pt x="39" y="230"/>
                    </a:lnTo>
                    <a:lnTo>
                      <a:pt x="39" y="228"/>
                    </a:lnTo>
                    <a:lnTo>
                      <a:pt x="37" y="226"/>
                    </a:lnTo>
                    <a:lnTo>
                      <a:pt x="39" y="224"/>
                    </a:lnTo>
                    <a:lnTo>
                      <a:pt x="39" y="222"/>
                    </a:lnTo>
                    <a:lnTo>
                      <a:pt x="41" y="221"/>
                    </a:lnTo>
                    <a:lnTo>
                      <a:pt x="39" y="219"/>
                    </a:lnTo>
                    <a:lnTo>
                      <a:pt x="39" y="217"/>
                    </a:lnTo>
                    <a:lnTo>
                      <a:pt x="39" y="215"/>
                    </a:lnTo>
                    <a:lnTo>
                      <a:pt x="39" y="213"/>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grpSp>
          <p:nvGrpSpPr>
            <p:cNvPr id="38" name="Gruppieren 37"/>
            <p:cNvGrpSpPr/>
            <p:nvPr/>
          </p:nvGrpSpPr>
          <p:grpSpPr>
            <a:xfrm>
              <a:off x="5730334" y="2099902"/>
              <a:ext cx="1209264" cy="672393"/>
              <a:chOff x="7043737" y="579437"/>
              <a:chExt cx="1841500" cy="1023938"/>
            </a:xfrm>
          </p:grpSpPr>
          <p:sp>
            <p:nvSpPr>
              <p:cNvPr id="39" name="Freeform 182"/>
              <p:cNvSpPr>
                <a:spLocks/>
              </p:cNvSpPr>
              <p:nvPr/>
            </p:nvSpPr>
            <p:spPr bwMode="auto">
              <a:xfrm>
                <a:off x="8763000" y="1171575"/>
                <a:ext cx="63500" cy="55563"/>
              </a:xfrm>
              <a:custGeom>
                <a:avLst/>
                <a:gdLst>
                  <a:gd name="T0" fmla="*/ 2 w 40"/>
                  <a:gd name="T1" fmla="*/ 0 h 35"/>
                  <a:gd name="T2" fmla="*/ 3 w 40"/>
                  <a:gd name="T3" fmla="*/ 2 h 35"/>
                  <a:gd name="T4" fmla="*/ 5 w 40"/>
                  <a:gd name="T5" fmla="*/ 2 h 35"/>
                  <a:gd name="T6" fmla="*/ 7 w 40"/>
                  <a:gd name="T7" fmla="*/ 4 h 35"/>
                  <a:gd name="T8" fmla="*/ 7 w 40"/>
                  <a:gd name="T9" fmla="*/ 4 h 35"/>
                  <a:gd name="T10" fmla="*/ 7 w 40"/>
                  <a:gd name="T11" fmla="*/ 4 h 35"/>
                  <a:gd name="T12" fmla="*/ 7 w 40"/>
                  <a:gd name="T13" fmla="*/ 4 h 35"/>
                  <a:gd name="T14" fmla="*/ 7 w 40"/>
                  <a:gd name="T15" fmla="*/ 4 h 35"/>
                  <a:gd name="T16" fmla="*/ 7 w 40"/>
                  <a:gd name="T17" fmla="*/ 6 h 35"/>
                  <a:gd name="T18" fmla="*/ 7 w 40"/>
                  <a:gd name="T19" fmla="*/ 4 h 35"/>
                  <a:gd name="T20" fmla="*/ 9 w 40"/>
                  <a:gd name="T21" fmla="*/ 4 h 35"/>
                  <a:gd name="T22" fmla="*/ 9 w 40"/>
                  <a:gd name="T23" fmla="*/ 6 h 35"/>
                  <a:gd name="T24" fmla="*/ 11 w 40"/>
                  <a:gd name="T25" fmla="*/ 6 h 35"/>
                  <a:gd name="T26" fmla="*/ 13 w 40"/>
                  <a:gd name="T27" fmla="*/ 8 h 35"/>
                  <a:gd name="T28" fmla="*/ 13 w 40"/>
                  <a:gd name="T29" fmla="*/ 8 h 35"/>
                  <a:gd name="T30" fmla="*/ 15 w 40"/>
                  <a:gd name="T31" fmla="*/ 8 h 35"/>
                  <a:gd name="T32" fmla="*/ 16 w 40"/>
                  <a:gd name="T33" fmla="*/ 9 h 35"/>
                  <a:gd name="T34" fmla="*/ 18 w 40"/>
                  <a:gd name="T35" fmla="*/ 9 h 35"/>
                  <a:gd name="T36" fmla="*/ 18 w 40"/>
                  <a:gd name="T37" fmla="*/ 9 h 35"/>
                  <a:gd name="T38" fmla="*/ 20 w 40"/>
                  <a:gd name="T39" fmla="*/ 9 h 35"/>
                  <a:gd name="T40" fmla="*/ 22 w 40"/>
                  <a:gd name="T41" fmla="*/ 9 h 35"/>
                  <a:gd name="T42" fmla="*/ 22 w 40"/>
                  <a:gd name="T43" fmla="*/ 9 h 35"/>
                  <a:gd name="T44" fmla="*/ 22 w 40"/>
                  <a:gd name="T45" fmla="*/ 11 h 35"/>
                  <a:gd name="T46" fmla="*/ 22 w 40"/>
                  <a:gd name="T47" fmla="*/ 9 h 35"/>
                  <a:gd name="T48" fmla="*/ 24 w 40"/>
                  <a:gd name="T49" fmla="*/ 9 h 35"/>
                  <a:gd name="T50" fmla="*/ 24 w 40"/>
                  <a:gd name="T51" fmla="*/ 9 h 35"/>
                  <a:gd name="T52" fmla="*/ 26 w 40"/>
                  <a:gd name="T53" fmla="*/ 11 h 35"/>
                  <a:gd name="T54" fmla="*/ 26 w 40"/>
                  <a:gd name="T55" fmla="*/ 11 h 35"/>
                  <a:gd name="T56" fmla="*/ 27 w 40"/>
                  <a:gd name="T57" fmla="*/ 13 h 35"/>
                  <a:gd name="T58" fmla="*/ 27 w 40"/>
                  <a:gd name="T59" fmla="*/ 13 h 35"/>
                  <a:gd name="T60" fmla="*/ 29 w 40"/>
                  <a:gd name="T61" fmla="*/ 13 h 35"/>
                  <a:gd name="T62" fmla="*/ 29 w 40"/>
                  <a:gd name="T63" fmla="*/ 15 h 35"/>
                  <a:gd name="T64" fmla="*/ 29 w 40"/>
                  <a:gd name="T65" fmla="*/ 15 h 35"/>
                  <a:gd name="T66" fmla="*/ 29 w 40"/>
                  <a:gd name="T67" fmla="*/ 15 h 35"/>
                  <a:gd name="T68" fmla="*/ 29 w 40"/>
                  <a:gd name="T69" fmla="*/ 15 h 35"/>
                  <a:gd name="T70" fmla="*/ 31 w 40"/>
                  <a:gd name="T71" fmla="*/ 19 h 35"/>
                  <a:gd name="T72" fmla="*/ 33 w 40"/>
                  <a:gd name="T73" fmla="*/ 19 h 35"/>
                  <a:gd name="T74" fmla="*/ 33 w 40"/>
                  <a:gd name="T75" fmla="*/ 21 h 35"/>
                  <a:gd name="T76" fmla="*/ 35 w 40"/>
                  <a:gd name="T77" fmla="*/ 21 h 35"/>
                  <a:gd name="T78" fmla="*/ 39 w 40"/>
                  <a:gd name="T79" fmla="*/ 22 h 35"/>
                  <a:gd name="T80" fmla="*/ 40 w 40"/>
                  <a:gd name="T81" fmla="*/ 22 h 35"/>
                  <a:gd name="T82" fmla="*/ 39 w 40"/>
                  <a:gd name="T83" fmla="*/ 24 h 35"/>
                  <a:gd name="T84" fmla="*/ 26 w 40"/>
                  <a:gd name="T85" fmla="*/ 33 h 35"/>
                  <a:gd name="T86" fmla="*/ 22 w 40"/>
                  <a:gd name="T87" fmla="*/ 33 h 35"/>
                  <a:gd name="T88" fmla="*/ 22 w 40"/>
                  <a:gd name="T89" fmla="*/ 32 h 35"/>
                  <a:gd name="T90" fmla="*/ 22 w 40"/>
                  <a:gd name="T91" fmla="*/ 32 h 35"/>
                  <a:gd name="T92" fmla="*/ 22 w 40"/>
                  <a:gd name="T93" fmla="*/ 32 h 35"/>
                  <a:gd name="T94" fmla="*/ 22 w 40"/>
                  <a:gd name="T95" fmla="*/ 30 h 35"/>
                  <a:gd name="T96" fmla="*/ 24 w 40"/>
                  <a:gd name="T97" fmla="*/ 30 h 35"/>
                  <a:gd name="T98" fmla="*/ 24 w 40"/>
                  <a:gd name="T99" fmla="*/ 28 h 35"/>
                  <a:gd name="T100" fmla="*/ 24 w 40"/>
                  <a:gd name="T101" fmla="*/ 28 h 35"/>
                  <a:gd name="T102" fmla="*/ 20 w 40"/>
                  <a:gd name="T103" fmla="*/ 26 h 35"/>
                  <a:gd name="T104" fmla="*/ 7 w 40"/>
                  <a:gd name="T105" fmla="*/ 24 h 35"/>
                  <a:gd name="T106" fmla="*/ 7 w 40"/>
                  <a:gd name="T107" fmla="*/ 22 h 35"/>
                  <a:gd name="T108" fmla="*/ 3 w 40"/>
                  <a:gd name="T109" fmla="*/ 21 h 35"/>
                  <a:gd name="T110" fmla="*/ 2 w 40"/>
                  <a:gd name="T111" fmla="*/ 17 h 35"/>
                  <a:gd name="T112" fmla="*/ 2 w 40"/>
                  <a:gd name="T113" fmla="*/ 9 h 35"/>
                  <a:gd name="T114" fmla="*/ 2 w 40"/>
                  <a:gd name="T115" fmla="*/ 4 h 35"/>
                  <a:gd name="T116" fmla="*/ 0 w 40"/>
                  <a:gd name="T117" fmla="*/ 2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0" h="35">
                    <a:moveTo>
                      <a:pt x="2" y="0"/>
                    </a:moveTo>
                    <a:lnTo>
                      <a:pt x="2" y="0"/>
                    </a:lnTo>
                    <a:lnTo>
                      <a:pt x="2" y="0"/>
                    </a:lnTo>
                    <a:lnTo>
                      <a:pt x="2" y="0"/>
                    </a:lnTo>
                    <a:lnTo>
                      <a:pt x="2" y="0"/>
                    </a:lnTo>
                    <a:lnTo>
                      <a:pt x="2" y="0"/>
                    </a:lnTo>
                    <a:lnTo>
                      <a:pt x="2" y="2"/>
                    </a:lnTo>
                    <a:lnTo>
                      <a:pt x="2" y="2"/>
                    </a:lnTo>
                    <a:lnTo>
                      <a:pt x="2" y="2"/>
                    </a:lnTo>
                    <a:lnTo>
                      <a:pt x="2" y="2"/>
                    </a:lnTo>
                    <a:lnTo>
                      <a:pt x="3" y="2"/>
                    </a:lnTo>
                    <a:lnTo>
                      <a:pt x="3" y="2"/>
                    </a:lnTo>
                    <a:lnTo>
                      <a:pt x="3" y="2"/>
                    </a:lnTo>
                    <a:lnTo>
                      <a:pt x="3" y="2"/>
                    </a:lnTo>
                    <a:lnTo>
                      <a:pt x="3" y="2"/>
                    </a:lnTo>
                    <a:lnTo>
                      <a:pt x="5" y="2"/>
                    </a:lnTo>
                    <a:lnTo>
                      <a:pt x="5" y="2"/>
                    </a:lnTo>
                    <a:lnTo>
                      <a:pt x="5" y="2"/>
                    </a:lnTo>
                    <a:lnTo>
                      <a:pt x="5" y="2"/>
                    </a:lnTo>
                    <a:lnTo>
                      <a:pt x="7" y="2"/>
                    </a:lnTo>
                    <a:lnTo>
                      <a:pt x="7" y="2"/>
                    </a:lnTo>
                    <a:lnTo>
                      <a:pt x="7" y="4"/>
                    </a:lnTo>
                    <a:lnTo>
                      <a:pt x="7" y="4"/>
                    </a:lnTo>
                    <a:lnTo>
                      <a:pt x="7" y="4"/>
                    </a:lnTo>
                    <a:lnTo>
                      <a:pt x="7" y="2"/>
                    </a:lnTo>
                    <a:lnTo>
                      <a:pt x="7" y="2"/>
                    </a:lnTo>
                    <a:lnTo>
                      <a:pt x="7" y="4"/>
                    </a:lnTo>
                    <a:lnTo>
                      <a:pt x="7" y="4"/>
                    </a:lnTo>
                    <a:lnTo>
                      <a:pt x="7" y="4"/>
                    </a:lnTo>
                    <a:lnTo>
                      <a:pt x="7" y="4"/>
                    </a:lnTo>
                    <a:lnTo>
                      <a:pt x="7" y="4"/>
                    </a:lnTo>
                    <a:lnTo>
                      <a:pt x="7" y="4"/>
                    </a:lnTo>
                    <a:lnTo>
                      <a:pt x="7" y="4"/>
                    </a:lnTo>
                    <a:lnTo>
                      <a:pt x="7" y="4"/>
                    </a:lnTo>
                    <a:lnTo>
                      <a:pt x="7" y="4"/>
                    </a:lnTo>
                    <a:lnTo>
                      <a:pt x="7" y="4"/>
                    </a:lnTo>
                    <a:lnTo>
                      <a:pt x="7" y="4"/>
                    </a:lnTo>
                    <a:lnTo>
                      <a:pt x="7" y="4"/>
                    </a:lnTo>
                    <a:lnTo>
                      <a:pt x="7" y="4"/>
                    </a:lnTo>
                    <a:lnTo>
                      <a:pt x="7" y="4"/>
                    </a:lnTo>
                    <a:lnTo>
                      <a:pt x="7" y="4"/>
                    </a:lnTo>
                    <a:lnTo>
                      <a:pt x="7" y="4"/>
                    </a:lnTo>
                    <a:lnTo>
                      <a:pt x="7" y="4"/>
                    </a:lnTo>
                    <a:lnTo>
                      <a:pt x="7" y="4"/>
                    </a:lnTo>
                    <a:lnTo>
                      <a:pt x="7" y="4"/>
                    </a:lnTo>
                    <a:lnTo>
                      <a:pt x="7" y="4"/>
                    </a:lnTo>
                    <a:lnTo>
                      <a:pt x="7" y="4"/>
                    </a:lnTo>
                    <a:lnTo>
                      <a:pt x="7" y="4"/>
                    </a:lnTo>
                    <a:lnTo>
                      <a:pt x="7" y="6"/>
                    </a:lnTo>
                    <a:lnTo>
                      <a:pt x="7" y="6"/>
                    </a:lnTo>
                    <a:lnTo>
                      <a:pt x="7" y="6"/>
                    </a:lnTo>
                    <a:lnTo>
                      <a:pt x="7" y="6"/>
                    </a:lnTo>
                    <a:lnTo>
                      <a:pt x="7" y="6"/>
                    </a:lnTo>
                    <a:lnTo>
                      <a:pt x="7" y="6"/>
                    </a:lnTo>
                    <a:lnTo>
                      <a:pt x="7" y="6"/>
                    </a:lnTo>
                    <a:lnTo>
                      <a:pt x="7" y="6"/>
                    </a:lnTo>
                    <a:lnTo>
                      <a:pt x="7" y="6"/>
                    </a:lnTo>
                    <a:lnTo>
                      <a:pt x="7" y="4"/>
                    </a:lnTo>
                    <a:lnTo>
                      <a:pt x="7" y="4"/>
                    </a:lnTo>
                    <a:lnTo>
                      <a:pt x="7" y="4"/>
                    </a:lnTo>
                    <a:lnTo>
                      <a:pt x="7" y="4"/>
                    </a:lnTo>
                    <a:lnTo>
                      <a:pt x="9" y="4"/>
                    </a:lnTo>
                    <a:lnTo>
                      <a:pt x="9" y="4"/>
                    </a:lnTo>
                    <a:lnTo>
                      <a:pt x="9" y="4"/>
                    </a:lnTo>
                    <a:lnTo>
                      <a:pt x="9" y="4"/>
                    </a:lnTo>
                    <a:lnTo>
                      <a:pt x="9" y="4"/>
                    </a:lnTo>
                    <a:lnTo>
                      <a:pt x="9" y="4"/>
                    </a:lnTo>
                    <a:lnTo>
                      <a:pt x="9" y="4"/>
                    </a:lnTo>
                    <a:lnTo>
                      <a:pt x="9" y="4"/>
                    </a:lnTo>
                    <a:lnTo>
                      <a:pt x="9" y="6"/>
                    </a:lnTo>
                    <a:lnTo>
                      <a:pt x="9" y="6"/>
                    </a:lnTo>
                    <a:lnTo>
                      <a:pt x="9" y="6"/>
                    </a:lnTo>
                    <a:lnTo>
                      <a:pt x="9" y="6"/>
                    </a:lnTo>
                    <a:lnTo>
                      <a:pt x="11" y="6"/>
                    </a:lnTo>
                    <a:lnTo>
                      <a:pt x="11" y="6"/>
                    </a:lnTo>
                    <a:lnTo>
                      <a:pt x="11" y="6"/>
                    </a:lnTo>
                    <a:lnTo>
                      <a:pt x="11" y="6"/>
                    </a:lnTo>
                    <a:lnTo>
                      <a:pt x="11" y="6"/>
                    </a:lnTo>
                    <a:lnTo>
                      <a:pt x="11" y="6"/>
                    </a:lnTo>
                    <a:lnTo>
                      <a:pt x="11" y="6"/>
                    </a:lnTo>
                    <a:lnTo>
                      <a:pt x="11" y="6"/>
                    </a:lnTo>
                    <a:lnTo>
                      <a:pt x="13" y="8"/>
                    </a:lnTo>
                    <a:lnTo>
                      <a:pt x="13" y="8"/>
                    </a:lnTo>
                    <a:lnTo>
                      <a:pt x="13" y="8"/>
                    </a:lnTo>
                    <a:lnTo>
                      <a:pt x="13" y="8"/>
                    </a:lnTo>
                    <a:lnTo>
                      <a:pt x="13" y="8"/>
                    </a:lnTo>
                    <a:lnTo>
                      <a:pt x="13" y="8"/>
                    </a:lnTo>
                    <a:lnTo>
                      <a:pt x="13" y="8"/>
                    </a:lnTo>
                    <a:lnTo>
                      <a:pt x="13" y="8"/>
                    </a:lnTo>
                    <a:lnTo>
                      <a:pt x="13" y="8"/>
                    </a:lnTo>
                    <a:lnTo>
                      <a:pt x="13" y="8"/>
                    </a:lnTo>
                    <a:lnTo>
                      <a:pt x="13" y="8"/>
                    </a:lnTo>
                    <a:lnTo>
                      <a:pt x="13" y="8"/>
                    </a:lnTo>
                    <a:lnTo>
                      <a:pt x="15" y="8"/>
                    </a:lnTo>
                    <a:lnTo>
                      <a:pt x="15" y="8"/>
                    </a:lnTo>
                    <a:lnTo>
                      <a:pt x="15" y="8"/>
                    </a:lnTo>
                    <a:lnTo>
                      <a:pt x="15" y="8"/>
                    </a:lnTo>
                    <a:lnTo>
                      <a:pt x="16" y="8"/>
                    </a:lnTo>
                    <a:lnTo>
                      <a:pt x="16" y="9"/>
                    </a:lnTo>
                    <a:lnTo>
                      <a:pt x="16" y="9"/>
                    </a:lnTo>
                    <a:lnTo>
                      <a:pt x="16" y="9"/>
                    </a:lnTo>
                    <a:lnTo>
                      <a:pt x="16" y="9"/>
                    </a:lnTo>
                    <a:lnTo>
                      <a:pt x="16" y="9"/>
                    </a:lnTo>
                    <a:lnTo>
                      <a:pt x="18" y="9"/>
                    </a:lnTo>
                    <a:lnTo>
                      <a:pt x="18" y="9"/>
                    </a:lnTo>
                    <a:lnTo>
                      <a:pt x="18" y="9"/>
                    </a:lnTo>
                    <a:lnTo>
                      <a:pt x="18" y="9"/>
                    </a:lnTo>
                    <a:lnTo>
                      <a:pt x="18" y="9"/>
                    </a:lnTo>
                    <a:lnTo>
                      <a:pt x="18" y="9"/>
                    </a:lnTo>
                    <a:lnTo>
                      <a:pt x="18" y="9"/>
                    </a:lnTo>
                    <a:lnTo>
                      <a:pt x="18" y="9"/>
                    </a:lnTo>
                    <a:lnTo>
                      <a:pt x="18" y="9"/>
                    </a:lnTo>
                    <a:lnTo>
                      <a:pt x="18" y="9"/>
                    </a:lnTo>
                    <a:lnTo>
                      <a:pt x="18" y="9"/>
                    </a:lnTo>
                    <a:lnTo>
                      <a:pt x="18" y="9"/>
                    </a:lnTo>
                    <a:lnTo>
                      <a:pt x="18" y="9"/>
                    </a:lnTo>
                    <a:lnTo>
                      <a:pt x="20" y="9"/>
                    </a:lnTo>
                    <a:lnTo>
                      <a:pt x="20" y="9"/>
                    </a:lnTo>
                    <a:lnTo>
                      <a:pt x="20" y="9"/>
                    </a:lnTo>
                    <a:lnTo>
                      <a:pt x="20" y="9"/>
                    </a:lnTo>
                    <a:lnTo>
                      <a:pt x="20" y="9"/>
                    </a:lnTo>
                    <a:lnTo>
                      <a:pt x="20" y="9"/>
                    </a:lnTo>
                    <a:lnTo>
                      <a:pt x="22" y="9"/>
                    </a:lnTo>
                    <a:lnTo>
                      <a:pt x="22" y="9"/>
                    </a:lnTo>
                    <a:lnTo>
                      <a:pt x="22" y="9"/>
                    </a:lnTo>
                    <a:lnTo>
                      <a:pt x="22" y="9"/>
                    </a:lnTo>
                    <a:lnTo>
                      <a:pt x="22" y="9"/>
                    </a:lnTo>
                    <a:lnTo>
                      <a:pt x="22" y="9"/>
                    </a:lnTo>
                    <a:lnTo>
                      <a:pt x="22" y="9"/>
                    </a:lnTo>
                    <a:lnTo>
                      <a:pt x="22" y="9"/>
                    </a:lnTo>
                    <a:lnTo>
                      <a:pt x="22" y="9"/>
                    </a:lnTo>
                    <a:lnTo>
                      <a:pt x="22" y="9"/>
                    </a:lnTo>
                    <a:lnTo>
                      <a:pt x="22" y="9"/>
                    </a:lnTo>
                    <a:lnTo>
                      <a:pt x="22" y="9"/>
                    </a:lnTo>
                    <a:lnTo>
                      <a:pt x="20" y="9"/>
                    </a:lnTo>
                    <a:lnTo>
                      <a:pt x="20" y="9"/>
                    </a:lnTo>
                    <a:lnTo>
                      <a:pt x="20" y="11"/>
                    </a:lnTo>
                    <a:lnTo>
                      <a:pt x="22" y="11"/>
                    </a:lnTo>
                    <a:lnTo>
                      <a:pt x="24" y="11"/>
                    </a:lnTo>
                    <a:lnTo>
                      <a:pt x="24" y="11"/>
                    </a:lnTo>
                    <a:lnTo>
                      <a:pt x="24" y="9"/>
                    </a:lnTo>
                    <a:lnTo>
                      <a:pt x="24" y="9"/>
                    </a:lnTo>
                    <a:lnTo>
                      <a:pt x="24" y="9"/>
                    </a:lnTo>
                    <a:lnTo>
                      <a:pt x="22" y="9"/>
                    </a:lnTo>
                    <a:lnTo>
                      <a:pt x="22" y="9"/>
                    </a:lnTo>
                    <a:lnTo>
                      <a:pt x="22" y="9"/>
                    </a:lnTo>
                    <a:lnTo>
                      <a:pt x="24" y="9"/>
                    </a:lnTo>
                    <a:lnTo>
                      <a:pt x="24" y="9"/>
                    </a:lnTo>
                    <a:lnTo>
                      <a:pt x="24" y="9"/>
                    </a:lnTo>
                    <a:lnTo>
                      <a:pt x="24" y="9"/>
                    </a:lnTo>
                    <a:lnTo>
                      <a:pt x="24" y="9"/>
                    </a:lnTo>
                    <a:lnTo>
                      <a:pt x="24" y="9"/>
                    </a:lnTo>
                    <a:lnTo>
                      <a:pt x="24" y="9"/>
                    </a:lnTo>
                    <a:lnTo>
                      <a:pt x="24" y="9"/>
                    </a:lnTo>
                    <a:lnTo>
                      <a:pt x="24" y="9"/>
                    </a:lnTo>
                    <a:lnTo>
                      <a:pt x="24" y="9"/>
                    </a:lnTo>
                    <a:lnTo>
                      <a:pt x="24" y="9"/>
                    </a:lnTo>
                    <a:lnTo>
                      <a:pt x="24" y="9"/>
                    </a:lnTo>
                    <a:lnTo>
                      <a:pt x="24" y="9"/>
                    </a:lnTo>
                    <a:lnTo>
                      <a:pt x="26" y="11"/>
                    </a:lnTo>
                    <a:lnTo>
                      <a:pt x="26" y="11"/>
                    </a:lnTo>
                    <a:lnTo>
                      <a:pt x="26" y="11"/>
                    </a:lnTo>
                    <a:lnTo>
                      <a:pt x="26" y="11"/>
                    </a:lnTo>
                    <a:lnTo>
                      <a:pt x="26" y="11"/>
                    </a:lnTo>
                    <a:lnTo>
                      <a:pt x="26" y="11"/>
                    </a:lnTo>
                    <a:lnTo>
                      <a:pt x="26" y="11"/>
                    </a:lnTo>
                    <a:lnTo>
                      <a:pt x="26" y="11"/>
                    </a:lnTo>
                    <a:lnTo>
                      <a:pt x="26" y="11"/>
                    </a:lnTo>
                    <a:lnTo>
                      <a:pt x="26" y="11"/>
                    </a:lnTo>
                    <a:lnTo>
                      <a:pt x="26" y="11"/>
                    </a:lnTo>
                    <a:lnTo>
                      <a:pt x="26" y="13"/>
                    </a:lnTo>
                    <a:lnTo>
                      <a:pt x="26" y="13"/>
                    </a:lnTo>
                    <a:lnTo>
                      <a:pt x="26" y="13"/>
                    </a:lnTo>
                    <a:lnTo>
                      <a:pt x="27" y="13"/>
                    </a:lnTo>
                    <a:lnTo>
                      <a:pt x="27" y="13"/>
                    </a:lnTo>
                    <a:lnTo>
                      <a:pt x="27" y="13"/>
                    </a:lnTo>
                    <a:lnTo>
                      <a:pt x="27" y="13"/>
                    </a:lnTo>
                    <a:lnTo>
                      <a:pt x="27" y="13"/>
                    </a:lnTo>
                    <a:lnTo>
                      <a:pt x="27" y="13"/>
                    </a:lnTo>
                    <a:lnTo>
                      <a:pt x="27" y="13"/>
                    </a:lnTo>
                    <a:lnTo>
                      <a:pt x="27" y="13"/>
                    </a:lnTo>
                    <a:lnTo>
                      <a:pt x="27" y="13"/>
                    </a:lnTo>
                    <a:lnTo>
                      <a:pt x="29" y="13"/>
                    </a:lnTo>
                    <a:lnTo>
                      <a:pt x="29" y="13"/>
                    </a:lnTo>
                    <a:lnTo>
                      <a:pt x="29" y="13"/>
                    </a:lnTo>
                    <a:lnTo>
                      <a:pt x="29" y="13"/>
                    </a:lnTo>
                    <a:lnTo>
                      <a:pt x="29" y="13"/>
                    </a:lnTo>
                    <a:lnTo>
                      <a:pt x="29" y="13"/>
                    </a:lnTo>
                    <a:lnTo>
                      <a:pt x="29" y="13"/>
                    </a:lnTo>
                    <a:lnTo>
                      <a:pt x="29" y="13"/>
                    </a:lnTo>
                    <a:lnTo>
                      <a:pt x="27" y="13"/>
                    </a:lnTo>
                    <a:lnTo>
                      <a:pt x="29" y="15"/>
                    </a:lnTo>
                    <a:lnTo>
                      <a:pt x="29" y="15"/>
                    </a:lnTo>
                    <a:lnTo>
                      <a:pt x="29" y="15"/>
                    </a:lnTo>
                    <a:lnTo>
                      <a:pt x="29" y="15"/>
                    </a:lnTo>
                    <a:lnTo>
                      <a:pt x="29" y="15"/>
                    </a:lnTo>
                    <a:lnTo>
                      <a:pt x="29" y="15"/>
                    </a:lnTo>
                    <a:lnTo>
                      <a:pt x="29" y="15"/>
                    </a:lnTo>
                    <a:lnTo>
                      <a:pt x="29" y="15"/>
                    </a:lnTo>
                    <a:lnTo>
                      <a:pt x="29" y="15"/>
                    </a:lnTo>
                    <a:lnTo>
                      <a:pt x="29" y="15"/>
                    </a:lnTo>
                    <a:lnTo>
                      <a:pt x="29" y="15"/>
                    </a:lnTo>
                    <a:lnTo>
                      <a:pt x="29" y="15"/>
                    </a:lnTo>
                    <a:lnTo>
                      <a:pt x="29" y="15"/>
                    </a:lnTo>
                    <a:lnTo>
                      <a:pt x="29" y="15"/>
                    </a:lnTo>
                    <a:lnTo>
                      <a:pt x="29" y="15"/>
                    </a:lnTo>
                    <a:lnTo>
                      <a:pt x="29" y="15"/>
                    </a:lnTo>
                    <a:lnTo>
                      <a:pt x="29" y="15"/>
                    </a:lnTo>
                    <a:lnTo>
                      <a:pt x="29" y="15"/>
                    </a:lnTo>
                    <a:lnTo>
                      <a:pt x="29" y="15"/>
                    </a:lnTo>
                    <a:lnTo>
                      <a:pt x="31" y="17"/>
                    </a:lnTo>
                    <a:lnTo>
                      <a:pt x="31" y="17"/>
                    </a:lnTo>
                    <a:lnTo>
                      <a:pt x="31" y="17"/>
                    </a:lnTo>
                    <a:lnTo>
                      <a:pt x="31" y="17"/>
                    </a:lnTo>
                    <a:lnTo>
                      <a:pt x="31" y="17"/>
                    </a:lnTo>
                    <a:lnTo>
                      <a:pt x="31" y="19"/>
                    </a:lnTo>
                    <a:lnTo>
                      <a:pt x="31" y="19"/>
                    </a:lnTo>
                    <a:lnTo>
                      <a:pt x="31" y="19"/>
                    </a:lnTo>
                    <a:lnTo>
                      <a:pt x="33" y="19"/>
                    </a:lnTo>
                    <a:lnTo>
                      <a:pt x="33" y="19"/>
                    </a:lnTo>
                    <a:lnTo>
                      <a:pt x="33" y="19"/>
                    </a:lnTo>
                    <a:lnTo>
                      <a:pt x="33" y="19"/>
                    </a:lnTo>
                    <a:lnTo>
                      <a:pt x="33" y="19"/>
                    </a:lnTo>
                    <a:lnTo>
                      <a:pt x="33" y="19"/>
                    </a:lnTo>
                    <a:lnTo>
                      <a:pt x="33" y="19"/>
                    </a:lnTo>
                    <a:lnTo>
                      <a:pt x="33" y="19"/>
                    </a:lnTo>
                    <a:lnTo>
                      <a:pt x="33" y="21"/>
                    </a:lnTo>
                    <a:lnTo>
                      <a:pt x="33" y="21"/>
                    </a:lnTo>
                    <a:lnTo>
                      <a:pt x="35" y="21"/>
                    </a:lnTo>
                    <a:lnTo>
                      <a:pt x="35" y="21"/>
                    </a:lnTo>
                    <a:lnTo>
                      <a:pt x="35" y="21"/>
                    </a:lnTo>
                    <a:lnTo>
                      <a:pt x="35" y="21"/>
                    </a:lnTo>
                    <a:lnTo>
                      <a:pt x="35" y="21"/>
                    </a:lnTo>
                    <a:lnTo>
                      <a:pt x="35" y="21"/>
                    </a:lnTo>
                    <a:lnTo>
                      <a:pt x="37" y="22"/>
                    </a:lnTo>
                    <a:lnTo>
                      <a:pt x="37" y="22"/>
                    </a:lnTo>
                    <a:lnTo>
                      <a:pt x="37" y="22"/>
                    </a:lnTo>
                    <a:lnTo>
                      <a:pt x="39" y="22"/>
                    </a:lnTo>
                    <a:lnTo>
                      <a:pt x="39" y="22"/>
                    </a:lnTo>
                    <a:lnTo>
                      <a:pt x="39" y="22"/>
                    </a:lnTo>
                    <a:lnTo>
                      <a:pt x="39" y="22"/>
                    </a:lnTo>
                    <a:lnTo>
                      <a:pt x="39" y="22"/>
                    </a:lnTo>
                    <a:lnTo>
                      <a:pt x="40" y="22"/>
                    </a:lnTo>
                    <a:lnTo>
                      <a:pt x="40" y="22"/>
                    </a:lnTo>
                    <a:lnTo>
                      <a:pt x="40" y="22"/>
                    </a:lnTo>
                    <a:lnTo>
                      <a:pt x="40" y="22"/>
                    </a:lnTo>
                    <a:lnTo>
                      <a:pt x="40" y="24"/>
                    </a:lnTo>
                    <a:lnTo>
                      <a:pt x="39" y="24"/>
                    </a:lnTo>
                    <a:lnTo>
                      <a:pt x="39" y="24"/>
                    </a:lnTo>
                    <a:lnTo>
                      <a:pt x="39" y="24"/>
                    </a:lnTo>
                    <a:lnTo>
                      <a:pt x="39" y="24"/>
                    </a:lnTo>
                    <a:lnTo>
                      <a:pt x="39" y="24"/>
                    </a:lnTo>
                    <a:lnTo>
                      <a:pt x="39" y="24"/>
                    </a:lnTo>
                    <a:lnTo>
                      <a:pt x="37" y="26"/>
                    </a:lnTo>
                    <a:lnTo>
                      <a:pt x="35" y="28"/>
                    </a:lnTo>
                    <a:lnTo>
                      <a:pt x="31" y="30"/>
                    </a:lnTo>
                    <a:lnTo>
                      <a:pt x="27" y="32"/>
                    </a:lnTo>
                    <a:lnTo>
                      <a:pt x="26" y="33"/>
                    </a:lnTo>
                    <a:lnTo>
                      <a:pt x="24" y="33"/>
                    </a:lnTo>
                    <a:lnTo>
                      <a:pt x="24" y="35"/>
                    </a:lnTo>
                    <a:lnTo>
                      <a:pt x="22" y="33"/>
                    </a:lnTo>
                    <a:lnTo>
                      <a:pt x="22" y="33"/>
                    </a:lnTo>
                    <a:lnTo>
                      <a:pt x="22" y="33"/>
                    </a:lnTo>
                    <a:lnTo>
                      <a:pt x="22" y="33"/>
                    </a:lnTo>
                    <a:lnTo>
                      <a:pt x="22" y="33"/>
                    </a:lnTo>
                    <a:lnTo>
                      <a:pt x="22" y="33"/>
                    </a:lnTo>
                    <a:lnTo>
                      <a:pt x="22" y="33"/>
                    </a:lnTo>
                    <a:lnTo>
                      <a:pt x="22" y="32"/>
                    </a:lnTo>
                    <a:lnTo>
                      <a:pt x="22" y="32"/>
                    </a:lnTo>
                    <a:lnTo>
                      <a:pt x="22" y="32"/>
                    </a:lnTo>
                    <a:lnTo>
                      <a:pt x="22" y="32"/>
                    </a:lnTo>
                    <a:lnTo>
                      <a:pt x="22" y="32"/>
                    </a:lnTo>
                    <a:lnTo>
                      <a:pt x="22" y="32"/>
                    </a:lnTo>
                    <a:lnTo>
                      <a:pt x="22" y="32"/>
                    </a:lnTo>
                    <a:lnTo>
                      <a:pt x="22" y="32"/>
                    </a:lnTo>
                    <a:lnTo>
                      <a:pt x="22" y="32"/>
                    </a:lnTo>
                    <a:lnTo>
                      <a:pt x="22" y="32"/>
                    </a:lnTo>
                    <a:lnTo>
                      <a:pt x="22" y="32"/>
                    </a:lnTo>
                    <a:lnTo>
                      <a:pt x="22" y="32"/>
                    </a:lnTo>
                    <a:lnTo>
                      <a:pt x="22" y="32"/>
                    </a:lnTo>
                    <a:lnTo>
                      <a:pt x="22" y="32"/>
                    </a:lnTo>
                    <a:lnTo>
                      <a:pt x="22" y="32"/>
                    </a:lnTo>
                    <a:lnTo>
                      <a:pt x="22" y="32"/>
                    </a:lnTo>
                    <a:lnTo>
                      <a:pt x="22" y="32"/>
                    </a:lnTo>
                    <a:lnTo>
                      <a:pt x="22" y="32"/>
                    </a:lnTo>
                    <a:lnTo>
                      <a:pt x="22" y="30"/>
                    </a:lnTo>
                    <a:lnTo>
                      <a:pt x="22" y="30"/>
                    </a:lnTo>
                    <a:lnTo>
                      <a:pt x="22" y="30"/>
                    </a:lnTo>
                    <a:lnTo>
                      <a:pt x="22" y="30"/>
                    </a:lnTo>
                    <a:lnTo>
                      <a:pt x="22" y="30"/>
                    </a:lnTo>
                    <a:lnTo>
                      <a:pt x="22" y="30"/>
                    </a:lnTo>
                    <a:lnTo>
                      <a:pt x="22" y="30"/>
                    </a:lnTo>
                    <a:lnTo>
                      <a:pt x="24" y="30"/>
                    </a:lnTo>
                    <a:lnTo>
                      <a:pt x="24" y="30"/>
                    </a:lnTo>
                    <a:lnTo>
                      <a:pt x="24" y="30"/>
                    </a:lnTo>
                    <a:lnTo>
                      <a:pt x="24" y="30"/>
                    </a:lnTo>
                    <a:lnTo>
                      <a:pt x="24" y="30"/>
                    </a:lnTo>
                    <a:lnTo>
                      <a:pt x="24" y="30"/>
                    </a:lnTo>
                    <a:lnTo>
                      <a:pt x="24" y="28"/>
                    </a:lnTo>
                    <a:lnTo>
                      <a:pt x="24" y="28"/>
                    </a:lnTo>
                    <a:lnTo>
                      <a:pt x="24" y="28"/>
                    </a:lnTo>
                    <a:lnTo>
                      <a:pt x="24" y="28"/>
                    </a:lnTo>
                    <a:lnTo>
                      <a:pt x="24" y="28"/>
                    </a:lnTo>
                    <a:lnTo>
                      <a:pt x="24" y="28"/>
                    </a:lnTo>
                    <a:lnTo>
                      <a:pt x="24" y="28"/>
                    </a:lnTo>
                    <a:lnTo>
                      <a:pt x="24" y="28"/>
                    </a:lnTo>
                    <a:lnTo>
                      <a:pt x="24" y="26"/>
                    </a:lnTo>
                    <a:lnTo>
                      <a:pt x="20" y="26"/>
                    </a:lnTo>
                    <a:lnTo>
                      <a:pt x="20" y="26"/>
                    </a:lnTo>
                    <a:lnTo>
                      <a:pt x="20" y="26"/>
                    </a:lnTo>
                    <a:lnTo>
                      <a:pt x="20" y="26"/>
                    </a:lnTo>
                    <a:lnTo>
                      <a:pt x="20" y="26"/>
                    </a:lnTo>
                    <a:lnTo>
                      <a:pt x="20" y="26"/>
                    </a:lnTo>
                    <a:lnTo>
                      <a:pt x="15" y="24"/>
                    </a:lnTo>
                    <a:lnTo>
                      <a:pt x="15" y="24"/>
                    </a:lnTo>
                    <a:lnTo>
                      <a:pt x="11" y="24"/>
                    </a:lnTo>
                    <a:lnTo>
                      <a:pt x="9" y="24"/>
                    </a:lnTo>
                    <a:lnTo>
                      <a:pt x="7" y="24"/>
                    </a:lnTo>
                    <a:lnTo>
                      <a:pt x="7" y="24"/>
                    </a:lnTo>
                    <a:lnTo>
                      <a:pt x="7" y="22"/>
                    </a:lnTo>
                    <a:lnTo>
                      <a:pt x="7" y="22"/>
                    </a:lnTo>
                    <a:lnTo>
                      <a:pt x="7" y="22"/>
                    </a:lnTo>
                    <a:lnTo>
                      <a:pt x="7" y="22"/>
                    </a:lnTo>
                    <a:lnTo>
                      <a:pt x="7" y="22"/>
                    </a:lnTo>
                    <a:lnTo>
                      <a:pt x="7" y="22"/>
                    </a:lnTo>
                    <a:lnTo>
                      <a:pt x="7" y="21"/>
                    </a:lnTo>
                    <a:lnTo>
                      <a:pt x="7" y="21"/>
                    </a:lnTo>
                    <a:lnTo>
                      <a:pt x="7" y="21"/>
                    </a:lnTo>
                    <a:lnTo>
                      <a:pt x="7" y="21"/>
                    </a:lnTo>
                    <a:lnTo>
                      <a:pt x="3" y="21"/>
                    </a:lnTo>
                    <a:lnTo>
                      <a:pt x="2" y="19"/>
                    </a:lnTo>
                    <a:lnTo>
                      <a:pt x="2" y="19"/>
                    </a:lnTo>
                    <a:lnTo>
                      <a:pt x="2" y="19"/>
                    </a:lnTo>
                    <a:lnTo>
                      <a:pt x="2" y="19"/>
                    </a:lnTo>
                    <a:lnTo>
                      <a:pt x="2" y="19"/>
                    </a:lnTo>
                    <a:lnTo>
                      <a:pt x="2" y="17"/>
                    </a:lnTo>
                    <a:lnTo>
                      <a:pt x="0" y="17"/>
                    </a:lnTo>
                    <a:lnTo>
                      <a:pt x="0" y="15"/>
                    </a:lnTo>
                    <a:lnTo>
                      <a:pt x="3" y="9"/>
                    </a:lnTo>
                    <a:lnTo>
                      <a:pt x="3" y="9"/>
                    </a:lnTo>
                    <a:lnTo>
                      <a:pt x="3" y="9"/>
                    </a:lnTo>
                    <a:lnTo>
                      <a:pt x="2" y="9"/>
                    </a:lnTo>
                    <a:lnTo>
                      <a:pt x="2" y="9"/>
                    </a:lnTo>
                    <a:lnTo>
                      <a:pt x="0" y="8"/>
                    </a:lnTo>
                    <a:lnTo>
                      <a:pt x="0" y="8"/>
                    </a:lnTo>
                    <a:lnTo>
                      <a:pt x="0" y="8"/>
                    </a:lnTo>
                    <a:lnTo>
                      <a:pt x="2" y="4"/>
                    </a:lnTo>
                    <a:lnTo>
                      <a:pt x="2" y="4"/>
                    </a:lnTo>
                    <a:lnTo>
                      <a:pt x="2" y="4"/>
                    </a:lnTo>
                    <a:lnTo>
                      <a:pt x="2" y="4"/>
                    </a:lnTo>
                    <a:lnTo>
                      <a:pt x="2" y="4"/>
                    </a:lnTo>
                    <a:lnTo>
                      <a:pt x="2" y="4"/>
                    </a:lnTo>
                    <a:lnTo>
                      <a:pt x="0" y="2"/>
                    </a:lnTo>
                    <a:lnTo>
                      <a:pt x="0" y="2"/>
                    </a:lnTo>
                    <a:lnTo>
                      <a:pt x="0" y="2"/>
                    </a:lnTo>
                    <a:lnTo>
                      <a:pt x="0" y="2"/>
                    </a:lnTo>
                    <a:lnTo>
                      <a:pt x="0" y="2"/>
                    </a:lnTo>
                    <a:lnTo>
                      <a:pt x="2" y="0"/>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40" name="Freeform 200"/>
              <p:cNvSpPr>
                <a:spLocks noEditPoints="1"/>
              </p:cNvSpPr>
              <p:nvPr/>
            </p:nvSpPr>
            <p:spPr bwMode="auto">
              <a:xfrm>
                <a:off x="7043737" y="579437"/>
                <a:ext cx="1841500" cy="1023938"/>
              </a:xfrm>
              <a:custGeom>
                <a:avLst/>
                <a:gdLst>
                  <a:gd name="T0" fmla="*/ 188 w 1160"/>
                  <a:gd name="T1" fmla="*/ 79 h 645"/>
                  <a:gd name="T2" fmla="*/ 153 w 1160"/>
                  <a:gd name="T3" fmla="*/ 88 h 645"/>
                  <a:gd name="T4" fmla="*/ 109 w 1160"/>
                  <a:gd name="T5" fmla="*/ 112 h 645"/>
                  <a:gd name="T6" fmla="*/ 51 w 1160"/>
                  <a:gd name="T7" fmla="*/ 105 h 645"/>
                  <a:gd name="T8" fmla="*/ 16 w 1160"/>
                  <a:gd name="T9" fmla="*/ 61 h 645"/>
                  <a:gd name="T10" fmla="*/ 9 w 1160"/>
                  <a:gd name="T11" fmla="*/ 18 h 645"/>
                  <a:gd name="T12" fmla="*/ 61 w 1160"/>
                  <a:gd name="T13" fmla="*/ 11 h 645"/>
                  <a:gd name="T14" fmla="*/ 144 w 1160"/>
                  <a:gd name="T15" fmla="*/ 25 h 645"/>
                  <a:gd name="T16" fmla="*/ 221 w 1160"/>
                  <a:gd name="T17" fmla="*/ 38 h 645"/>
                  <a:gd name="T18" fmla="*/ 247 w 1160"/>
                  <a:gd name="T19" fmla="*/ 83 h 645"/>
                  <a:gd name="T20" fmla="*/ 323 w 1160"/>
                  <a:gd name="T21" fmla="*/ 90 h 645"/>
                  <a:gd name="T22" fmla="*/ 384 w 1160"/>
                  <a:gd name="T23" fmla="*/ 66 h 645"/>
                  <a:gd name="T24" fmla="*/ 460 w 1160"/>
                  <a:gd name="T25" fmla="*/ 25 h 645"/>
                  <a:gd name="T26" fmla="*/ 534 w 1160"/>
                  <a:gd name="T27" fmla="*/ 20 h 645"/>
                  <a:gd name="T28" fmla="*/ 602 w 1160"/>
                  <a:gd name="T29" fmla="*/ 29 h 645"/>
                  <a:gd name="T30" fmla="*/ 659 w 1160"/>
                  <a:gd name="T31" fmla="*/ 48 h 645"/>
                  <a:gd name="T32" fmla="*/ 1064 w 1160"/>
                  <a:gd name="T33" fmla="*/ 364 h 645"/>
                  <a:gd name="T34" fmla="*/ 1022 w 1160"/>
                  <a:gd name="T35" fmla="*/ 401 h 645"/>
                  <a:gd name="T36" fmla="*/ 990 w 1160"/>
                  <a:gd name="T37" fmla="*/ 410 h 645"/>
                  <a:gd name="T38" fmla="*/ 981 w 1160"/>
                  <a:gd name="T39" fmla="*/ 390 h 645"/>
                  <a:gd name="T40" fmla="*/ 931 w 1160"/>
                  <a:gd name="T41" fmla="*/ 375 h 645"/>
                  <a:gd name="T42" fmla="*/ 953 w 1160"/>
                  <a:gd name="T43" fmla="*/ 340 h 645"/>
                  <a:gd name="T44" fmla="*/ 922 w 1160"/>
                  <a:gd name="T45" fmla="*/ 321 h 645"/>
                  <a:gd name="T46" fmla="*/ 889 w 1160"/>
                  <a:gd name="T47" fmla="*/ 331 h 645"/>
                  <a:gd name="T48" fmla="*/ 841 w 1160"/>
                  <a:gd name="T49" fmla="*/ 357 h 645"/>
                  <a:gd name="T50" fmla="*/ 879 w 1160"/>
                  <a:gd name="T51" fmla="*/ 358 h 645"/>
                  <a:gd name="T52" fmla="*/ 891 w 1160"/>
                  <a:gd name="T53" fmla="*/ 381 h 645"/>
                  <a:gd name="T54" fmla="*/ 891 w 1160"/>
                  <a:gd name="T55" fmla="*/ 416 h 645"/>
                  <a:gd name="T56" fmla="*/ 841 w 1160"/>
                  <a:gd name="T57" fmla="*/ 429 h 645"/>
                  <a:gd name="T58" fmla="*/ 769 w 1160"/>
                  <a:gd name="T59" fmla="*/ 418 h 645"/>
                  <a:gd name="T60" fmla="*/ 744 w 1160"/>
                  <a:gd name="T61" fmla="*/ 406 h 645"/>
                  <a:gd name="T62" fmla="*/ 700 w 1160"/>
                  <a:gd name="T63" fmla="*/ 382 h 645"/>
                  <a:gd name="T64" fmla="*/ 680 w 1160"/>
                  <a:gd name="T65" fmla="*/ 412 h 645"/>
                  <a:gd name="T66" fmla="*/ 632 w 1160"/>
                  <a:gd name="T67" fmla="*/ 427 h 645"/>
                  <a:gd name="T68" fmla="*/ 582 w 1160"/>
                  <a:gd name="T69" fmla="*/ 412 h 645"/>
                  <a:gd name="T70" fmla="*/ 554 w 1160"/>
                  <a:gd name="T71" fmla="*/ 406 h 645"/>
                  <a:gd name="T72" fmla="*/ 515 w 1160"/>
                  <a:gd name="T73" fmla="*/ 406 h 645"/>
                  <a:gd name="T74" fmla="*/ 473 w 1160"/>
                  <a:gd name="T75" fmla="*/ 430 h 645"/>
                  <a:gd name="T76" fmla="*/ 506 w 1160"/>
                  <a:gd name="T77" fmla="*/ 467 h 645"/>
                  <a:gd name="T78" fmla="*/ 550 w 1160"/>
                  <a:gd name="T79" fmla="*/ 499 h 645"/>
                  <a:gd name="T80" fmla="*/ 523 w 1160"/>
                  <a:gd name="T81" fmla="*/ 510 h 645"/>
                  <a:gd name="T82" fmla="*/ 497 w 1160"/>
                  <a:gd name="T83" fmla="*/ 510 h 645"/>
                  <a:gd name="T84" fmla="*/ 460 w 1160"/>
                  <a:gd name="T85" fmla="*/ 532 h 645"/>
                  <a:gd name="T86" fmla="*/ 454 w 1160"/>
                  <a:gd name="T87" fmla="*/ 562 h 645"/>
                  <a:gd name="T88" fmla="*/ 434 w 1160"/>
                  <a:gd name="T89" fmla="*/ 599 h 645"/>
                  <a:gd name="T90" fmla="*/ 401 w 1160"/>
                  <a:gd name="T91" fmla="*/ 636 h 645"/>
                  <a:gd name="T92" fmla="*/ 373 w 1160"/>
                  <a:gd name="T93" fmla="*/ 614 h 645"/>
                  <a:gd name="T94" fmla="*/ 336 w 1160"/>
                  <a:gd name="T95" fmla="*/ 591 h 645"/>
                  <a:gd name="T96" fmla="*/ 343 w 1160"/>
                  <a:gd name="T97" fmla="*/ 538 h 645"/>
                  <a:gd name="T98" fmla="*/ 375 w 1160"/>
                  <a:gd name="T99" fmla="*/ 523 h 645"/>
                  <a:gd name="T100" fmla="*/ 336 w 1160"/>
                  <a:gd name="T101" fmla="*/ 501 h 645"/>
                  <a:gd name="T102" fmla="*/ 312 w 1160"/>
                  <a:gd name="T103" fmla="*/ 456 h 645"/>
                  <a:gd name="T104" fmla="*/ 323 w 1160"/>
                  <a:gd name="T105" fmla="*/ 418 h 645"/>
                  <a:gd name="T106" fmla="*/ 321 w 1160"/>
                  <a:gd name="T107" fmla="*/ 342 h 645"/>
                  <a:gd name="T108" fmla="*/ 258 w 1160"/>
                  <a:gd name="T109" fmla="*/ 331 h 645"/>
                  <a:gd name="T110" fmla="*/ 227 w 1160"/>
                  <a:gd name="T111" fmla="*/ 286 h 645"/>
                  <a:gd name="T112" fmla="*/ 227 w 1160"/>
                  <a:gd name="T113" fmla="*/ 249 h 645"/>
                  <a:gd name="T114" fmla="*/ 112 w 1160"/>
                  <a:gd name="T115" fmla="*/ 197 h 645"/>
                  <a:gd name="T116" fmla="*/ 110 w 1160"/>
                  <a:gd name="T117" fmla="*/ 147 h 645"/>
                  <a:gd name="T118" fmla="*/ 153 w 1160"/>
                  <a:gd name="T119" fmla="*/ 166 h 645"/>
                  <a:gd name="T120" fmla="*/ 188 w 1160"/>
                  <a:gd name="T121" fmla="*/ 181 h 645"/>
                  <a:gd name="T122" fmla="*/ 205 w 1160"/>
                  <a:gd name="T123" fmla="*/ 133 h 6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160" h="645">
                    <a:moveTo>
                      <a:pt x="218" y="114"/>
                    </a:moveTo>
                    <a:lnTo>
                      <a:pt x="219" y="114"/>
                    </a:lnTo>
                    <a:lnTo>
                      <a:pt x="219" y="112"/>
                    </a:lnTo>
                    <a:lnTo>
                      <a:pt x="221" y="112"/>
                    </a:lnTo>
                    <a:lnTo>
                      <a:pt x="221" y="110"/>
                    </a:lnTo>
                    <a:lnTo>
                      <a:pt x="221" y="109"/>
                    </a:lnTo>
                    <a:lnTo>
                      <a:pt x="221" y="107"/>
                    </a:lnTo>
                    <a:lnTo>
                      <a:pt x="221" y="105"/>
                    </a:lnTo>
                    <a:lnTo>
                      <a:pt x="219" y="105"/>
                    </a:lnTo>
                    <a:lnTo>
                      <a:pt x="219" y="103"/>
                    </a:lnTo>
                    <a:lnTo>
                      <a:pt x="219" y="101"/>
                    </a:lnTo>
                    <a:lnTo>
                      <a:pt x="219" y="99"/>
                    </a:lnTo>
                    <a:lnTo>
                      <a:pt x="219" y="98"/>
                    </a:lnTo>
                    <a:lnTo>
                      <a:pt x="219" y="96"/>
                    </a:lnTo>
                    <a:lnTo>
                      <a:pt x="218" y="96"/>
                    </a:lnTo>
                    <a:lnTo>
                      <a:pt x="218" y="94"/>
                    </a:lnTo>
                    <a:lnTo>
                      <a:pt x="216" y="94"/>
                    </a:lnTo>
                    <a:lnTo>
                      <a:pt x="214" y="92"/>
                    </a:lnTo>
                    <a:lnTo>
                      <a:pt x="212" y="92"/>
                    </a:lnTo>
                    <a:lnTo>
                      <a:pt x="210" y="92"/>
                    </a:lnTo>
                    <a:lnTo>
                      <a:pt x="208" y="92"/>
                    </a:lnTo>
                    <a:lnTo>
                      <a:pt x="207" y="90"/>
                    </a:lnTo>
                    <a:lnTo>
                      <a:pt x="205" y="90"/>
                    </a:lnTo>
                    <a:lnTo>
                      <a:pt x="205" y="92"/>
                    </a:lnTo>
                    <a:lnTo>
                      <a:pt x="205" y="90"/>
                    </a:lnTo>
                    <a:lnTo>
                      <a:pt x="203" y="90"/>
                    </a:lnTo>
                    <a:lnTo>
                      <a:pt x="201" y="90"/>
                    </a:lnTo>
                    <a:lnTo>
                      <a:pt x="201" y="88"/>
                    </a:lnTo>
                    <a:lnTo>
                      <a:pt x="199" y="88"/>
                    </a:lnTo>
                    <a:lnTo>
                      <a:pt x="197" y="88"/>
                    </a:lnTo>
                    <a:lnTo>
                      <a:pt x="197" y="86"/>
                    </a:lnTo>
                    <a:lnTo>
                      <a:pt x="195" y="86"/>
                    </a:lnTo>
                    <a:lnTo>
                      <a:pt x="194" y="86"/>
                    </a:lnTo>
                    <a:lnTo>
                      <a:pt x="192" y="86"/>
                    </a:lnTo>
                    <a:lnTo>
                      <a:pt x="190" y="86"/>
                    </a:lnTo>
                    <a:lnTo>
                      <a:pt x="190" y="85"/>
                    </a:lnTo>
                    <a:lnTo>
                      <a:pt x="190" y="83"/>
                    </a:lnTo>
                    <a:lnTo>
                      <a:pt x="190" y="81"/>
                    </a:lnTo>
                    <a:lnTo>
                      <a:pt x="188" y="79"/>
                    </a:lnTo>
                    <a:lnTo>
                      <a:pt x="188" y="77"/>
                    </a:lnTo>
                    <a:lnTo>
                      <a:pt x="190" y="75"/>
                    </a:lnTo>
                    <a:lnTo>
                      <a:pt x="190" y="74"/>
                    </a:lnTo>
                    <a:lnTo>
                      <a:pt x="190" y="72"/>
                    </a:lnTo>
                    <a:lnTo>
                      <a:pt x="190" y="70"/>
                    </a:lnTo>
                    <a:lnTo>
                      <a:pt x="190" y="68"/>
                    </a:lnTo>
                    <a:lnTo>
                      <a:pt x="188" y="68"/>
                    </a:lnTo>
                    <a:lnTo>
                      <a:pt x="188" y="66"/>
                    </a:lnTo>
                    <a:lnTo>
                      <a:pt x="188" y="64"/>
                    </a:lnTo>
                    <a:lnTo>
                      <a:pt x="188" y="62"/>
                    </a:lnTo>
                    <a:lnTo>
                      <a:pt x="190" y="61"/>
                    </a:lnTo>
                    <a:lnTo>
                      <a:pt x="188" y="59"/>
                    </a:lnTo>
                    <a:lnTo>
                      <a:pt x="186" y="59"/>
                    </a:lnTo>
                    <a:lnTo>
                      <a:pt x="184" y="59"/>
                    </a:lnTo>
                    <a:lnTo>
                      <a:pt x="183" y="59"/>
                    </a:lnTo>
                    <a:lnTo>
                      <a:pt x="183" y="61"/>
                    </a:lnTo>
                    <a:lnTo>
                      <a:pt x="181" y="61"/>
                    </a:lnTo>
                    <a:lnTo>
                      <a:pt x="181" y="59"/>
                    </a:lnTo>
                    <a:lnTo>
                      <a:pt x="179" y="59"/>
                    </a:lnTo>
                    <a:lnTo>
                      <a:pt x="177" y="61"/>
                    </a:lnTo>
                    <a:lnTo>
                      <a:pt x="175" y="61"/>
                    </a:lnTo>
                    <a:lnTo>
                      <a:pt x="173" y="61"/>
                    </a:lnTo>
                    <a:lnTo>
                      <a:pt x="170" y="61"/>
                    </a:lnTo>
                    <a:lnTo>
                      <a:pt x="166" y="59"/>
                    </a:lnTo>
                    <a:lnTo>
                      <a:pt x="166" y="64"/>
                    </a:lnTo>
                    <a:lnTo>
                      <a:pt x="166" y="66"/>
                    </a:lnTo>
                    <a:lnTo>
                      <a:pt x="164" y="68"/>
                    </a:lnTo>
                    <a:lnTo>
                      <a:pt x="164" y="72"/>
                    </a:lnTo>
                    <a:lnTo>
                      <a:pt x="164" y="74"/>
                    </a:lnTo>
                    <a:lnTo>
                      <a:pt x="164" y="75"/>
                    </a:lnTo>
                    <a:lnTo>
                      <a:pt x="164" y="79"/>
                    </a:lnTo>
                    <a:lnTo>
                      <a:pt x="162" y="79"/>
                    </a:lnTo>
                    <a:lnTo>
                      <a:pt x="162" y="81"/>
                    </a:lnTo>
                    <a:lnTo>
                      <a:pt x="160" y="83"/>
                    </a:lnTo>
                    <a:lnTo>
                      <a:pt x="158" y="85"/>
                    </a:lnTo>
                    <a:lnTo>
                      <a:pt x="158" y="86"/>
                    </a:lnTo>
                    <a:lnTo>
                      <a:pt x="157" y="86"/>
                    </a:lnTo>
                    <a:lnTo>
                      <a:pt x="155" y="88"/>
                    </a:lnTo>
                    <a:lnTo>
                      <a:pt x="153" y="88"/>
                    </a:lnTo>
                    <a:lnTo>
                      <a:pt x="153" y="90"/>
                    </a:lnTo>
                    <a:lnTo>
                      <a:pt x="151" y="90"/>
                    </a:lnTo>
                    <a:lnTo>
                      <a:pt x="151" y="92"/>
                    </a:lnTo>
                    <a:lnTo>
                      <a:pt x="151" y="94"/>
                    </a:lnTo>
                    <a:lnTo>
                      <a:pt x="149" y="94"/>
                    </a:lnTo>
                    <a:lnTo>
                      <a:pt x="147" y="94"/>
                    </a:lnTo>
                    <a:lnTo>
                      <a:pt x="147" y="92"/>
                    </a:lnTo>
                    <a:lnTo>
                      <a:pt x="146" y="92"/>
                    </a:lnTo>
                    <a:lnTo>
                      <a:pt x="146" y="90"/>
                    </a:lnTo>
                    <a:lnTo>
                      <a:pt x="144" y="90"/>
                    </a:lnTo>
                    <a:lnTo>
                      <a:pt x="144" y="92"/>
                    </a:lnTo>
                    <a:lnTo>
                      <a:pt x="144" y="90"/>
                    </a:lnTo>
                    <a:lnTo>
                      <a:pt x="142" y="90"/>
                    </a:lnTo>
                    <a:lnTo>
                      <a:pt x="140" y="90"/>
                    </a:lnTo>
                    <a:lnTo>
                      <a:pt x="138" y="90"/>
                    </a:lnTo>
                    <a:lnTo>
                      <a:pt x="138" y="92"/>
                    </a:lnTo>
                    <a:lnTo>
                      <a:pt x="136" y="92"/>
                    </a:lnTo>
                    <a:lnTo>
                      <a:pt x="136" y="94"/>
                    </a:lnTo>
                    <a:lnTo>
                      <a:pt x="134" y="94"/>
                    </a:lnTo>
                    <a:lnTo>
                      <a:pt x="131" y="98"/>
                    </a:lnTo>
                    <a:lnTo>
                      <a:pt x="131" y="99"/>
                    </a:lnTo>
                    <a:lnTo>
                      <a:pt x="127" y="99"/>
                    </a:lnTo>
                    <a:lnTo>
                      <a:pt x="127" y="101"/>
                    </a:lnTo>
                    <a:lnTo>
                      <a:pt x="127" y="103"/>
                    </a:lnTo>
                    <a:lnTo>
                      <a:pt x="125" y="105"/>
                    </a:lnTo>
                    <a:lnTo>
                      <a:pt x="123" y="105"/>
                    </a:lnTo>
                    <a:lnTo>
                      <a:pt x="122" y="105"/>
                    </a:lnTo>
                    <a:lnTo>
                      <a:pt x="122" y="107"/>
                    </a:lnTo>
                    <a:lnTo>
                      <a:pt x="118" y="107"/>
                    </a:lnTo>
                    <a:lnTo>
                      <a:pt x="118" y="109"/>
                    </a:lnTo>
                    <a:lnTo>
                      <a:pt x="116" y="109"/>
                    </a:lnTo>
                    <a:lnTo>
                      <a:pt x="114" y="109"/>
                    </a:lnTo>
                    <a:lnTo>
                      <a:pt x="112" y="109"/>
                    </a:lnTo>
                    <a:lnTo>
                      <a:pt x="112" y="110"/>
                    </a:lnTo>
                    <a:lnTo>
                      <a:pt x="112" y="112"/>
                    </a:lnTo>
                    <a:lnTo>
                      <a:pt x="110" y="112"/>
                    </a:lnTo>
                    <a:lnTo>
                      <a:pt x="110" y="114"/>
                    </a:lnTo>
                    <a:lnTo>
                      <a:pt x="109" y="114"/>
                    </a:lnTo>
                    <a:lnTo>
                      <a:pt x="109" y="112"/>
                    </a:lnTo>
                    <a:lnTo>
                      <a:pt x="107" y="112"/>
                    </a:lnTo>
                    <a:lnTo>
                      <a:pt x="105" y="112"/>
                    </a:lnTo>
                    <a:lnTo>
                      <a:pt x="105" y="110"/>
                    </a:lnTo>
                    <a:lnTo>
                      <a:pt x="105" y="109"/>
                    </a:lnTo>
                    <a:lnTo>
                      <a:pt x="105" y="107"/>
                    </a:lnTo>
                    <a:lnTo>
                      <a:pt x="105" y="105"/>
                    </a:lnTo>
                    <a:lnTo>
                      <a:pt x="105" y="107"/>
                    </a:lnTo>
                    <a:lnTo>
                      <a:pt x="103" y="107"/>
                    </a:lnTo>
                    <a:lnTo>
                      <a:pt x="101" y="107"/>
                    </a:lnTo>
                    <a:lnTo>
                      <a:pt x="99" y="109"/>
                    </a:lnTo>
                    <a:lnTo>
                      <a:pt x="97" y="109"/>
                    </a:lnTo>
                    <a:lnTo>
                      <a:pt x="96" y="107"/>
                    </a:lnTo>
                    <a:lnTo>
                      <a:pt x="94" y="107"/>
                    </a:lnTo>
                    <a:lnTo>
                      <a:pt x="96" y="109"/>
                    </a:lnTo>
                    <a:lnTo>
                      <a:pt x="94" y="109"/>
                    </a:lnTo>
                    <a:lnTo>
                      <a:pt x="92" y="109"/>
                    </a:lnTo>
                    <a:lnTo>
                      <a:pt x="90" y="109"/>
                    </a:lnTo>
                    <a:lnTo>
                      <a:pt x="88" y="109"/>
                    </a:lnTo>
                    <a:lnTo>
                      <a:pt x="88" y="107"/>
                    </a:lnTo>
                    <a:lnTo>
                      <a:pt x="86" y="107"/>
                    </a:lnTo>
                    <a:lnTo>
                      <a:pt x="81" y="107"/>
                    </a:lnTo>
                    <a:lnTo>
                      <a:pt x="79" y="107"/>
                    </a:lnTo>
                    <a:lnTo>
                      <a:pt x="77" y="107"/>
                    </a:lnTo>
                    <a:lnTo>
                      <a:pt x="77" y="109"/>
                    </a:lnTo>
                    <a:lnTo>
                      <a:pt x="75" y="109"/>
                    </a:lnTo>
                    <a:lnTo>
                      <a:pt x="73" y="109"/>
                    </a:lnTo>
                    <a:lnTo>
                      <a:pt x="73" y="110"/>
                    </a:lnTo>
                    <a:lnTo>
                      <a:pt x="72" y="109"/>
                    </a:lnTo>
                    <a:lnTo>
                      <a:pt x="70" y="109"/>
                    </a:lnTo>
                    <a:lnTo>
                      <a:pt x="68" y="107"/>
                    </a:lnTo>
                    <a:lnTo>
                      <a:pt x="66" y="107"/>
                    </a:lnTo>
                    <a:lnTo>
                      <a:pt x="64" y="103"/>
                    </a:lnTo>
                    <a:lnTo>
                      <a:pt x="62" y="105"/>
                    </a:lnTo>
                    <a:lnTo>
                      <a:pt x="61" y="105"/>
                    </a:lnTo>
                    <a:lnTo>
                      <a:pt x="61" y="107"/>
                    </a:lnTo>
                    <a:lnTo>
                      <a:pt x="59" y="107"/>
                    </a:lnTo>
                    <a:lnTo>
                      <a:pt x="59" y="109"/>
                    </a:lnTo>
                    <a:lnTo>
                      <a:pt x="57" y="109"/>
                    </a:lnTo>
                    <a:lnTo>
                      <a:pt x="51" y="105"/>
                    </a:lnTo>
                    <a:lnTo>
                      <a:pt x="49" y="105"/>
                    </a:lnTo>
                    <a:lnTo>
                      <a:pt x="49" y="103"/>
                    </a:lnTo>
                    <a:lnTo>
                      <a:pt x="48" y="101"/>
                    </a:lnTo>
                    <a:lnTo>
                      <a:pt x="46" y="99"/>
                    </a:lnTo>
                    <a:lnTo>
                      <a:pt x="46" y="98"/>
                    </a:lnTo>
                    <a:lnTo>
                      <a:pt x="44" y="98"/>
                    </a:lnTo>
                    <a:lnTo>
                      <a:pt x="42" y="98"/>
                    </a:lnTo>
                    <a:lnTo>
                      <a:pt x="40" y="98"/>
                    </a:lnTo>
                    <a:lnTo>
                      <a:pt x="40" y="96"/>
                    </a:lnTo>
                    <a:lnTo>
                      <a:pt x="38" y="96"/>
                    </a:lnTo>
                    <a:lnTo>
                      <a:pt x="38" y="98"/>
                    </a:lnTo>
                    <a:lnTo>
                      <a:pt x="36" y="96"/>
                    </a:lnTo>
                    <a:lnTo>
                      <a:pt x="35" y="96"/>
                    </a:lnTo>
                    <a:lnTo>
                      <a:pt x="33" y="94"/>
                    </a:lnTo>
                    <a:lnTo>
                      <a:pt x="31" y="94"/>
                    </a:lnTo>
                    <a:lnTo>
                      <a:pt x="29" y="94"/>
                    </a:lnTo>
                    <a:lnTo>
                      <a:pt x="29" y="92"/>
                    </a:lnTo>
                    <a:lnTo>
                      <a:pt x="29" y="90"/>
                    </a:lnTo>
                    <a:lnTo>
                      <a:pt x="27" y="85"/>
                    </a:lnTo>
                    <a:lnTo>
                      <a:pt x="25" y="85"/>
                    </a:lnTo>
                    <a:lnTo>
                      <a:pt x="25" y="86"/>
                    </a:lnTo>
                    <a:lnTo>
                      <a:pt x="24" y="86"/>
                    </a:lnTo>
                    <a:lnTo>
                      <a:pt x="24" y="85"/>
                    </a:lnTo>
                    <a:lnTo>
                      <a:pt x="24" y="83"/>
                    </a:lnTo>
                    <a:lnTo>
                      <a:pt x="22" y="81"/>
                    </a:lnTo>
                    <a:lnTo>
                      <a:pt x="22" y="79"/>
                    </a:lnTo>
                    <a:lnTo>
                      <a:pt x="22" y="77"/>
                    </a:lnTo>
                    <a:lnTo>
                      <a:pt x="20" y="77"/>
                    </a:lnTo>
                    <a:lnTo>
                      <a:pt x="18" y="77"/>
                    </a:lnTo>
                    <a:lnTo>
                      <a:pt x="18" y="75"/>
                    </a:lnTo>
                    <a:lnTo>
                      <a:pt x="18" y="74"/>
                    </a:lnTo>
                    <a:lnTo>
                      <a:pt x="16" y="74"/>
                    </a:lnTo>
                    <a:lnTo>
                      <a:pt x="16" y="72"/>
                    </a:lnTo>
                    <a:lnTo>
                      <a:pt x="16" y="70"/>
                    </a:lnTo>
                    <a:lnTo>
                      <a:pt x="14" y="68"/>
                    </a:lnTo>
                    <a:lnTo>
                      <a:pt x="14" y="66"/>
                    </a:lnTo>
                    <a:lnTo>
                      <a:pt x="14" y="64"/>
                    </a:lnTo>
                    <a:lnTo>
                      <a:pt x="14" y="61"/>
                    </a:lnTo>
                    <a:lnTo>
                      <a:pt x="16" y="61"/>
                    </a:lnTo>
                    <a:lnTo>
                      <a:pt x="16" y="59"/>
                    </a:lnTo>
                    <a:lnTo>
                      <a:pt x="16" y="57"/>
                    </a:lnTo>
                    <a:lnTo>
                      <a:pt x="16" y="55"/>
                    </a:lnTo>
                    <a:lnTo>
                      <a:pt x="14" y="55"/>
                    </a:lnTo>
                    <a:lnTo>
                      <a:pt x="14" y="53"/>
                    </a:lnTo>
                    <a:lnTo>
                      <a:pt x="12" y="53"/>
                    </a:lnTo>
                    <a:lnTo>
                      <a:pt x="12" y="51"/>
                    </a:lnTo>
                    <a:lnTo>
                      <a:pt x="12" y="49"/>
                    </a:lnTo>
                    <a:lnTo>
                      <a:pt x="12" y="48"/>
                    </a:lnTo>
                    <a:lnTo>
                      <a:pt x="11" y="48"/>
                    </a:lnTo>
                    <a:lnTo>
                      <a:pt x="9" y="46"/>
                    </a:lnTo>
                    <a:lnTo>
                      <a:pt x="7" y="46"/>
                    </a:lnTo>
                    <a:lnTo>
                      <a:pt x="5" y="44"/>
                    </a:lnTo>
                    <a:lnTo>
                      <a:pt x="3" y="42"/>
                    </a:lnTo>
                    <a:lnTo>
                      <a:pt x="1" y="42"/>
                    </a:lnTo>
                    <a:lnTo>
                      <a:pt x="1" y="40"/>
                    </a:lnTo>
                    <a:lnTo>
                      <a:pt x="1" y="38"/>
                    </a:lnTo>
                    <a:lnTo>
                      <a:pt x="0" y="38"/>
                    </a:lnTo>
                    <a:lnTo>
                      <a:pt x="1" y="37"/>
                    </a:lnTo>
                    <a:lnTo>
                      <a:pt x="1" y="35"/>
                    </a:lnTo>
                    <a:lnTo>
                      <a:pt x="1" y="33"/>
                    </a:lnTo>
                    <a:lnTo>
                      <a:pt x="1" y="31"/>
                    </a:lnTo>
                    <a:lnTo>
                      <a:pt x="3" y="31"/>
                    </a:lnTo>
                    <a:lnTo>
                      <a:pt x="3" y="29"/>
                    </a:lnTo>
                    <a:lnTo>
                      <a:pt x="1" y="29"/>
                    </a:lnTo>
                    <a:lnTo>
                      <a:pt x="3" y="29"/>
                    </a:lnTo>
                    <a:lnTo>
                      <a:pt x="3" y="27"/>
                    </a:lnTo>
                    <a:lnTo>
                      <a:pt x="1" y="27"/>
                    </a:lnTo>
                    <a:lnTo>
                      <a:pt x="3" y="27"/>
                    </a:lnTo>
                    <a:lnTo>
                      <a:pt x="3" y="25"/>
                    </a:lnTo>
                    <a:lnTo>
                      <a:pt x="1" y="25"/>
                    </a:lnTo>
                    <a:lnTo>
                      <a:pt x="3" y="25"/>
                    </a:lnTo>
                    <a:lnTo>
                      <a:pt x="1" y="25"/>
                    </a:lnTo>
                    <a:lnTo>
                      <a:pt x="1" y="24"/>
                    </a:lnTo>
                    <a:lnTo>
                      <a:pt x="1" y="22"/>
                    </a:lnTo>
                    <a:lnTo>
                      <a:pt x="3" y="22"/>
                    </a:lnTo>
                    <a:lnTo>
                      <a:pt x="5" y="22"/>
                    </a:lnTo>
                    <a:lnTo>
                      <a:pt x="7" y="22"/>
                    </a:lnTo>
                    <a:lnTo>
                      <a:pt x="9" y="18"/>
                    </a:lnTo>
                    <a:lnTo>
                      <a:pt x="11" y="18"/>
                    </a:lnTo>
                    <a:lnTo>
                      <a:pt x="12" y="18"/>
                    </a:lnTo>
                    <a:lnTo>
                      <a:pt x="14" y="16"/>
                    </a:lnTo>
                    <a:lnTo>
                      <a:pt x="16" y="16"/>
                    </a:lnTo>
                    <a:lnTo>
                      <a:pt x="16" y="14"/>
                    </a:lnTo>
                    <a:lnTo>
                      <a:pt x="18" y="12"/>
                    </a:lnTo>
                    <a:lnTo>
                      <a:pt x="20" y="11"/>
                    </a:lnTo>
                    <a:lnTo>
                      <a:pt x="22" y="11"/>
                    </a:lnTo>
                    <a:lnTo>
                      <a:pt x="22" y="9"/>
                    </a:lnTo>
                    <a:lnTo>
                      <a:pt x="24" y="9"/>
                    </a:lnTo>
                    <a:lnTo>
                      <a:pt x="24" y="7"/>
                    </a:lnTo>
                    <a:lnTo>
                      <a:pt x="25" y="7"/>
                    </a:lnTo>
                    <a:lnTo>
                      <a:pt x="25" y="5"/>
                    </a:lnTo>
                    <a:lnTo>
                      <a:pt x="27" y="3"/>
                    </a:lnTo>
                    <a:lnTo>
                      <a:pt x="27" y="1"/>
                    </a:lnTo>
                    <a:lnTo>
                      <a:pt x="29" y="1"/>
                    </a:lnTo>
                    <a:lnTo>
                      <a:pt x="29" y="0"/>
                    </a:lnTo>
                    <a:lnTo>
                      <a:pt x="31" y="0"/>
                    </a:lnTo>
                    <a:lnTo>
                      <a:pt x="33" y="0"/>
                    </a:lnTo>
                    <a:lnTo>
                      <a:pt x="35" y="1"/>
                    </a:lnTo>
                    <a:lnTo>
                      <a:pt x="36" y="1"/>
                    </a:lnTo>
                    <a:lnTo>
                      <a:pt x="36" y="3"/>
                    </a:lnTo>
                    <a:lnTo>
                      <a:pt x="38" y="3"/>
                    </a:lnTo>
                    <a:lnTo>
                      <a:pt x="40" y="3"/>
                    </a:lnTo>
                    <a:lnTo>
                      <a:pt x="42" y="5"/>
                    </a:lnTo>
                    <a:lnTo>
                      <a:pt x="44" y="5"/>
                    </a:lnTo>
                    <a:lnTo>
                      <a:pt x="46" y="5"/>
                    </a:lnTo>
                    <a:lnTo>
                      <a:pt x="46" y="7"/>
                    </a:lnTo>
                    <a:lnTo>
                      <a:pt x="48" y="7"/>
                    </a:lnTo>
                    <a:lnTo>
                      <a:pt x="48" y="9"/>
                    </a:lnTo>
                    <a:lnTo>
                      <a:pt x="49" y="9"/>
                    </a:lnTo>
                    <a:lnTo>
                      <a:pt x="51" y="11"/>
                    </a:lnTo>
                    <a:lnTo>
                      <a:pt x="53" y="11"/>
                    </a:lnTo>
                    <a:lnTo>
                      <a:pt x="55" y="11"/>
                    </a:lnTo>
                    <a:lnTo>
                      <a:pt x="55" y="12"/>
                    </a:lnTo>
                    <a:lnTo>
                      <a:pt x="57" y="12"/>
                    </a:lnTo>
                    <a:lnTo>
                      <a:pt x="59" y="12"/>
                    </a:lnTo>
                    <a:lnTo>
                      <a:pt x="59" y="11"/>
                    </a:lnTo>
                    <a:lnTo>
                      <a:pt x="61" y="11"/>
                    </a:lnTo>
                    <a:lnTo>
                      <a:pt x="62" y="11"/>
                    </a:lnTo>
                    <a:lnTo>
                      <a:pt x="64" y="11"/>
                    </a:lnTo>
                    <a:lnTo>
                      <a:pt x="66" y="11"/>
                    </a:lnTo>
                    <a:lnTo>
                      <a:pt x="68" y="9"/>
                    </a:lnTo>
                    <a:lnTo>
                      <a:pt x="72" y="7"/>
                    </a:lnTo>
                    <a:lnTo>
                      <a:pt x="75" y="5"/>
                    </a:lnTo>
                    <a:lnTo>
                      <a:pt x="79" y="5"/>
                    </a:lnTo>
                    <a:lnTo>
                      <a:pt x="83" y="5"/>
                    </a:lnTo>
                    <a:lnTo>
                      <a:pt x="88" y="5"/>
                    </a:lnTo>
                    <a:lnTo>
                      <a:pt x="90" y="5"/>
                    </a:lnTo>
                    <a:lnTo>
                      <a:pt x="92" y="5"/>
                    </a:lnTo>
                    <a:lnTo>
                      <a:pt x="94" y="5"/>
                    </a:lnTo>
                    <a:lnTo>
                      <a:pt x="96" y="5"/>
                    </a:lnTo>
                    <a:lnTo>
                      <a:pt x="97" y="7"/>
                    </a:lnTo>
                    <a:lnTo>
                      <a:pt x="99" y="7"/>
                    </a:lnTo>
                    <a:lnTo>
                      <a:pt x="101" y="7"/>
                    </a:lnTo>
                    <a:lnTo>
                      <a:pt x="103" y="7"/>
                    </a:lnTo>
                    <a:lnTo>
                      <a:pt x="105" y="7"/>
                    </a:lnTo>
                    <a:lnTo>
                      <a:pt x="105" y="9"/>
                    </a:lnTo>
                    <a:lnTo>
                      <a:pt x="107" y="9"/>
                    </a:lnTo>
                    <a:lnTo>
                      <a:pt x="112" y="9"/>
                    </a:lnTo>
                    <a:lnTo>
                      <a:pt x="114" y="9"/>
                    </a:lnTo>
                    <a:lnTo>
                      <a:pt x="116" y="9"/>
                    </a:lnTo>
                    <a:lnTo>
                      <a:pt x="122" y="11"/>
                    </a:lnTo>
                    <a:lnTo>
                      <a:pt x="123" y="11"/>
                    </a:lnTo>
                    <a:lnTo>
                      <a:pt x="125" y="11"/>
                    </a:lnTo>
                    <a:lnTo>
                      <a:pt x="125" y="12"/>
                    </a:lnTo>
                    <a:lnTo>
                      <a:pt x="127" y="12"/>
                    </a:lnTo>
                    <a:lnTo>
                      <a:pt x="133" y="16"/>
                    </a:lnTo>
                    <a:lnTo>
                      <a:pt x="134" y="16"/>
                    </a:lnTo>
                    <a:lnTo>
                      <a:pt x="136" y="16"/>
                    </a:lnTo>
                    <a:lnTo>
                      <a:pt x="136" y="18"/>
                    </a:lnTo>
                    <a:lnTo>
                      <a:pt x="138" y="18"/>
                    </a:lnTo>
                    <a:lnTo>
                      <a:pt x="138" y="20"/>
                    </a:lnTo>
                    <a:lnTo>
                      <a:pt x="140" y="20"/>
                    </a:lnTo>
                    <a:lnTo>
                      <a:pt x="140" y="22"/>
                    </a:lnTo>
                    <a:lnTo>
                      <a:pt x="142" y="22"/>
                    </a:lnTo>
                    <a:lnTo>
                      <a:pt x="142" y="24"/>
                    </a:lnTo>
                    <a:lnTo>
                      <a:pt x="144" y="25"/>
                    </a:lnTo>
                    <a:lnTo>
                      <a:pt x="146" y="27"/>
                    </a:lnTo>
                    <a:lnTo>
                      <a:pt x="147" y="27"/>
                    </a:lnTo>
                    <a:lnTo>
                      <a:pt x="147" y="29"/>
                    </a:lnTo>
                    <a:lnTo>
                      <a:pt x="149" y="29"/>
                    </a:lnTo>
                    <a:lnTo>
                      <a:pt x="151" y="29"/>
                    </a:lnTo>
                    <a:lnTo>
                      <a:pt x="151" y="31"/>
                    </a:lnTo>
                    <a:lnTo>
                      <a:pt x="153" y="31"/>
                    </a:lnTo>
                    <a:lnTo>
                      <a:pt x="155" y="31"/>
                    </a:lnTo>
                    <a:lnTo>
                      <a:pt x="155" y="33"/>
                    </a:lnTo>
                    <a:lnTo>
                      <a:pt x="157" y="33"/>
                    </a:lnTo>
                    <a:lnTo>
                      <a:pt x="157" y="35"/>
                    </a:lnTo>
                    <a:lnTo>
                      <a:pt x="158" y="35"/>
                    </a:lnTo>
                    <a:lnTo>
                      <a:pt x="160" y="35"/>
                    </a:lnTo>
                    <a:lnTo>
                      <a:pt x="166" y="38"/>
                    </a:lnTo>
                    <a:lnTo>
                      <a:pt x="168" y="38"/>
                    </a:lnTo>
                    <a:lnTo>
                      <a:pt x="170" y="38"/>
                    </a:lnTo>
                    <a:lnTo>
                      <a:pt x="170" y="40"/>
                    </a:lnTo>
                    <a:lnTo>
                      <a:pt x="171" y="40"/>
                    </a:lnTo>
                    <a:lnTo>
                      <a:pt x="173" y="40"/>
                    </a:lnTo>
                    <a:lnTo>
                      <a:pt x="173" y="38"/>
                    </a:lnTo>
                    <a:lnTo>
                      <a:pt x="175" y="38"/>
                    </a:lnTo>
                    <a:lnTo>
                      <a:pt x="177" y="38"/>
                    </a:lnTo>
                    <a:lnTo>
                      <a:pt x="179" y="38"/>
                    </a:lnTo>
                    <a:lnTo>
                      <a:pt x="181" y="37"/>
                    </a:lnTo>
                    <a:lnTo>
                      <a:pt x="184" y="33"/>
                    </a:lnTo>
                    <a:lnTo>
                      <a:pt x="186" y="33"/>
                    </a:lnTo>
                    <a:lnTo>
                      <a:pt x="188" y="33"/>
                    </a:lnTo>
                    <a:lnTo>
                      <a:pt x="190" y="33"/>
                    </a:lnTo>
                    <a:lnTo>
                      <a:pt x="192" y="35"/>
                    </a:lnTo>
                    <a:lnTo>
                      <a:pt x="194" y="35"/>
                    </a:lnTo>
                    <a:lnTo>
                      <a:pt x="195" y="35"/>
                    </a:lnTo>
                    <a:lnTo>
                      <a:pt x="201" y="33"/>
                    </a:lnTo>
                    <a:lnTo>
                      <a:pt x="203" y="33"/>
                    </a:lnTo>
                    <a:lnTo>
                      <a:pt x="205" y="33"/>
                    </a:lnTo>
                    <a:lnTo>
                      <a:pt x="207" y="33"/>
                    </a:lnTo>
                    <a:lnTo>
                      <a:pt x="208" y="35"/>
                    </a:lnTo>
                    <a:lnTo>
                      <a:pt x="218" y="38"/>
                    </a:lnTo>
                    <a:lnTo>
                      <a:pt x="219" y="38"/>
                    </a:lnTo>
                    <a:lnTo>
                      <a:pt x="221" y="38"/>
                    </a:lnTo>
                    <a:lnTo>
                      <a:pt x="223" y="38"/>
                    </a:lnTo>
                    <a:lnTo>
                      <a:pt x="225" y="40"/>
                    </a:lnTo>
                    <a:lnTo>
                      <a:pt x="227" y="42"/>
                    </a:lnTo>
                    <a:lnTo>
                      <a:pt x="229" y="42"/>
                    </a:lnTo>
                    <a:lnTo>
                      <a:pt x="231" y="44"/>
                    </a:lnTo>
                    <a:lnTo>
                      <a:pt x="232" y="44"/>
                    </a:lnTo>
                    <a:lnTo>
                      <a:pt x="232" y="46"/>
                    </a:lnTo>
                    <a:lnTo>
                      <a:pt x="234" y="48"/>
                    </a:lnTo>
                    <a:lnTo>
                      <a:pt x="236" y="48"/>
                    </a:lnTo>
                    <a:lnTo>
                      <a:pt x="236" y="49"/>
                    </a:lnTo>
                    <a:lnTo>
                      <a:pt x="236" y="51"/>
                    </a:lnTo>
                    <a:lnTo>
                      <a:pt x="236" y="55"/>
                    </a:lnTo>
                    <a:lnTo>
                      <a:pt x="238" y="57"/>
                    </a:lnTo>
                    <a:lnTo>
                      <a:pt x="238" y="59"/>
                    </a:lnTo>
                    <a:lnTo>
                      <a:pt x="240" y="59"/>
                    </a:lnTo>
                    <a:lnTo>
                      <a:pt x="240" y="61"/>
                    </a:lnTo>
                    <a:lnTo>
                      <a:pt x="242" y="61"/>
                    </a:lnTo>
                    <a:lnTo>
                      <a:pt x="247" y="62"/>
                    </a:lnTo>
                    <a:lnTo>
                      <a:pt x="249" y="62"/>
                    </a:lnTo>
                    <a:lnTo>
                      <a:pt x="251" y="64"/>
                    </a:lnTo>
                    <a:lnTo>
                      <a:pt x="253" y="64"/>
                    </a:lnTo>
                    <a:lnTo>
                      <a:pt x="255" y="66"/>
                    </a:lnTo>
                    <a:lnTo>
                      <a:pt x="256" y="66"/>
                    </a:lnTo>
                    <a:lnTo>
                      <a:pt x="258" y="66"/>
                    </a:lnTo>
                    <a:lnTo>
                      <a:pt x="256" y="70"/>
                    </a:lnTo>
                    <a:lnTo>
                      <a:pt x="255" y="72"/>
                    </a:lnTo>
                    <a:lnTo>
                      <a:pt x="255" y="70"/>
                    </a:lnTo>
                    <a:lnTo>
                      <a:pt x="255" y="72"/>
                    </a:lnTo>
                    <a:lnTo>
                      <a:pt x="255" y="74"/>
                    </a:lnTo>
                    <a:lnTo>
                      <a:pt x="251" y="77"/>
                    </a:lnTo>
                    <a:lnTo>
                      <a:pt x="251" y="79"/>
                    </a:lnTo>
                    <a:lnTo>
                      <a:pt x="249" y="79"/>
                    </a:lnTo>
                    <a:lnTo>
                      <a:pt x="249" y="77"/>
                    </a:lnTo>
                    <a:lnTo>
                      <a:pt x="247" y="79"/>
                    </a:lnTo>
                    <a:lnTo>
                      <a:pt x="249" y="81"/>
                    </a:lnTo>
                    <a:lnTo>
                      <a:pt x="247" y="81"/>
                    </a:lnTo>
                    <a:lnTo>
                      <a:pt x="247" y="83"/>
                    </a:lnTo>
                    <a:lnTo>
                      <a:pt x="245" y="83"/>
                    </a:lnTo>
                    <a:lnTo>
                      <a:pt x="247" y="83"/>
                    </a:lnTo>
                    <a:lnTo>
                      <a:pt x="247" y="85"/>
                    </a:lnTo>
                    <a:lnTo>
                      <a:pt x="251" y="86"/>
                    </a:lnTo>
                    <a:lnTo>
                      <a:pt x="251" y="85"/>
                    </a:lnTo>
                    <a:lnTo>
                      <a:pt x="253" y="85"/>
                    </a:lnTo>
                    <a:lnTo>
                      <a:pt x="255" y="86"/>
                    </a:lnTo>
                    <a:lnTo>
                      <a:pt x="262" y="88"/>
                    </a:lnTo>
                    <a:lnTo>
                      <a:pt x="266" y="85"/>
                    </a:lnTo>
                    <a:lnTo>
                      <a:pt x="264" y="85"/>
                    </a:lnTo>
                    <a:lnTo>
                      <a:pt x="266" y="83"/>
                    </a:lnTo>
                    <a:lnTo>
                      <a:pt x="266" y="81"/>
                    </a:lnTo>
                    <a:lnTo>
                      <a:pt x="268" y="79"/>
                    </a:lnTo>
                    <a:lnTo>
                      <a:pt x="269" y="79"/>
                    </a:lnTo>
                    <a:lnTo>
                      <a:pt x="273" y="75"/>
                    </a:lnTo>
                    <a:lnTo>
                      <a:pt x="275" y="75"/>
                    </a:lnTo>
                    <a:lnTo>
                      <a:pt x="282" y="81"/>
                    </a:lnTo>
                    <a:lnTo>
                      <a:pt x="286" y="77"/>
                    </a:lnTo>
                    <a:lnTo>
                      <a:pt x="288" y="77"/>
                    </a:lnTo>
                    <a:lnTo>
                      <a:pt x="290" y="77"/>
                    </a:lnTo>
                    <a:lnTo>
                      <a:pt x="292" y="77"/>
                    </a:lnTo>
                    <a:lnTo>
                      <a:pt x="293" y="77"/>
                    </a:lnTo>
                    <a:lnTo>
                      <a:pt x="293" y="79"/>
                    </a:lnTo>
                    <a:lnTo>
                      <a:pt x="295" y="79"/>
                    </a:lnTo>
                    <a:lnTo>
                      <a:pt x="297" y="79"/>
                    </a:lnTo>
                    <a:lnTo>
                      <a:pt x="299" y="81"/>
                    </a:lnTo>
                    <a:lnTo>
                      <a:pt x="301" y="81"/>
                    </a:lnTo>
                    <a:lnTo>
                      <a:pt x="301" y="83"/>
                    </a:lnTo>
                    <a:lnTo>
                      <a:pt x="306" y="86"/>
                    </a:lnTo>
                    <a:lnTo>
                      <a:pt x="306" y="88"/>
                    </a:lnTo>
                    <a:lnTo>
                      <a:pt x="308" y="88"/>
                    </a:lnTo>
                    <a:lnTo>
                      <a:pt x="308" y="90"/>
                    </a:lnTo>
                    <a:lnTo>
                      <a:pt x="310" y="90"/>
                    </a:lnTo>
                    <a:lnTo>
                      <a:pt x="312" y="90"/>
                    </a:lnTo>
                    <a:lnTo>
                      <a:pt x="312" y="92"/>
                    </a:lnTo>
                    <a:lnTo>
                      <a:pt x="314" y="92"/>
                    </a:lnTo>
                    <a:lnTo>
                      <a:pt x="317" y="92"/>
                    </a:lnTo>
                    <a:lnTo>
                      <a:pt x="319" y="92"/>
                    </a:lnTo>
                    <a:lnTo>
                      <a:pt x="321" y="92"/>
                    </a:lnTo>
                    <a:lnTo>
                      <a:pt x="321" y="90"/>
                    </a:lnTo>
                    <a:lnTo>
                      <a:pt x="323" y="90"/>
                    </a:lnTo>
                    <a:lnTo>
                      <a:pt x="325" y="90"/>
                    </a:lnTo>
                    <a:lnTo>
                      <a:pt x="325" y="88"/>
                    </a:lnTo>
                    <a:lnTo>
                      <a:pt x="327" y="88"/>
                    </a:lnTo>
                    <a:lnTo>
                      <a:pt x="329" y="86"/>
                    </a:lnTo>
                    <a:lnTo>
                      <a:pt x="330" y="86"/>
                    </a:lnTo>
                    <a:lnTo>
                      <a:pt x="332" y="86"/>
                    </a:lnTo>
                    <a:lnTo>
                      <a:pt x="332" y="85"/>
                    </a:lnTo>
                    <a:lnTo>
                      <a:pt x="334" y="85"/>
                    </a:lnTo>
                    <a:lnTo>
                      <a:pt x="336" y="85"/>
                    </a:lnTo>
                    <a:lnTo>
                      <a:pt x="338" y="85"/>
                    </a:lnTo>
                    <a:lnTo>
                      <a:pt x="340" y="85"/>
                    </a:lnTo>
                    <a:lnTo>
                      <a:pt x="340" y="83"/>
                    </a:lnTo>
                    <a:lnTo>
                      <a:pt x="341" y="83"/>
                    </a:lnTo>
                    <a:lnTo>
                      <a:pt x="343" y="83"/>
                    </a:lnTo>
                    <a:lnTo>
                      <a:pt x="345" y="81"/>
                    </a:lnTo>
                    <a:lnTo>
                      <a:pt x="347" y="81"/>
                    </a:lnTo>
                    <a:lnTo>
                      <a:pt x="349" y="81"/>
                    </a:lnTo>
                    <a:lnTo>
                      <a:pt x="351" y="81"/>
                    </a:lnTo>
                    <a:lnTo>
                      <a:pt x="354" y="77"/>
                    </a:lnTo>
                    <a:lnTo>
                      <a:pt x="356" y="77"/>
                    </a:lnTo>
                    <a:lnTo>
                      <a:pt x="358" y="75"/>
                    </a:lnTo>
                    <a:lnTo>
                      <a:pt x="360" y="75"/>
                    </a:lnTo>
                    <a:lnTo>
                      <a:pt x="362" y="75"/>
                    </a:lnTo>
                    <a:lnTo>
                      <a:pt x="364" y="75"/>
                    </a:lnTo>
                    <a:lnTo>
                      <a:pt x="366" y="75"/>
                    </a:lnTo>
                    <a:lnTo>
                      <a:pt x="367" y="75"/>
                    </a:lnTo>
                    <a:lnTo>
                      <a:pt x="369" y="75"/>
                    </a:lnTo>
                    <a:lnTo>
                      <a:pt x="371" y="75"/>
                    </a:lnTo>
                    <a:lnTo>
                      <a:pt x="373" y="75"/>
                    </a:lnTo>
                    <a:lnTo>
                      <a:pt x="375" y="75"/>
                    </a:lnTo>
                    <a:lnTo>
                      <a:pt x="375" y="74"/>
                    </a:lnTo>
                    <a:lnTo>
                      <a:pt x="377" y="74"/>
                    </a:lnTo>
                    <a:lnTo>
                      <a:pt x="378" y="74"/>
                    </a:lnTo>
                    <a:lnTo>
                      <a:pt x="378" y="72"/>
                    </a:lnTo>
                    <a:lnTo>
                      <a:pt x="380" y="72"/>
                    </a:lnTo>
                    <a:lnTo>
                      <a:pt x="380" y="70"/>
                    </a:lnTo>
                    <a:lnTo>
                      <a:pt x="382" y="68"/>
                    </a:lnTo>
                    <a:lnTo>
                      <a:pt x="384" y="68"/>
                    </a:lnTo>
                    <a:lnTo>
                      <a:pt x="384" y="66"/>
                    </a:lnTo>
                    <a:lnTo>
                      <a:pt x="386" y="66"/>
                    </a:lnTo>
                    <a:lnTo>
                      <a:pt x="388" y="66"/>
                    </a:lnTo>
                    <a:lnTo>
                      <a:pt x="390" y="66"/>
                    </a:lnTo>
                    <a:lnTo>
                      <a:pt x="390" y="64"/>
                    </a:lnTo>
                    <a:lnTo>
                      <a:pt x="395" y="61"/>
                    </a:lnTo>
                    <a:lnTo>
                      <a:pt x="397" y="61"/>
                    </a:lnTo>
                    <a:lnTo>
                      <a:pt x="397" y="59"/>
                    </a:lnTo>
                    <a:lnTo>
                      <a:pt x="399" y="59"/>
                    </a:lnTo>
                    <a:lnTo>
                      <a:pt x="404" y="57"/>
                    </a:lnTo>
                    <a:lnTo>
                      <a:pt x="406" y="57"/>
                    </a:lnTo>
                    <a:lnTo>
                      <a:pt x="406" y="55"/>
                    </a:lnTo>
                    <a:lnTo>
                      <a:pt x="408" y="55"/>
                    </a:lnTo>
                    <a:lnTo>
                      <a:pt x="414" y="51"/>
                    </a:lnTo>
                    <a:lnTo>
                      <a:pt x="414" y="49"/>
                    </a:lnTo>
                    <a:lnTo>
                      <a:pt x="415" y="49"/>
                    </a:lnTo>
                    <a:lnTo>
                      <a:pt x="417" y="49"/>
                    </a:lnTo>
                    <a:lnTo>
                      <a:pt x="421" y="48"/>
                    </a:lnTo>
                    <a:lnTo>
                      <a:pt x="423" y="48"/>
                    </a:lnTo>
                    <a:lnTo>
                      <a:pt x="423" y="46"/>
                    </a:lnTo>
                    <a:lnTo>
                      <a:pt x="425" y="46"/>
                    </a:lnTo>
                    <a:lnTo>
                      <a:pt x="427" y="42"/>
                    </a:lnTo>
                    <a:lnTo>
                      <a:pt x="427" y="40"/>
                    </a:lnTo>
                    <a:lnTo>
                      <a:pt x="428" y="40"/>
                    </a:lnTo>
                    <a:lnTo>
                      <a:pt x="428" y="38"/>
                    </a:lnTo>
                    <a:lnTo>
                      <a:pt x="430" y="38"/>
                    </a:lnTo>
                    <a:lnTo>
                      <a:pt x="430" y="37"/>
                    </a:lnTo>
                    <a:lnTo>
                      <a:pt x="432" y="37"/>
                    </a:lnTo>
                    <a:lnTo>
                      <a:pt x="434" y="37"/>
                    </a:lnTo>
                    <a:lnTo>
                      <a:pt x="436" y="37"/>
                    </a:lnTo>
                    <a:lnTo>
                      <a:pt x="436" y="35"/>
                    </a:lnTo>
                    <a:lnTo>
                      <a:pt x="438" y="35"/>
                    </a:lnTo>
                    <a:lnTo>
                      <a:pt x="439" y="35"/>
                    </a:lnTo>
                    <a:lnTo>
                      <a:pt x="441" y="35"/>
                    </a:lnTo>
                    <a:lnTo>
                      <a:pt x="443" y="35"/>
                    </a:lnTo>
                    <a:lnTo>
                      <a:pt x="443" y="33"/>
                    </a:lnTo>
                    <a:lnTo>
                      <a:pt x="456" y="27"/>
                    </a:lnTo>
                    <a:lnTo>
                      <a:pt x="458" y="27"/>
                    </a:lnTo>
                    <a:lnTo>
                      <a:pt x="458" y="25"/>
                    </a:lnTo>
                    <a:lnTo>
                      <a:pt x="460" y="25"/>
                    </a:lnTo>
                    <a:lnTo>
                      <a:pt x="462" y="25"/>
                    </a:lnTo>
                    <a:lnTo>
                      <a:pt x="462" y="24"/>
                    </a:lnTo>
                    <a:lnTo>
                      <a:pt x="464" y="24"/>
                    </a:lnTo>
                    <a:lnTo>
                      <a:pt x="465" y="22"/>
                    </a:lnTo>
                    <a:lnTo>
                      <a:pt x="467" y="20"/>
                    </a:lnTo>
                    <a:lnTo>
                      <a:pt x="473" y="16"/>
                    </a:lnTo>
                    <a:lnTo>
                      <a:pt x="473" y="14"/>
                    </a:lnTo>
                    <a:lnTo>
                      <a:pt x="475" y="14"/>
                    </a:lnTo>
                    <a:lnTo>
                      <a:pt x="476" y="14"/>
                    </a:lnTo>
                    <a:lnTo>
                      <a:pt x="476" y="12"/>
                    </a:lnTo>
                    <a:lnTo>
                      <a:pt x="478" y="12"/>
                    </a:lnTo>
                    <a:lnTo>
                      <a:pt x="480" y="11"/>
                    </a:lnTo>
                    <a:lnTo>
                      <a:pt x="482" y="11"/>
                    </a:lnTo>
                    <a:lnTo>
                      <a:pt x="484" y="11"/>
                    </a:lnTo>
                    <a:lnTo>
                      <a:pt x="486" y="9"/>
                    </a:lnTo>
                    <a:lnTo>
                      <a:pt x="488" y="9"/>
                    </a:lnTo>
                    <a:lnTo>
                      <a:pt x="489" y="9"/>
                    </a:lnTo>
                    <a:lnTo>
                      <a:pt x="491" y="9"/>
                    </a:lnTo>
                    <a:lnTo>
                      <a:pt x="493" y="9"/>
                    </a:lnTo>
                    <a:lnTo>
                      <a:pt x="495" y="9"/>
                    </a:lnTo>
                    <a:lnTo>
                      <a:pt x="497" y="11"/>
                    </a:lnTo>
                    <a:lnTo>
                      <a:pt x="499" y="11"/>
                    </a:lnTo>
                    <a:lnTo>
                      <a:pt x="500" y="11"/>
                    </a:lnTo>
                    <a:lnTo>
                      <a:pt x="502" y="12"/>
                    </a:lnTo>
                    <a:lnTo>
                      <a:pt x="504" y="12"/>
                    </a:lnTo>
                    <a:lnTo>
                      <a:pt x="506" y="12"/>
                    </a:lnTo>
                    <a:lnTo>
                      <a:pt x="510" y="12"/>
                    </a:lnTo>
                    <a:lnTo>
                      <a:pt x="512" y="14"/>
                    </a:lnTo>
                    <a:lnTo>
                      <a:pt x="513" y="14"/>
                    </a:lnTo>
                    <a:lnTo>
                      <a:pt x="515" y="14"/>
                    </a:lnTo>
                    <a:lnTo>
                      <a:pt x="517" y="16"/>
                    </a:lnTo>
                    <a:lnTo>
                      <a:pt x="519" y="16"/>
                    </a:lnTo>
                    <a:lnTo>
                      <a:pt x="521" y="16"/>
                    </a:lnTo>
                    <a:lnTo>
                      <a:pt x="525" y="16"/>
                    </a:lnTo>
                    <a:lnTo>
                      <a:pt x="526" y="18"/>
                    </a:lnTo>
                    <a:lnTo>
                      <a:pt x="528" y="18"/>
                    </a:lnTo>
                    <a:lnTo>
                      <a:pt x="530" y="18"/>
                    </a:lnTo>
                    <a:lnTo>
                      <a:pt x="532" y="18"/>
                    </a:lnTo>
                    <a:lnTo>
                      <a:pt x="534" y="20"/>
                    </a:lnTo>
                    <a:lnTo>
                      <a:pt x="536" y="20"/>
                    </a:lnTo>
                    <a:lnTo>
                      <a:pt x="539" y="20"/>
                    </a:lnTo>
                    <a:lnTo>
                      <a:pt x="541" y="20"/>
                    </a:lnTo>
                    <a:lnTo>
                      <a:pt x="543" y="20"/>
                    </a:lnTo>
                    <a:lnTo>
                      <a:pt x="545" y="22"/>
                    </a:lnTo>
                    <a:lnTo>
                      <a:pt x="547" y="22"/>
                    </a:lnTo>
                    <a:lnTo>
                      <a:pt x="549" y="22"/>
                    </a:lnTo>
                    <a:lnTo>
                      <a:pt x="552" y="22"/>
                    </a:lnTo>
                    <a:lnTo>
                      <a:pt x="554" y="22"/>
                    </a:lnTo>
                    <a:lnTo>
                      <a:pt x="556" y="24"/>
                    </a:lnTo>
                    <a:lnTo>
                      <a:pt x="558" y="24"/>
                    </a:lnTo>
                    <a:lnTo>
                      <a:pt x="560" y="24"/>
                    </a:lnTo>
                    <a:lnTo>
                      <a:pt x="561" y="24"/>
                    </a:lnTo>
                    <a:lnTo>
                      <a:pt x="561" y="25"/>
                    </a:lnTo>
                    <a:lnTo>
                      <a:pt x="563" y="24"/>
                    </a:lnTo>
                    <a:lnTo>
                      <a:pt x="565" y="24"/>
                    </a:lnTo>
                    <a:lnTo>
                      <a:pt x="567" y="24"/>
                    </a:lnTo>
                    <a:lnTo>
                      <a:pt x="569" y="24"/>
                    </a:lnTo>
                    <a:lnTo>
                      <a:pt x="571" y="24"/>
                    </a:lnTo>
                    <a:lnTo>
                      <a:pt x="573" y="24"/>
                    </a:lnTo>
                    <a:lnTo>
                      <a:pt x="574" y="22"/>
                    </a:lnTo>
                    <a:lnTo>
                      <a:pt x="576" y="22"/>
                    </a:lnTo>
                    <a:lnTo>
                      <a:pt x="578" y="22"/>
                    </a:lnTo>
                    <a:lnTo>
                      <a:pt x="580" y="22"/>
                    </a:lnTo>
                    <a:lnTo>
                      <a:pt x="582" y="22"/>
                    </a:lnTo>
                    <a:lnTo>
                      <a:pt x="584" y="22"/>
                    </a:lnTo>
                    <a:lnTo>
                      <a:pt x="586" y="22"/>
                    </a:lnTo>
                    <a:lnTo>
                      <a:pt x="587" y="22"/>
                    </a:lnTo>
                    <a:lnTo>
                      <a:pt x="587" y="24"/>
                    </a:lnTo>
                    <a:lnTo>
                      <a:pt x="589" y="24"/>
                    </a:lnTo>
                    <a:lnTo>
                      <a:pt x="591" y="24"/>
                    </a:lnTo>
                    <a:lnTo>
                      <a:pt x="593" y="24"/>
                    </a:lnTo>
                    <a:lnTo>
                      <a:pt x="593" y="25"/>
                    </a:lnTo>
                    <a:lnTo>
                      <a:pt x="595" y="25"/>
                    </a:lnTo>
                    <a:lnTo>
                      <a:pt x="597" y="25"/>
                    </a:lnTo>
                    <a:lnTo>
                      <a:pt x="597" y="27"/>
                    </a:lnTo>
                    <a:lnTo>
                      <a:pt x="598" y="27"/>
                    </a:lnTo>
                    <a:lnTo>
                      <a:pt x="600" y="29"/>
                    </a:lnTo>
                    <a:lnTo>
                      <a:pt x="602" y="29"/>
                    </a:lnTo>
                    <a:lnTo>
                      <a:pt x="602" y="31"/>
                    </a:lnTo>
                    <a:lnTo>
                      <a:pt x="604" y="31"/>
                    </a:lnTo>
                    <a:lnTo>
                      <a:pt x="606" y="33"/>
                    </a:lnTo>
                    <a:lnTo>
                      <a:pt x="608" y="33"/>
                    </a:lnTo>
                    <a:lnTo>
                      <a:pt x="608" y="35"/>
                    </a:lnTo>
                    <a:lnTo>
                      <a:pt x="610" y="35"/>
                    </a:lnTo>
                    <a:lnTo>
                      <a:pt x="610" y="37"/>
                    </a:lnTo>
                    <a:lnTo>
                      <a:pt x="611" y="37"/>
                    </a:lnTo>
                    <a:lnTo>
                      <a:pt x="611" y="38"/>
                    </a:lnTo>
                    <a:lnTo>
                      <a:pt x="613" y="38"/>
                    </a:lnTo>
                    <a:lnTo>
                      <a:pt x="613" y="40"/>
                    </a:lnTo>
                    <a:lnTo>
                      <a:pt x="615" y="40"/>
                    </a:lnTo>
                    <a:lnTo>
                      <a:pt x="617" y="42"/>
                    </a:lnTo>
                    <a:lnTo>
                      <a:pt x="619" y="42"/>
                    </a:lnTo>
                    <a:lnTo>
                      <a:pt x="619" y="44"/>
                    </a:lnTo>
                    <a:lnTo>
                      <a:pt x="621" y="44"/>
                    </a:lnTo>
                    <a:lnTo>
                      <a:pt x="622" y="44"/>
                    </a:lnTo>
                    <a:lnTo>
                      <a:pt x="624" y="46"/>
                    </a:lnTo>
                    <a:lnTo>
                      <a:pt x="626" y="46"/>
                    </a:lnTo>
                    <a:lnTo>
                      <a:pt x="628" y="46"/>
                    </a:lnTo>
                    <a:lnTo>
                      <a:pt x="630" y="46"/>
                    </a:lnTo>
                    <a:lnTo>
                      <a:pt x="632" y="46"/>
                    </a:lnTo>
                    <a:lnTo>
                      <a:pt x="634" y="48"/>
                    </a:lnTo>
                    <a:lnTo>
                      <a:pt x="635" y="48"/>
                    </a:lnTo>
                    <a:lnTo>
                      <a:pt x="637" y="48"/>
                    </a:lnTo>
                    <a:lnTo>
                      <a:pt x="639" y="48"/>
                    </a:lnTo>
                    <a:lnTo>
                      <a:pt x="641" y="48"/>
                    </a:lnTo>
                    <a:lnTo>
                      <a:pt x="641" y="49"/>
                    </a:lnTo>
                    <a:lnTo>
                      <a:pt x="643" y="49"/>
                    </a:lnTo>
                    <a:lnTo>
                      <a:pt x="645" y="49"/>
                    </a:lnTo>
                    <a:lnTo>
                      <a:pt x="645" y="51"/>
                    </a:lnTo>
                    <a:lnTo>
                      <a:pt x="647" y="51"/>
                    </a:lnTo>
                    <a:lnTo>
                      <a:pt x="648" y="51"/>
                    </a:lnTo>
                    <a:lnTo>
                      <a:pt x="650" y="51"/>
                    </a:lnTo>
                    <a:lnTo>
                      <a:pt x="652" y="51"/>
                    </a:lnTo>
                    <a:lnTo>
                      <a:pt x="654" y="49"/>
                    </a:lnTo>
                    <a:lnTo>
                      <a:pt x="656" y="49"/>
                    </a:lnTo>
                    <a:lnTo>
                      <a:pt x="658" y="48"/>
                    </a:lnTo>
                    <a:lnTo>
                      <a:pt x="659" y="48"/>
                    </a:lnTo>
                    <a:lnTo>
                      <a:pt x="659" y="46"/>
                    </a:lnTo>
                    <a:lnTo>
                      <a:pt x="661" y="46"/>
                    </a:lnTo>
                    <a:lnTo>
                      <a:pt x="661" y="44"/>
                    </a:lnTo>
                    <a:lnTo>
                      <a:pt x="663" y="44"/>
                    </a:lnTo>
                    <a:lnTo>
                      <a:pt x="665" y="44"/>
                    </a:lnTo>
                    <a:lnTo>
                      <a:pt x="672" y="48"/>
                    </a:lnTo>
                    <a:lnTo>
                      <a:pt x="674" y="48"/>
                    </a:lnTo>
                    <a:lnTo>
                      <a:pt x="676" y="51"/>
                    </a:lnTo>
                    <a:lnTo>
                      <a:pt x="678" y="53"/>
                    </a:lnTo>
                    <a:lnTo>
                      <a:pt x="678" y="55"/>
                    </a:lnTo>
                    <a:lnTo>
                      <a:pt x="680" y="57"/>
                    </a:lnTo>
                    <a:lnTo>
                      <a:pt x="683" y="59"/>
                    </a:lnTo>
                    <a:lnTo>
                      <a:pt x="685" y="61"/>
                    </a:lnTo>
                    <a:lnTo>
                      <a:pt x="685" y="62"/>
                    </a:lnTo>
                    <a:lnTo>
                      <a:pt x="691" y="68"/>
                    </a:lnTo>
                    <a:lnTo>
                      <a:pt x="693" y="70"/>
                    </a:lnTo>
                    <a:lnTo>
                      <a:pt x="695" y="68"/>
                    </a:lnTo>
                    <a:lnTo>
                      <a:pt x="696" y="70"/>
                    </a:lnTo>
                    <a:lnTo>
                      <a:pt x="696" y="68"/>
                    </a:lnTo>
                    <a:lnTo>
                      <a:pt x="700" y="68"/>
                    </a:lnTo>
                    <a:lnTo>
                      <a:pt x="700" y="72"/>
                    </a:lnTo>
                    <a:lnTo>
                      <a:pt x="702" y="70"/>
                    </a:lnTo>
                    <a:lnTo>
                      <a:pt x="708" y="68"/>
                    </a:lnTo>
                    <a:lnTo>
                      <a:pt x="715" y="64"/>
                    </a:lnTo>
                    <a:lnTo>
                      <a:pt x="737" y="68"/>
                    </a:lnTo>
                    <a:lnTo>
                      <a:pt x="754" y="68"/>
                    </a:lnTo>
                    <a:lnTo>
                      <a:pt x="780" y="64"/>
                    </a:lnTo>
                    <a:lnTo>
                      <a:pt x="781" y="64"/>
                    </a:lnTo>
                    <a:lnTo>
                      <a:pt x="811" y="59"/>
                    </a:lnTo>
                    <a:lnTo>
                      <a:pt x="839" y="70"/>
                    </a:lnTo>
                    <a:lnTo>
                      <a:pt x="1003" y="133"/>
                    </a:lnTo>
                    <a:lnTo>
                      <a:pt x="1037" y="166"/>
                    </a:lnTo>
                    <a:lnTo>
                      <a:pt x="1146" y="270"/>
                    </a:lnTo>
                    <a:lnTo>
                      <a:pt x="1149" y="271"/>
                    </a:lnTo>
                    <a:lnTo>
                      <a:pt x="1160" y="273"/>
                    </a:lnTo>
                    <a:lnTo>
                      <a:pt x="1155" y="279"/>
                    </a:lnTo>
                    <a:lnTo>
                      <a:pt x="1110" y="321"/>
                    </a:lnTo>
                    <a:lnTo>
                      <a:pt x="1068" y="362"/>
                    </a:lnTo>
                    <a:lnTo>
                      <a:pt x="1064" y="364"/>
                    </a:lnTo>
                    <a:lnTo>
                      <a:pt x="1062" y="364"/>
                    </a:lnTo>
                    <a:lnTo>
                      <a:pt x="1062" y="366"/>
                    </a:lnTo>
                    <a:lnTo>
                      <a:pt x="1059" y="366"/>
                    </a:lnTo>
                    <a:lnTo>
                      <a:pt x="1059" y="368"/>
                    </a:lnTo>
                    <a:lnTo>
                      <a:pt x="1057" y="368"/>
                    </a:lnTo>
                    <a:lnTo>
                      <a:pt x="1057" y="369"/>
                    </a:lnTo>
                    <a:lnTo>
                      <a:pt x="1053" y="373"/>
                    </a:lnTo>
                    <a:lnTo>
                      <a:pt x="1051" y="373"/>
                    </a:lnTo>
                    <a:lnTo>
                      <a:pt x="1051" y="375"/>
                    </a:lnTo>
                    <a:lnTo>
                      <a:pt x="1049" y="375"/>
                    </a:lnTo>
                    <a:lnTo>
                      <a:pt x="1049" y="377"/>
                    </a:lnTo>
                    <a:lnTo>
                      <a:pt x="1049" y="379"/>
                    </a:lnTo>
                    <a:lnTo>
                      <a:pt x="1048" y="379"/>
                    </a:lnTo>
                    <a:lnTo>
                      <a:pt x="1048" y="381"/>
                    </a:lnTo>
                    <a:lnTo>
                      <a:pt x="1046" y="384"/>
                    </a:lnTo>
                    <a:lnTo>
                      <a:pt x="1046" y="386"/>
                    </a:lnTo>
                    <a:lnTo>
                      <a:pt x="1046" y="384"/>
                    </a:lnTo>
                    <a:lnTo>
                      <a:pt x="1044" y="384"/>
                    </a:lnTo>
                    <a:lnTo>
                      <a:pt x="1042" y="384"/>
                    </a:lnTo>
                    <a:lnTo>
                      <a:pt x="1040" y="382"/>
                    </a:lnTo>
                    <a:lnTo>
                      <a:pt x="1038" y="382"/>
                    </a:lnTo>
                    <a:lnTo>
                      <a:pt x="1037" y="382"/>
                    </a:lnTo>
                    <a:lnTo>
                      <a:pt x="1035" y="382"/>
                    </a:lnTo>
                    <a:lnTo>
                      <a:pt x="1035" y="386"/>
                    </a:lnTo>
                    <a:lnTo>
                      <a:pt x="1033" y="386"/>
                    </a:lnTo>
                    <a:lnTo>
                      <a:pt x="1033" y="388"/>
                    </a:lnTo>
                    <a:lnTo>
                      <a:pt x="1031" y="388"/>
                    </a:lnTo>
                    <a:lnTo>
                      <a:pt x="1031" y="390"/>
                    </a:lnTo>
                    <a:lnTo>
                      <a:pt x="1031" y="392"/>
                    </a:lnTo>
                    <a:lnTo>
                      <a:pt x="1029" y="392"/>
                    </a:lnTo>
                    <a:lnTo>
                      <a:pt x="1027" y="392"/>
                    </a:lnTo>
                    <a:lnTo>
                      <a:pt x="1027" y="390"/>
                    </a:lnTo>
                    <a:lnTo>
                      <a:pt x="1025" y="390"/>
                    </a:lnTo>
                    <a:lnTo>
                      <a:pt x="1025" y="392"/>
                    </a:lnTo>
                    <a:lnTo>
                      <a:pt x="1025" y="394"/>
                    </a:lnTo>
                    <a:lnTo>
                      <a:pt x="1025" y="395"/>
                    </a:lnTo>
                    <a:lnTo>
                      <a:pt x="1024" y="397"/>
                    </a:lnTo>
                    <a:lnTo>
                      <a:pt x="1024" y="401"/>
                    </a:lnTo>
                    <a:lnTo>
                      <a:pt x="1022" y="401"/>
                    </a:lnTo>
                    <a:lnTo>
                      <a:pt x="1022" y="403"/>
                    </a:lnTo>
                    <a:lnTo>
                      <a:pt x="1022" y="405"/>
                    </a:lnTo>
                    <a:lnTo>
                      <a:pt x="1018" y="405"/>
                    </a:lnTo>
                    <a:lnTo>
                      <a:pt x="1018" y="406"/>
                    </a:lnTo>
                    <a:lnTo>
                      <a:pt x="1020" y="408"/>
                    </a:lnTo>
                    <a:lnTo>
                      <a:pt x="1020" y="410"/>
                    </a:lnTo>
                    <a:lnTo>
                      <a:pt x="1020" y="412"/>
                    </a:lnTo>
                    <a:lnTo>
                      <a:pt x="1018" y="412"/>
                    </a:lnTo>
                    <a:lnTo>
                      <a:pt x="1018" y="414"/>
                    </a:lnTo>
                    <a:lnTo>
                      <a:pt x="1018" y="416"/>
                    </a:lnTo>
                    <a:lnTo>
                      <a:pt x="1018" y="418"/>
                    </a:lnTo>
                    <a:lnTo>
                      <a:pt x="1018" y="419"/>
                    </a:lnTo>
                    <a:lnTo>
                      <a:pt x="1018" y="421"/>
                    </a:lnTo>
                    <a:lnTo>
                      <a:pt x="1016" y="423"/>
                    </a:lnTo>
                    <a:lnTo>
                      <a:pt x="1014" y="423"/>
                    </a:lnTo>
                    <a:lnTo>
                      <a:pt x="1013" y="423"/>
                    </a:lnTo>
                    <a:lnTo>
                      <a:pt x="1013" y="425"/>
                    </a:lnTo>
                    <a:lnTo>
                      <a:pt x="1013" y="427"/>
                    </a:lnTo>
                    <a:lnTo>
                      <a:pt x="1013" y="429"/>
                    </a:lnTo>
                    <a:lnTo>
                      <a:pt x="1011" y="429"/>
                    </a:lnTo>
                    <a:lnTo>
                      <a:pt x="1011" y="427"/>
                    </a:lnTo>
                    <a:lnTo>
                      <a:pt x="1009" y="427"/>
                    </a:lnTo>
                    <a:lnTo>
                      <a:pt x="1007" y="427"/>
                    </a:lnTo>
                    <a:lnTo>
                      <a:pt x="1005" y="425"/>
                    </a:lnTo>
                    <a:lnTo>
                      <a:pt x="1005" y="423"/>
                    </a:lnTo>
                    <a:lnTo>
                      <a:pt x="1005" y="421"/>
                    </a:lnTo>
                    <a:lnTo>
                      <a:pt x="1005" y="419"/>
                    </a:lnTo>
                    <a:lnTo>
                      <a:pt x="1003" y="419"/>
                    </a:lnTo>
                    <a:lnTo>
                      <a:pt x="1003" y="418"/>
                    </a:lnTo>
                    <a:lnTo>
                      <a:pt x="1001" y="416"/>
                    </a:lnTo>
                    <a:lnTo>
                      <a:pt x="1000" y="416"/>
                    </a:lnTo>
                    <a:lnTo>
                      <a:pt x="998" y="416"/>
                    </a:lnTo>
                    <a:lnTo>
                      <a:pt x="996" y="416"/>
                    </a:lnTo>
                    <a:lnTo>
                      <a:pt x="996" y="414"/>
                    </a:lnTo>
                    <a:lnTo>
                      <a:pt x="994" y="414"/>
                    </a:lnTo>
                    <a:lnTo>
                      <a:pt x="994" y="412"/>
                    </a:lnTo>
                    <a:lnTo>
                      <a:pt x="992" y="412"/>
                    </a:lnTo>
                    <a:lnTo>
                      <a:pt x="992" y="410"/>
                    </a:lnTo>
                    <a:lnTo>
                      <a:pt x="990" y="410"/>
                    </a:lnTo>
                    <a:lnTo>
                      <a:pt x="990" y="408"/>
                    </a:lnTo>
                    <a:lnTo>
                      <a:pt x="988" y="408"/>
                    </a:lnTo>
                    <a:lnTo>
                      <a:pt x="990" y="406"/>
                    </a:lnTo>
                    <a:lnTo>
                      <a:pt x="990" y="405"/>
                    </a:lnTo>
                    <a:lnTo>
                      <a:pt x="988" y="405"/>
                    </a:lnTo>
                    <a:lnTo>
                      <a:pt x="987" y="405"/>
                    </a:lnTo>
                    <a:lnTo>
                      <a:pt x="985" y="405"/>
                    </a:lnTo>
                    <a:lnTo>
                      <a:pt x="983" y="405"/>
                    </a:lnTo>
                    <a:lnTo>
                      <a:pt x="983" y="406"/>
                    </a:lnTo>
                    <a:lnTo>
                      <a:pt x="981" y="406"/>
                    </a:lnTo>
                    <a:lnTo>
                      <a:pt x="979" y="408"/>
                    </a:lnTo>
                    <a:lnTo>
                      <a:pt x="977" y="408"/>
                    </a:lnTo>
                    <a:lnTo>
                      <a:pt x="976" y="408"/>
                    </a:lnTo>
                    <a:lnTo>
                      <a:pt x="976" y="410"/>
                    </a:lnTo>
                    <a:lnTo>
                      <a:pt x="974" y="410"/>
                    </a:lnTo>
                    <a:lnTo>
                      <a:pt x="972" y="410"/>
                    </a:lnTo>
                    <a:lnTo>
                      <a:pt x="972" y="408"/>
                    </a:lnTo>
                    <a:lnTo>
                      <a:pt x="970" y="408"/>
                    </a:lnTo>
                    <a:lnTo>
                      <a:pt x="972" y="408"/>
                    </a:lnTo>
                    <a:lnTo>
                      <a:pt x="972" y="406"/>
                    </a:lnTo>
                    <a:lnTo>
                      <a:pt x="972" y="405"/>
                    </a:lnTo>
                    <a:lnTo>
                      <a:pt x="974" y="403"/>
                    </a:lnTo>
                    <a:lnTo>
                      <a:pt x="976" y="403"/>
                    </a:lnTo>
                    <a:lnTo>
                      <a:pt x="976" y="401"/>
                    </a:lnTo>
                    <a:lnTo>
                      <a:pt x="977" y="401"/>
                    </a:lnTo>
                    <a:lnTo>
                      <a:pt x="979" y="401"/>
                    </a:lnTo>
                    <a:lnTo>
                      <a:pt x="979" y="399"/>
                    </a:lnTo>
                    <a:lnTo>
                      <a:pt x="977" y="397"/>
                    </a:lnTo>
                    <a:lnTo>
                      <a:pt x="976" y="397"/>
                    </a:lnTo>
                    <a:lnTo>
                      <a:pt x="974" y="395"/>
                    </a:lnTo>
                    <a:lnTo>
                      <a:pt x="974" y="394"/>
                    </a:lnTo>
                    <a:lnTo>
                      <a:pt x="974" y="392"/>
                    </a:lnTo>
                    <a:lnTo>
                      <a:pt x="976" y="392"/>
                    </a:lnTo>
                    <a:lnTo>
                      <a:pt x="976" y="390"/>
                    </a:lnTo>
                    <a:lnTo>
                      <a:pt x="976" y="392"/>
                    </a:lnTo>
                    <a:lnTo>
                      <a:pt x="977" y="390"/>
                    </a:lnTo>
                    <a:lnTo>
                      <a:pt x="977" y="392"/>
                    </a:lnTo>
                    <a:lnTo>
                      <a:pt x="979" y="390"/>
                    </a:lnTo>
                    <a:lnTo>
                      <a:pt x="981" y="390"/>
                    </a:lnTo>
                    <a:lnTo>
                      <a:pt x="981" y="388"/>
                    </a:lnTo>
                    <a:lnTo>
                      <a:pt x="981" y="386"/>
                    </a:lnTo>
                    <a:lnTo>
                      <a:pt x="981" y="384"/>
                    </a:lnTo>
                    <a:lnTo>
                      <a:pt x="981" y="382"/>
                    </a:lnTo>
                    <a:lnTo>
                      <a:pt x="981" y="381"/>
                    </a:lnTo>
                    <a:lnTo>
                      <a:pt x="981" y="379"/>
                    </a:lnTo>
                    <a:lnTo>
                      <a:pt x="979" y="379"/>
                    </a:lnTo>
                    <a:lnTo>
                      <a:pt x="977" y="377"/>
                    </a:lnTo>
                    <a:lnTo>
                      <a:pt x="976" y="377"/>
                    </a:lnTo>
                    <a:lnTo>
                      <a:pt x="974" y="377"/>
                    </a:lnTo>
                    <a:lnTo>
                      <a:pt x="972" y="377"/>
                    </a:lnTo>
                    <a:lnTo>
                      <a:pt x="972" y="379"/>
                    </a:lnTo>
                    <a:lnTo>
                      <a:pt x="970" y="377"/>
                    </a:lnTo>
                    <a:lnTo>
                      <a:pt x="968" y="377"/>
                    </a:lnTo>
                    <a:lnTo>
                      <a:pt x="968" y="375"/>
                    </a:lnTo>
                    <a:lnTo>
                      <a:pt x="966" y="375"/>
                    </a:lnTo>
                    <a:lnTo>
                      <a:pt x="964" y="375"/>
                    </a:lnTo>
                    <a:lnTo>
                      <a:pt x="964" y="373"/>
                    </a:lnTo>
                    <a:lnTo>
                      <a:pt x="963" y="373"/>
                    </a:lnTo>
                    <a:lnTo>
                      <a:pt x="963" y="375"/>
                    </a:lnTo>
                    <a:lnTo>
                      <a:pt x="961" y="373"/>
                    </a:lnTo>
                    <a:lnTo>
                      <a:pt x="959" y="373"/>
                    </a:lnTo>
                    <a:lnTo>
                      <a:pt x="957" y="373"/>
                    </a:lnTo>
                    <a:lnTo>
                      <a:pt x="955" y="373"/>
                    </a:lnTo>
                    <a:lnTo>
                      <a:pt x="955" y="375"/>
                    </a:lnTo>
                    <a:lnTo>
                      <a:pt x="955" y="377"/>
                    </a:lnTo>
                    <a:lnTo>
                      <a:pt x="955" y="379"/>
                    </a:lnTo>
                    <a:lnTo>
                      <a:pt x="953" y="379"/>
                    </a:lnTo>
                    <a:lnTo>
                      <a:pt x="950" y="377"/>
                    </a:lnTo>
                    <a:lnTo>
                      <a:pt x="946" y="377"/>
                    </a:lnTo>
                    <a:lnTo>
                      <a:pt x="944" y="377"/>
                    </a:lnTo>
                    <a:lnTo>
                      <a:pt x="942" y="377"/>
                    </a:lnTo>
                    <a:lnTo>
                      <a:pt x="940" y="375"/>
                    </a:lnTo>
                    <a:lnTo>
                      <a:pt x="939" y="373"/>
                    </a:lnTo>
                    <a:lnTo>
                      <a:pt x="937" y="373"/>
                    </a:lnTo>
                    <a:lnTo>
                      <a:pt x="935" y="373"/>
                    </a:lnTo>
                    <a:lnTo>
                      <a:pt x="933" y="373"/>
                    </a:lnTo>
                    <a:lnTo>
                      <a:pt x="933" y="375"/>
                    </a:lnTo>
                    <a:lnTo>
                      <a:pt x="931" y="375"/>
                    </a:lnTo>
                    <a:lnTo>
                      <a:pt x="931" y="377"/>
                    </a:lnTo>
                    <a:lnTo>
                      <a:pt x="931" y="379"/>
                    </a:lnTo>
                    <a:lnTo>
                      <a:pt x="929" y="379"/>
                    </a:lnTo>
                    <a:lnTo>
                      <a:pt x="929" y="377"/>
                    </a:lnTo>
                    <a:lnTo>
                      <a:pt x="927" y="375"/>
                    </a:lnTo>
                    <a:lnTo>
                      <a:pt x="929" y="375"/>
                    </a:lnTo>
                    <a:lnTo>
                      <a:pt x="929" y="373"/>
                    </a:lnTo>
                    <a:lnTo>
                      <a:pt x="929" y="371"/>
                    </a:lnTo>
                    <a:lnTo>
                      <a:pt x="929" y="369"/>
                    </a:lnTo>
                    <a:lnTo>
                      <a:pt x="931" y="368"/>
                    </a:lnTo>
                    <a:lnTo>
                      <a:pt x="931" y="366"/>
                    </a:lnTo>
                    <a:lnTo>
                      <a:pt x="933" y="366"/>
                    </a:lnTo>
                    <a:lnTo>
                      <a:pt x="935" y="368"/>
                    </a:lnTo>
                    <a:lnTo>
                      <a:pt x="937" y="368"/>
                    </a:lnTo>
                    <a:lnTo>
                      <a:pt x="939" y="364"/>
                    </a:lnTo>
                    <a:lnTo>
                      <a:pt x="940" y="364"/>
                    </a:lnTo>
                    <a:lnTo>
                      <a:pt x="942" y="364"/>
                    </a:lnTo>
                    <a:lnTo>
                      <a:pt x="942" y="362"/>
                    </a:lnTo>
                    <a:lnTo>
                      <a:pt x="942" y="360"/>
                    </a:lnTo>
                    <a:lnTo>
                      <a:pt x="944" y="360"/>
                    </a:lnTo>
                    <a:lnTo>
                      <a:pt x="944" y="357"/>
                    </a:lnTo>
                    <a:lnTo>
                      <a:pt x="942" y="357"/>
                    </a:lnTo>
                    <a:lnTo>
                      <a:pt x="940" y="357"/>
                    </a:lnTo>
                    <a:lnTo>
                      <a:pt x="940" y="355"/>
                    </a:lnTo>
                    <a:lnTo>
                      <a:pt x="942" y="355"/>
                    </a:lnTo>
                    <a:lnTo>
                      <a:pt x="942" y="353"/>
                    </a:lnTo>
                    <a:lnTo>
                      <a:pt x="944" y="351"/>
                    </a:lnTo>
                    <a:lnTo>
                      <a:pt x="946" y="351"/>
                    </a:lnTo>
                    <a:lnTo>
                      <a:pt x="946" y="349"/>
                    </a:lnTo>
                    <a:lnTo>
                      <a:pt x="948" y="349"/>
                    </a:lnTo>
                    <a:lnTo>
                      <a:pt x="950" y="349"/>
                    </a:lnTo>
                    <a:lnTo>
                      <a:pt x="952" y="349"/>
                    </a:lnTo>
                    <a:lnTo>
                      <a:pt x="953" y="349"/>
                    </a:lnTo>
                    <a:lnTo>
                      <a:pt x="953" y="347"/>
                    </a:lnTo>
                    <a:lnTo>
                      <a:pt x="955" y="345"/>
                    </a:lnTo>
                    <a:lnTo>
                      <a:pt x="955" y="347"/>
                    </a:lnTo>
                    <a:lnTo>
                      <a:pt x="955" y="345"/>
                    </a:lnTo>
                    <a:lnTo>
                      <a:pt x="955" y="340"/>
                    </a:lnTo>
                    <a:lnTo>
                      <a:pt x="953" y="340"/>
                    </a:lnTo>
                    <a:lnTo>
                      <a:pt x="952" y="340"/>
                    </a:lnTo>
                    <a:lnTo>
                      <a:pt x="950" y="340"/>
                    </a:lnTo>
                    <a:lnTo>
                      <a:pt x="948" y="340"/>
                    </a:lnTo>
                    <a:lnTo>
                      <a:pt x="946" y="340"/>
                    </a:lnTo>
                    <a:lnTo>
                      <a:pt x="944" y="338"/>
                    </a:lnTo>
                    <a:lnTo>
                      <a:pt x="942" y="338"/>
                    </a:lnTo>
                    <a:lnTo>
                      <a:pt x="940" y="338"/>
                    </a:lnTo>
                    <a:lnTo>
                      <a:pt x="940" y="340"/>
                    </a:lnTo>
                    <a:lnTo>
                      <a:pt x="939" y="340"/>
                    </a:lnTo>
                    <a:lnTo>
                      <a:pt x="937" y="340"/>
                    </a:lnTo>
                    <a:lnTo>
                      <a:pt x="937" y="338"/>
                    </a:lnTo>
                    <a:lnTo>
                      <a:pt x="939" y="338"/>
                    </a:lnTo>
                    <a:lnTo>
                      <a:pt x="937" y="338"/>
                    </a:lnTo>
                    <a:lnTo>
                      <a:pt x="937" y="336"/>
                    </a:lnTo>
                    <a:lnTo>
                      <a:pt x="935" y="336"/>
                    </a:lnTo>
                    <a:lnTo>
                      <a:pt x="935" y="334"/>
                    </a:lnTo>
                    <a:lnTo>
                      <a:pt x="935" y="332"/>
                    </a:lnTo>
                    <a:lnTo>
                      <a:pt x="933" y="332"/>
                    </a:lnTo>
                    <a:lnTo>
                      <a:pt x="933" y="331"/>
                    </a:lnTo>
                    <a:lnTo>
                      <a:pt x="931" y="331"/>
                    </a:lnTo>
                    <a:lnTo>
                      <a:pt x="931" y="329"/>
                    </a:lnTo>
                    <a:lnTo>
                      <a:pt x="931" y="327"/>
                    </a:lnTo>
                    <a:lnTo>
                      <a:pt x="933" y="327"/>
                    </a:lnTo>
                    <a:lnTo>
                      <a:pt x="933" y="325"/>
                    </a:lnTo>
                    <a:lnTo>
                      <a:pt x="933" y="323"/>
                    </a:lnTo>
                    <a:lnTo>
                      <a:pt x="931" y="323"/>
                    </a:lnTo>
                    <a:lnTo>
                      <a:pt x="931" y="320"/>
                    </a:lnTo>
                    <a:lnTo>
                      <a:pt x="931" y="318"/>
                    </a:lnTo>
                    <a:lnTo>
                      <a:pt x="931" y="316"/>
                    </a:lnTo>
                    <a:lnTo>
                      <a:pt x="931" y="318"/>
                    </a:lnTo>
                    <a:lnTo>
                      <a:pt x="931" y="320"/>
                    </a:lnTo>
                    <a:lnTo>
                      <a:pt x="929" y="320"/>
                    </a:lnTo>
                    <a:lnTo>
                      <a:pt x="929" y="321"/>
                    </a:lnTo>
                    <a:lnTo>
                      <a:pt x="927" y="321"/>
                    </a:lnTo>
                    <a:lnTo>
                      <a:pt x="926" y="321"/>
                    </a:lnTo>
                    <a:lnTo>
                      <a:pt x="924" y="321"/>
                    </a:lnTo>
                    <a:lnTo>
                      <a:pt x="922" y="321"/>
                    </a:lnTo>
                    <a:lnTo>
                      <a:pt x="922" y="320"/>
                    </a:lnTo>
                    <a:lnTo>
                      <a:pt x="922" y="321"/>
                    </a:lnTo>
                    <a:lnTo>
                      <a:pt x="922" y="320"/>
                    </a:lnTo>
                    <a:lnTo>
                      <a:pt x="920" y="320"/>
                    </a:lnTo>
                    <a:lnTo>
                      <a:pt x="920" y="321"/>
                    </a:lnTo>
                    <a:lnTo>
                      <a:pt x="918" y="320"/>
                    </a:lnTo>
                    <a:lnTo>
                      <a:pt x="918" y="321"/>
                    </a:lnTo>
                    <a:lnTo>
                      <a:pt x="916" y="321"/>
                    </a:lnTo>
                    <a:lnTo>
                      <a:pt x="916" y="323"/>
                    </a:lnTo>
                    <a:lnTo>
                      <a:pt x="915" y="323"/>
                    </a:lnTo>
                    <a:lnTo>
                      <a:pt x="913" y="321"/>
                    </a:lnTo>
                    <a:lnTo>
                      <a:pt x="911" y="321"/>
                    </a:lnTo>
                    <a:lnTo>
                      <a:pt x="909" y="321"/>
                    </a:lnTo>
                    <a:lnTo>
                      <a:pt x="909" y="320"/>
                    </a:lnTo>
                    <a:lnTo>
                      <a:pt x="909" y="318"/>
                    </a:lnTo>
                    <a:lnTo>
                      <a:pt x="909" y="316"/>
                    </a:lnTo>
                    <a:lnTo>
                      <a:pt x="907" y="316"/>
                    </a:lnTo>
                    <a:lnTo>
                      <a:pt x="907" y="318"/>
                    </a:lnTo>
                    <a:lnTo>
                      <a:pt x="905" y="318"/>
                    </a:lnTo>
                    <a:lnTo>
                      <a:pt x="903" y="316"/>
                    </a:lnTo>
                    <a:lnTo>
                      <a:pt x="902" y="316"/>
                    </a:lnTo>
                    <a:lnTo>
                      <a:pt x="900" y="318"/>
                    </a:lnTo>
                    <a:lnTo>
                      <a:pt x="902" y="318"/>
                    </a:lnTo>
                    <a:lnTo>
                      <a:pt x="900" y="318"/>
                    </a:lnTo>
                    <a:lnTo>
                      <a:pt x="898" y="320"/>
                    </a:lnTo>
                    <a:lnTo>
                      <a:pt x="900" y="320"/>
                    </a:lnTo>
                    <a:lnTo>
                      <a:pt x="900" y="323"/>
                    </a:lnTo>
                    <a:lnTo>
                      <a:pt x="896" y="323"/>
                    </a:lnTo>
                    <a:lnTo>
                      <a:pt x="896" y="325"/>
                    </a:lnTo>
                    <a:lnTo>
                      <a:pt x="894" y="325"/>
                    </a:lnTo>
                    <a:lnTo>
                      <a:pt x="894" y="327"/>
                    </a:lnTo>
                    <a:lnTo>
                      <a:pt x="896" y="327"/>
                    </a:lnTo>
                    <a:lnTo>
                      <a:pt x="896" y="329"/>
                    </a:lnTo>
                    <a:lnTo>
                      <a:pt x="896" y="331"/>
                    </a:lnTo>
                    <a:lnTo>
                      <a:pt x="896" y="332"/>
                    </a:lnTo>
                    <a:lnTo>
                      <a:pt x="896" y="334"/>
                    </a:lnTo>
                    <a:lnTo>
                      <a:pt x="894" y="336"/>
                    </a:lnTo>
                    <a:lnTo>
                      <a:pt x="892" y="334"/>
                    </a:lnTo>
                    <a:lnTo>
                      <a:pt x="891" y="332"/>
                    </a:lnTo>
                    <a:lnTo>
                      <a:pt x="891" y="331"/>
                    </a:lnTo>
                    <a:lnTo>
                      <a:pt x="889" y="331"/>
                    </a:lnTo>
                    <a:lnTo>
                      <a:pt x="889" y="329"/>
                    </a:lnTo>
                    <a:lnTo>
                      <a:pt x="887" y="329"/>
                    </a:lnTo>
                    <a:lnTo>
                      <a:pt x="885" y="329"/>
                    </a:lnTo>
                    <a:lnTo>
                      <a:pt x="883" y="329"/>
                    </a:lnTo>
                    <a:lnTo>
                      <a:pt x="883" y="327"/>
                    </a:lnTo>
                    <a:lnTo>
                      <a:pt x="881" y="327"/>
                    </a:lnTo>
                    <a:lnTo>
                      <a:pt x="881" y="329"/>
                    </a:lnTo>
                    <a:lnTo>
                      <a:pt x="879" y="332"/>
                    </a:lnTo>
                    <a:lnTo>
                      <a:pt x="876" y="332"/>
                    </a:lnTo>
                    <a:lnTo>
                      <a:pt x="874" y="332"/>
                    </a:lnTo>
                    <a:lnTo>
                      <a:pt x="872" y="332"/>
                    </a:lnTo>
                    <a:lnTo>
                      <a:pt x="872" y="334"/>
                    </a:lnTo>
                    <a:lnTo>
                      <a:pt x="870" y="336"/>
                    </a:lnTo>
                    <a:lnTo>
                      <a:pt x="868" y="334"/>
                    </a:lnTo>
                    <a:lnTo>
                      <a:pt x="866" y="336"/>
                    </a:lnTo>
                    <a:lnTo>
                      <a:pt x="865" y="336"/>
                    </a:lnTo>
                    <a:lnTo>
                      <a:pt x="863" y="336"/>
                    </a:lnTo>
                    <a:lnTo>
                      <a:pt x="859" y="338"/>
                    </a:lnTo>
                    <a:lnTo>
                      <a:pt x="854" y="340"/>
                    </a:lnTo>
                    <a:lnTo>
                      <a:pt x="857" y="344"/>
                    </a:lnTo>
                    <a:lnTo>
                      <a:pt x="855" y="345"/>
                    </a:lnTo>
                    <a:lnTo>
                      <a:pt x="854" y="347"/>
                    </a:lnTo>
                    <a:lnTo>
                      <a:pt x="854" y="349"/>
                    </a:lnTo>
                    <a:lnTo>
                      <a:pt x="854" y="351"/>
                    </a:lnTo>
                    <a:lnTo>
                      <a:pt x="854" y="353"/>
                    </a:lnTo>
                    <a:lnTo>
                      <a:pt x="852" y="353"/>
                    </a:lnTo>
                    <a:lnTo>
                      <a:pt x="850" y="355"/>
                    </a:lnTo>
                    <a:lnTo>
                      <a:pt x="850" y="357"/>
                    </a:lnTo>
                    <a:lnTo>
                      <a:pt x="850" y="358"/>
                    </a:lnTo>
                    <a:lnTo>
                      <a:pt x="850" y="360"/>
                    </a:lnTo>
                    <a:lnTo>
                      <a:pt x="850" y="362"/>
                    </a:lnTo>
                    <a:lnTo>
                      <a:pt x="848" y="362"/>
                    </a:lnTo>
                    <a:lnTo>
                      <a:pt x="848" y="358"/>
                    </a:lnTo>
                    <a:lnTo>
                      <a:pt x="846" y="358"/>
                    </a:lnTo>
                    <a:lnTo>
                      <a:pt x="844" y="357"/>
                    </a:lnTo>
                    <a:lnTo>
                      <a:pt x="844" y="355"/>
                    </a:lnTo>
                    <a:lnTo>
                      <a:pt x="844" y="357"/>
                    </a:lnTo>
                    <a:lnTo>
                      <a:pt x="842" y="357"/>
                    </a:lnTo>
                    <a:lnTo>
                      <a:pt x="841" y="357"/>
                    </a:lnTo>
                    <a:lnTo>
                      <a:pt x="841" y="358"/>
                    </a:lnTo>
                    <a:lnTo>
                      <a:pt x="839" y="358"/>
                    </a:lnTo>
                    <a:lnTo>
                      <a:pt x="839" y="360"/>
                    </a:lnTo>
                    <a:lnTo>
                      <a:pt x="837" y="358"/>
                    </a:lnTo>
                    <a:lnTo>
                      <a:pt x="837" y="357"/>
                    </a:lnTo>
                    <a:lnTo>
                      <a:pt x="835" y="358"/>
                    </a:lnTo>
                    <a:lnTo>
                      <a:pt x="835" y="360"/>
                    </a:lnTo>
                    <a:lnTo>
                      <a:pt x="833" y="360"/>
                    </a:lnTo>
                    <a:lnTo>
                      <a:pt x="835" y="362"/>
                    </a:lnTo>
                    <a:lnTo>
                      <a:pt x="837" y="362"/>
                    </a:lnTo>
                    <a:lnTo>
                      <a:pt x="839" y="364"/>
                    </a:lnTo>
                    <a:lnTo>
                      <a:pt x="839" y="366"/>
                    </a:lnTo>
                    <a:lnTo>
                      <a:pt x="841" y="366"/>
                    </a:lnTo>
                    <a:lnTo>
                      <a:pt x="841" y="368"/>
                    </a:lnTo>
                    <a:lnTo>
                      <a:pt x="842" y="368"/>
                    </a:lnTo>
                    <a:lnTo>
                      <a:pt x="844" y="368"/>
                    </a:lnTo>
                    <a:lnTo>
                      <a:pt x="846" y="368"/>
                    </a:lnTo>
                    <a:lnTo>
                      <a:pt x="848" y="368"/>
                    </a:lnTo>
                    <a:lnTo>
                      <a:pt x="848" y="369"/>
                    </a:lnTo>
                    <a:lnTo>
                      <a:pt x="850" y="369"/>
                    </a:lnTo>
                    <a:lnTo>
                      <a:pt x="852" y="369"/>
                    </a:lnTo>
                    <a:lnTo>
                      <a:pt x="852" y="371"/>
                    </a:lnTo>
                    <a:lnTo>
                      <a:pt x="852" y="369"/>
                    </a:lnTo>
                    <a:lnTo>
                      <a:pt x="854" y="369"/>
                    </a:lnTo>
                    <a:lnTo>
                      <a:pt x="855" y="369"/>
                    </a:lnTo>
                    <a:lnTo>
                      <a:pt x="859" y="368"/>
                    </a:lnTo>
                    <a:lnTo>
                      <a:pt x="859" y="366"/>
                    </a:lnTo>
                    <a:lnTo>
                      <a:pt x="861" y="366"/>
                    </a:lnTo>
                    <a:lnTo>
                      <a:pt x="861" y="368"/>
                    </a:lnTo>
                    <a:lnTo>
                      <a:pt x="863" y="368"/>
                    </a:lnTo>
                    <a:lnTo>
                      <a:pt x="865" y="368"/>
                    </a:lnTo>
                    <a:lnTo>
                      <a:pt x="866" y="368"/>
                    </a:lnTo>
                    <a:lnTo>
                      <a:pt x="866" y="366"/>
                    </a:lnTo>
                    <a:lnTo>
                      <a:pt x="868" y="364"/>
                    </a:lnTo>
                    <a:lnTo>
                      <a:pt x="870" y="362"/>
                    </a:lnTo>
                    <a:lnTo>
                      <a:pt x="872" y="362"/>
                    </a:lnTo>
                    <a:lnTo>
                      <a:pt x="874" y="362"/>
                    </a:lnTo>
                    <a:lnTo>
                      <a:pt x="878" y="357"/>
                    </a:lnTo>
                    <a:lnTo>
                      <a:pt x="879" y="358"/>
                    </a:lnTo>
                    <a:lnTo>
                      <a:pt x="879" y="357"/>
                    </a:lnTo>
                    <a:lnTo>
                      <a:pt x="879" y="355"/>
                    </a:lnTo>
                    <a:lnTo>
                      <a:pt x="881" y="357"/>
                    </a:lnTo>
                    <a:lnTo>
                      <a:pt x="881" y="355"/>
                    </a:lnTo>
                    <a:lnTo>
                      <a:pt x="879" y="353"/>
                    </a:lnTo>
                    <a:lnTo>
                      <a:pt x="881" y="351"/>
                    </a:lnTo>
                    <a:lnTo>
                      <a:pt x="881" y="349"/>
                    </a:lnTo>
                    <a:lnTo>
                      <a:pt x="885" y="351"/>
                    </a:lnTo>
                    <a:lnTo>
                      <a:pt x="885" y="353"/>
                    </a:lnTo>
                    <a:lnTo>
                      <a:pt x="887" y="353"/>
                    </a:lnTo>
                    <a:lnTo>
                      <a:pt x="887" y="355"/>
                    </a:lnTo>
                    <a:lnTo>
                      <a:pt x="889" y="355"/>
                    </a:lnTo>
                    <a:lnTo>
                      <a:pt x="891" y="357"/>
                    </a:lnTo>
                    <a:lnTo>
                      <a:pt x="891" y="358"/>
                    </a:lnTo>
                    <a:lnTo>
                      <a:pt x="892" y="358"/>
                    </a:lnTo>
                    <a:lnTo>
                      <a:pt x="892" y="360"/>
                    </a:lnTo>
                    <a:lnTo>
                      <a:pt x="894" y="360"/>
                    </a:lnTo>
                    <a:lnTo>
                      <a:pt x="896" y="360"/>
                    </a:lnTo>
                    <a:lnTo>
                      <a:pt x="898" y="360"/>
                    </a:lnTo>
                    <a:lnTo>
                      <a:pt x="900" y="362"/>
                    </a:lnTo>
                    <a:lnTo>
                      <a:pt x="902" y="362"/>
                    </a:lnTo>
                    <a:lnTo>
                      <a:pt x="902" y="364"/>
                    </a:lnTo>
                    <a:lnTo>
                      <a:pt x="900" y="364"/>
                    </a:lnTo>
                    <a:lnTo>
                      <a:pt x="898" y="368"/>
                    </a:lnTo>
                    <a:lnTo>
                      <a:pt x="898" y="366"/>
                    </a:lnTo>
                    <a:lnTo>
                      <a:pt x="896" y="368"/>
                    </a:lnTo>
                    <a:lnTo>
                      <a:pt x="894" y="366"/>
                    </a:lnTo>
                    <a:lnTo>
                      <a:pt x="892" y="366"/>
                    </a:lnTo>
                    <a:lnTo>
                      <a:pt x="892" y="368"/>
                    </a:lnTo>
                    <a:lnTo>
                      <a:pt x="892" y="369"/>
                    </a:lnTo>
                    <a:lnTo>
                      <a:pt x="891" y="369"/>
                    </a:lnTo>
                    <a:lnTo>
                      <a:pt x="891" y="371"/>
                    </a:lnTo>
                    <a:lnTo>
                      <a:pt x="889" y="371"/>
                    </a:lnTo>
                    <a:lnTo>
                      <a:pt x="889" y="373"/>
                    </a:lnTo>
                    <a:lnTo>
                      <a:pt x="891" y="373"/>
                    </a:lnTo>
                    <a:lnTo>
                      <a:pt x="891" y="375"/>
                    </a:lnTo>
                    <a:lnTo>
                      <a:pt x="891" y="377"/>
                    </a:lnTo>
                    <a:lnTo>
                      <a:pt x="891" y="379"/>
                    </a:lnTo>
                    <a:lnTo>
                      <a:pt x="891" y="381"/>
                    </a:lnTo>
                    <a:lnTo>
                      <a:pt x="891" y="382"/>
                    </a:lnTo>
                    <a:lnTo>
                      <a:pt x="891" y="384"/>
                    </a:lnTo>
                    <a:lnTo>
                      <a:pt x="889" y="384"/>
                    </a:lnTo>
                    <a:lnTo>
                      <a:pt x="891" y="386"/>
                    </a:lnTo>
                    <a:lnTo>
                      <a:pt x="892" y="386"/>
                    </a:lnTo>
                    <a:lnTo>
                      <a:pt x="894" y="384"/>
                    </a:lnTo>
                    <a:lnTo>
                      <a:pt x="894" y="382"/>
                    </a:lnTo>
                    <a:lnTo>
                      <a:pt x="896" y="382"/>
                    </a:lnTo>
                    <a:lnTo>
                      <a:pt x="896" y="381"/>
                    </a:lnTo>
                    <a:lnTo>
                      <a:pt x="898" y="381"/>
                    </a:lnTo>
                    <a:lnTo>
                      <a:pt x="900" y="379"/>
                    </a:lnTo>
                    <a:lnTo>
                      <a:pt x="902" y="381"/>
                    </a:lnTo>
                    <a:lnTo>
                      <a:pt x="903" y="381"/>
                    </a:lnTo>
                    <a:lnTo>
                      <a:pt x="903" y="382"/>
                    </a:lnTo>
                    <a:lnTo>
                      <a:pt x="903" y="384"/>
                    </a:lnTo>
                    <a:lnTo>
                      <a:pt x="905" y="384"/>
                    </a:lnTo>
                    <a:lnTo>
                      <a:pt x="905" y="386"/>
                    </a:lnTo>
                    <a:lnTo>
                      <a:pt x="905" y="388"/>
                    </a:lnTo>
                    <a:lnTo>
                      <a:pt x="905" y="390"/>
                    </a:lnTo>
                    <a:lnTo>
                      <a:pt x="905" y="392"/>
                    </a:lnTo>
                    <a:lnTo>
                      <a:pt x="905" y="394"/>
                    </a:lnTo>
                    <a:lnTo>
                      <a:pt x="905" y="395"/>
                    </a:lnTo>
                    <a:lnTo>
                      <a:pt x="907" y="397"/>
                    </a:lnTo>
                    <a:lnTo>
                      <a:pt x="907" y="399"/>
                    </a:lnTo>
                    <a:lnTo>
                      <a:pt x="905" y="399"/>
                    </a:lnTo>
                    <a:lnTo>
                      <a:pt x="905" y="401"/>
                    </a:lnTo>
                    <a:lnTo>
                      <a:pt x="903" y="401"/>
                    </a:lnTo>
                    <a:lnTo>
                      <a:pt x="903" y="403"/>
                    </a:lnTo>
                    <a:lnTo>
                      <a:pt x="902" y="403"/>
                    </a:lnTo>
                    <a:lnTo>
                      <a:pt x="902" y="405"/>
                    </a:lnTo>
                    <a:lnTo>
                      <a:pt x="900" y="406"/>
                    </a:lnTo>
                    <a:lnTo>
                      <a:pt x="902" y="406"/>
                    </a:lnTo>
                    <a:lnTo>
                      <a:pt x="902" y="408"/>
                    </a:lnTo>
                    <a:lnTo>
                      <a:pt x="900" y="408"/>
                    </a:lnTo>
                    <a:lnTo>
                      <a:pt x="900" y="410"/>
                    </a:lnTo>
                    <a:lnTo>
                      <a:pt x="898" y="410"/>
                    </a:lnTo>
                    <a:lnTo>
                      <a:pt x="894" y="412"/>
                    </a:lnTo>
                    <a:lnTo>
                      <a:pt x="892" y="414"/>
                    </a:lnTo>
                    <a:lnTo>
                      <a:pt x="891" y="416"/>
                    </a:lnTo>
                    <a:lnTo>
                      <a:pt x="891" y="418"/>
                    </a:lnTo>
                    <a:lnTo>
                      <a:pt x="891" y="419"/>
                    </a:lnTo>
                    <a:lnTo>
                      <a:pt x="889" y="419"/>
                    </a:lnTo>
                    <a:lnTo>
                      <a:pt x="887" y="419"/>
                    </a:lnTo>
                    <a:lnTo>
                      <a:pt x="887" y="421"/>
                    </a:lnTo>
                    <a:lnTo>
                      <a:pt x="887" y="423"/>
                    </a:lnTo>
                    <a:lnTo>
                      <a:pt x="885" y="423"/>
                    </a:lnTo>
                    <a:lnTo>
                      <a:pt x="885" y="425"/>
                    </a:lnTo>
                    <a:lnTo>
                      <a:pt x="883" y="425"/>
                    </a:lnTo>
                    <a:lnTo>
                      <a:pt x="881" y="425"/>
                    </a:lnTo>
                    <a:lnTo>
                      <a:pt x="881" y="427"/>
                    </a:lnTo>
                    <a:lnTo>
                      <a:pt x="879" y="427"/>
                    </a:lnTo>
                    <a:lnTo>
                      <a:pt x="878" y="427"/>
                    </a:lnTo>
                    <a:lnTo>
                      <a:pt x="878" y="429"/>
                    </a:lnTo>
                    <a:lnTo>
                      <a:pt x="876" y="427"/>
                    </a:lnTo>
                    <a:lnTo>
                      <a:pt x="876" y="425"/>
                    </a:lnTo>
                    <a:lnTo>
                      <a:pt x="874" y="425"/>
                    </a:lnTo>
                    <a:lnTo>
                      <a:pt x="872" y="425"/>
                    </a:lnTo>
                    <a:lnTo>
                      <a:pt x="870" y="425"/>
                    </a:lnTo>
                    <a:lnTo>
                      <a:pt x="868" y="425"/>
                    </a:lnTo>
                    <a:lnTo>
                      <a:pt x="865" y="423"/>
                    </a:lnTo>
                    <a:lnTo>
                      <a:pt x="863" y="423"/>
                    </a:lnTo>
                    <a:lnTo>
                      <a:pt x="861" y="419"/>
                    </a:lnTo>
                    <a:lnTo>
                      <a:pt x="861" y="418"/>
                    </a:lnTo>
                    <a:lnTo>
                      <a:pt x="859" y="418"/>
                    </a:lnTo>
                    <a:lnTo>
                      <a:pt x="857" y="418"/>
                    </a:lnTo>
                    <a:lnTo>
                      <a:pt x="855" y="418"/>
                    </a:lnTo>
                    <a:lnTo>
                      <a:pt x="854" y="418"/>
                    </a:lnTo>
                    <a:lnTo>
                      <a:pt x="852" y="418"/>
                    </a:lnTo>
                    <a:lnTo>
                      <a:pt x="852" y="419"/>
                    </a:lnTo>
                    <a:lnTo>
                      <a:pt x="850" y="419"/>
                    </a:lnTo>
                    <a:lnTo>
                      <a:pt x="850" y="421"/>
                    </a:lnTo>
                    <a:lnTo>
                      <a:pt x="850" y="423"/>
                    </a:lnTo>
                    <a:lnTo>
                      <a:pt x="850" y="425"/>
                    </a:lnTo>
                    <a:lnTo>
                      <a:pt x="848" y="425"/>
                    </a:lnTo>
                    <a:lnTo>
                      <a:pt x="846" y="425"/>
                    </a:lnTo>
                    <a:lnTo>
                      <a:pt x="844" y="425"/>
                    </a:lnTo>
                    <a:lnTo>
                      <a:pt x="841" y="427"/>
                    </a:lnTo>
                    <a:lnTo>
                      <a:pt x="841" y="429"/>
                    </a:lnTo>
                    <a:lnTo>
                      <a:pt x="839" y="429"/>
                    </a:lnTo>
                    <a:lnTo>
                      <a:pt x="835" y="429"/>
                    </a:lnTo>
                    <a:lnTo>
                      <a:pt x="835" y="430"/>
                    </a:lnTo>
                    <a:lnTo>
                      <a:pt x="833" y="430"/>
                    </a:lnTo>
                    <a:lnTo>
                      <a:pt x="831" y="432"/>
                    </a:lnTo>
                    <a:lnTo>
                      <a:pt x="831" y="434"/>
                    </a:lnTo>
                    <a:lnTo>
                      <a:pt x="830" y="434"/>
                    </a:lnTo>
                    <a:lnTo>
                      <a:pt x="828" y="434"/>
                    </a:lnTo>
                    <a:lnTo>
                      <a:pt x="826" y="434"/>
                    </a:lnTo>
                    <a:lnTo>
                      <a:pt x="824" y="434"/>
                    </a:lnTo>
                    <a:lnTo>
                      <a:pt x="817" y="434"/>
                    </a:lnTo>
                    <a:lnTo>
                      <a:pt x="813" y="432"/>
                    </a:lnTo>
                    <a:lnTo>
                      <a:pt x="813" y="434"/>
                    </a:lnTo>
                    <a:lnTo>
                      <a:pt x="809" y="432"/>
                    </a:lnTo>
                    <a:lnTo>
                      <a:pt x="805" y="432"/>
                    </a:lnTo>
                    <a:lnTo>
                      <a:pt x="805" y="429"/>
                    </a:lnTo>
                    <a:lnTo>
                      <a:pt x="804" y="429"/>
                    </a:lnTo>
                    <a:lnTo>
                      <a:pt x="804" y="427"/>
                    </a:lnTo>
                    <a:lnTo>
                      <a:pt x="804" y="425"/>
                    </a:lnTo>
                    <a:lnTo>
                      <a:pt x="804" y="423"/>
                    </a:lnTo>
                    <a:lnTo>
                      <a:pt x="802" y="425"/>
                    </a:lnTo>
                    <a:lnTo>
                      <a:pt x="800" y="423"/>
                    </a:lnTo>
                    <a:lnTo>
                      <a:pt x="798" y="425"/>
                    </a:lnTo>
                    <a:lnTo>
                      <a:pt x="798" y="423"/>
                    </a:lnTo>
                    <a:lnTo>
                      <a:pt x="796" y="423"/>
                    </a:lnTo>
                    <a:lnTo>
                      <a:pt x="794" y="421"/>
                    </a:lnTo>
                    <a:lnTo>
                      <a:pt x="793" y="421"/>
                    </a:lnTo>
                    <a:lnTo>
                      <a:pt x="793" y="423"/>
                    </a:lnTo>
                    <a:lnTo>
                      <a:pt x="785" y="423"/>
                    </a:lnTo>
                    <a:lnTo>
                      <a:pt x="785" y="421"/>
                    </a:lnTo>
                    <a:lnTo>
                      <a:pt x="785" y="419"/>
                    </a:lnTo>
                    <a:lnTo>
                      <a:pt x="785" y="418"/>
                    </a:lnTo>
                    <a:lnTo>
                      <a:pt x="781" y="416"/>
                    </a:lnTo>
                    <a:lnTo>
                      <a:pt x="780" y="416"/>
                    </a:lnTo>
                    <a:lnTo>
                      <a:pt x="780" y="418"/>
                    </a:lnTo>
                    <a:lnTo>
                      <a:pt x="778" y="416"/>
                    </a:lnTo>
                    <a:lnTo>
                      <a:pt x="776" y="416"/>
                    </a:lnTo>
                    <a:lnTo>
                      <a:pt x="770" y="418"/>
                    </a:lnTo>
                    <a:lnTo>
                      <a:pt x="769" y="418"/>
                    </a:lnTo>
                    <a:lnTo>
                      <a:pt x="767" y="418"/>
                    </a:lnTo>
                    <a:lnTo>
                      <a:pt x="765" y="418"/>
                    </a:lnTo>
                    <a:lnTo>
                      <a:pt x="761" y="421"/>
                    </a:lnTo>
                    <a:lnTo>
                      <a:pt x="761" y="423"/>
                    </a:lnTo>
                    <a:lnTo>
                      <a:pt x="759" y="425"/>
                    </a:lnTo>
                    <a:lnTo>
                      <a:pt x="759" y="427"/>
                    </a:lnTo>
                    <a:lnTo>
                      <a:pt x="757" y="427"/>
                    </a:lnTo>
                    <a:lnTo>
                      <a:pt x="757" y="425"/>
                    </a:lnTo>
                    <a:lnTo>
                      <a:pt x="756" y="425"/>
                    </a:lnTo>
                    <a:lnTo>
                      <a:pt x="754" y="425"/>
                    </a:lnTo>
                    <a:lnTo>
                      <a:pt x="756" y="421"/>
                    </a:lnTo>
                    <a:lnTo>
                      <a:pt x="754" y="421"/>
                    </a:lnTo>
                    <a:lnTo>
                      <a:pt x="752" y="421"/>
                    </a:lnTo>
                    <a:lnTo>
                      <a:pt x="752" y="419"/>
                    </a:lnTo>
                    <a:lnTo>
                      <a:pt x="750" y="419"/>
                    </a:lnTo>
                    <a:lnTo>
                      <a:pt x="752" y="419"/>
                    </a:lnTo>
                    <a:lnTo>
                      <a:pt x="752" y="418"/>
                    </a:lnTo>
                    <a:lnTo>
                      <a:pt x="752" y="416"/>
                    </a:lnTo>
                    <a:lnTo>
                      <a:pt x="750" y="416"/>
                    </a:lnTo>
                    <a:lnTo>
                      <a:pt x="750" y="414"/>
                    </a:lnTo>
                    <a:lnTo>
                      <a:pt x="750" y="412"/>
                    </a:lnTo>
                    <a:lnTo>
                      <a:pt x="750" y="410"/>
                    </a:lnTo>
                    <a:lnTo>
                      <a:pt x="752" y="410"/>
                    </a:lnTo>
                    <a:lnTo>
                      <a:pt x="752" y="408"/>
                    </a:lnTo>
                    <a:lnTo>
                      <a:pt x="754" y="408"/>
                    </a:lnTo>
                    <a:lnTo>
                      <a:pt x="754" y="406"/>
                    </a:lnTo>
                    <a:lnTo>
                      <a:pt x="752" y="406"/>
                    </a:lnTo>
                    <a:lnTo>
                      <a:pt x="752" y="408"/>
                    </a:lnTo>
                    <a:lnTo>
                      <a:pt x="750" y="408"/>
                    </a:lnTo>
                    <a:lnTo>
                      <a:pt x="750" y="406"/>
                    </a:lnTo>
                    <a:lnTo>
                      <a:pt x="750" y="408"/>
                    </a:lnTo>
                    <a:lnTo>
                      <a:pt x="750" y="406"/>
                    </a:lnTo>
                    <a:lnTo>
                      <a:pt x="750" y="408"/>
                    </a:lnTo>
                    <a:lnTo>
                      <a:pt x="750" y="406"/>
                    </a:lnTo>
                    <a:lnTo>
                      <a:pt x="748" y="406"/>
                    </a:lnTo>
                    <a:lnTo>
                      <a:pt x="748" y="408"/>
                    </a:lnTo>
                    <a:lnTo>
                      <a:pt x="748" y="406"/>
                    </a:lnTo>
                    <a:lnTo>
                      <a:pt x="746" y="406"/>
                    </a:lnTo>
                    <a:lnTo>
                      <a:pt x="744" y="406"/>
                    </a:lnTo>
                    <a:lnTo>
                      <a:pt x="743" y="406"/>
                    </a:lnTo>
                    <a:lnTo>
                      <a:pt x="743" y="408"/>
                    </a:lnTo>
                    <a:lnTo>
                      <a:pt x="741" y="406"/>
                    </a:lnTo>
                    <a:lnTo>
                      <a:pt x="739" y="406"/>
                    </a:lnTo>
                    <a:lnTo>
                      <a:pt x="737" y="406"/>
                    </a:lnTo>
                    <a:lnTo>
                      <a:pt x="737" y="405"/>
                    </a:lnTo>
                    <a:lnTo>
                      <a:pt x="732" y="408"/>
                    </a:lnTo>
                    <a:lnTo>
                      <a:pt x="730" y="406"/>
                    </a:lnTo>
                    <a:lnTo>
                      <a:pt x="732" y="403"/>
                    </a:lnTo>
                    <a:lnTo>
                      <a:pt x="728" y="401"/>
                    </a:lnTo>
                    <a:lnTo>
                      <a:pt x="726" y="399"/>
                    </a:lnTo>
                    <a:lnTo>
                      <a:pt x="724" y="401"/>
                    </a:lnTo>
                    <a:lnTo>
                      <a:pt x="722" y="401"/>
                    </a:lnTo>
                    <a:lnTo>
                      <a:pt x="720" y="401"/>
                    </a:lnTo>
                    <a:lnTo>
                      <a:pt x="719" y="403"/>
                    </a:lnTo>
                    <a:lnTo>
                      <a:pt x="717" y="403"/>
                    </a:lnTo>
                    <a:lnTo>
                      <a:pt x="717" y="399"/>
                    </a:lnTo>
                    <a:lnTo>
                      <a:pt x="715" y="399"/>
                    </a:lnTo>
                    <a:lnTo>
                      <a:pt x="715" y="397"/>
                    </a:lnTo>
                    <a:lnTo>
                      <a:pt x="715" y="395"/>
                    </a:lnTo>
                    <a:lnTo>
                      <a:pt x="715" y="394"/>
                    </a:lnTo>
                    <a:lnTo>
                      <a:pt x="715" y="392"/>
                    </a:lnTo>
                    <a:lnTo>
                      <a:pt x="715" y="390"/>
                    </a:lnTo>
                    <a:lnTo>
                      <a:pt x="715" y="392"/>
                    </a:lnTo>
                    <a:lnTo>
                      <a:pt x="713" y="392"/>
                    </a:lnTo>
                    <a:lnTo>
                      <a:pt x="709" y="392"/>
                    </a:lnTo>
                    <a:lnTo>
                      <a:pt x="711" y="394"/>
                    </a:lnTo>
                    <a:lnTo>
                      <a:pt x="709" y="395"/>
                    </a:lnTo>
                    <a:lnTo>
                      <a:pt x="708" y="395"/>
                    </a:lnTo>
                    <a:lnTo>
                      <a:pt x="706" y="395"/>
                    </a:lnTo>
                    <a:lnTo>
                      <a:pt x="704" y="397"/>
                    </a:lnTo>
                    <a:lnTo>
                      <a:pt x="704" y="395"/>
                    </a:lnTo>
                    <a:lnTo>
                      <a:pt x="704" y="394"/>
                    </a:lnTo>
                    <a:lnTo>
                      <a:pt x="702" y="394"/>
                    </a:lnTo>
                    <a:lnTo>
                      <a:pt x="702" y="392"/>
                    </a:lnTo>
                    <a:lnTo>
                      <a:pt x="700" y="392"/>
                    </a:lnTo>
                    <a:lnTo>
                      <a:pt x="698" y="390"/>
                    </a:lnTo>
                    <a:lnTo>
                      <a:pt x="698" y="388"/>
                    </a:lnTo>
                    <a:lnTo>
                      <a:pt x="700" y="382"/>
                    </a:lnTo>
                    <a:lnTo>
                      <a:pt x="702" y="379"/>
                    </a:lnTo>
                    <a:lnTo>
                      <a:pt x="700" y="379"/>
                    </a:lnTo>
                    <a:lnTo>
                      <a:pt x="698" y="379"/>
                    </a:lnTo>
                    <a:lnTo>
                      <a:pt x="698" y="377"/>
                    </a:lnTo>
                    <a:lnTo>
                      <a:pt x="698" y="379"/>
                    </a:lnTo>
                    <a:lnTo>
                      <a:pt x="696" y="381"/>
                    </a:lnTo>
                    <a:lnTo>
                      <a:pt x="696" y="382"/>
                    </a:lnTo>
                    <a:lnTo>
                      <a:pt x="695" y="382"/>
                    </a:lnTo>
                    <a:lnTo>
                      <a:pt x="695" y="381"/>
                    </a:lnTo>
                    <a:lnTo>
                      <a:pt x="695" y="379"/>
                    </a:lnTo>
                    <a:lnTo>
                      <a:pt x="693" y="377"/>
                    </a:lnTo>
                    <a:lnTo>
                      <a:pt x="693" y="379"/>
                    </a:lnTo>
                    <a:lnTo>
                      <a:pt x="691" y="379"/>
                    </a:lnTo>
                    <a:lnTo>
                      <a:pt x="693" y="381"/>
                    </a:lnTo>
                    <a:lnTo>
                      <a:pt x="691" y="381"/>
                    </a:lnTo>
                    <a:lnTo>
                      <a:pt x="691" y="382"/>
                    </a:lnTo>
                    <a:lnTo>
                      <a:pt x="689" y="382"/>
                    </a:lnTo>
                    <a:lnTo>
                      <a:pt x="689" y="384"/>
                    </a:lnTo>
                    <a:lnTo>
                      <a:pt x="687" y="384"/>
                    </a:lnTo>
                    <a:lnTo>
                      <a:pt x="689" y="384"/>
                    </a:lnTo>
                    <a:lnTo>
                      <a:pt x="685" y="386"/>
                    </a:lnTo>
                    <a:lnTo>
                      <a:pt x="685" y="388"/>
                    </a:lnTo>
                    <a:lnTo>
                      <a:pt x="687" y="390"/>
                    </a:lnTo>
                    <a:lnTo>
                      <a:pt x="689" y="392"/>
                    </a:lnTo>
                    <a:lnTo>
                      <a:pt x="689" y="394"/>
                    </a:lnTo>
                    <a:lnTo>
                      <a:pt x="687" y="395"/>
                    </a:lnTo>
                    <a:lnTo>
                      <a:pt x="687" y="397"/>
                    </a:lnTo>
                    <a:lnTo>
                      <a:pt x="685" y="397"/>
                    </a:lnTo>
                    <a:lnTo>
                      <a:pt x="685" y="399"/>
                    </a:lnTo>
                    <a:lnTo>
                      <a:pt x="687" y="399"/>
                    </a:lnTo>
                    <a:lnTo>
                      <a:pt x="685" y="399"/>
                    </a:lnTo>
                    <a:lnTo>
                      <a:pt x="685" y="401"/>
                    </a:lnTo>
                    <a:lnTo>
                      <a:pt x="683" y="403"/>
                    </a:lnTo>
                    <a:lnTo>
                      <a:pt x="683" y="405"/>
                    </a:lnTo>
                    <a:lnTo>
                      <a:pt x="683" y="406"/>
                    </a:lnTo>
                    <a:lnTo>
                      <a:pt x="683" y="408"/>
                    </a:lnTo>
                    <a:lnTo>
                      <a:pt x="682" y="408"/>
                    </a:lnTo>
                    <a:lnTo>
                      <a:pt x="680" y="410"/>
                    </a:lnTo>
                    <a:lnTo>
                      <a:pt x="680" y="412"/>
                    </a:lnTo>
                    <a:lnTo>
                      <a:pt x="678" y="412"/>
                    </a:lnTo>
                    <a:lnTo>
                      <a:pt x="676" y="412"/>
                    </a:lnTo>
                    <a:lnTo>
                      <a:pt x="674" y="412"/>
                    </a:lnTo>
                    <a:lnTo>
                      <a:pt x="672" y="412"/>
                    </a:lnTo>
                    <a:lnTo>
                      <a:pt x="671" y="412"/>
                    </a:lnTo>
                    <a:lnTo>
                      <a:pt x="669" y="412"/>
                    </a:lnTo>
                    <a:lnTo>
                      <a:pt x="669" y="414"/>
                    </a:lnTo>
                    <a:lnTo>
                      <a:pt x="667" y="414"/>
                    </a:lnTo>
                    <a:lnTo>
                      <a:pt x="665" y="416"/>
                    </a:lnTo>
                    <a:lnTo>
                      <a:pt x="663" y="416"/>
                    </a:lnTo>
                    <a:lnTo>
                      <a:pt x="661" y="418"/>
                    </a:lnTo>
                    <a:lnTo>
                      <a:pt x="659" y="418"/>
                    </a:lnTo>
                    <a:lnTo>
                      <a:pt x="658" y="418"/>
                    </a:lnTo>
                    <a:lnTo>
                      <a:pt x="658" y="416"/>
                    </a:lnTo>
                    <a:lnTo>
                      <a:pt x="656" y="418"/>
                    </a:lnTo>
                    <a:lnTo>
                      <a:pt x="656" y="416"/>
                    </a:lnTo>
                    <a:lnTo>
                      <a:pt x="654" y="416"/>
                    </a:lnTo>
                    <a:lnTo>
                      <a:pt x="652" y="416"/>
                    </a:lnTo>
                    <a:lnTo>
                      <a:pt x="652" y="418"/>
                    </a:lnTo>
                    <a:lnTo>
                      <a:pt x="652" y="416"/>
                    </a:lnTo>
                    <a:lnTo>
                      <a:pt x="650" y="418"/>
                    </a:lnTo>
                    <a:lnTo>
                      <a:pt x="648" y="418"/>
                    </a:lnTo>
                    <a:lnTo>
                      <a:pt x="648" y="416"/>
                    </a:lnTo>
                    <a:lnTo>
                      <a:pt x="647" y="416"/>
                    </a:lnTo>
                    <a:lnTo>
                      <a:pt x="647" y="418"/>
                    </a:lnTo>
                    <a:lnTo>
                      <a:pt x="645" y="418"/>
                    </a:lnTo>
                    <a:lnTo>
                      <a:pt x="643" y="418"/>
                    </a:lnTo>
                    <a:lnTo>
                      <a:pt x="643" y="419"/>
                    </a:lnTo>
                    <a:lnTo>
                      <a:pt x="641" y="419"/>
                    </a:lnTo>
                    <a:lnTo>
                      <a:pt x="639" y="419"/>
                    </a:lnTo>
                    <a:lnTo>
                      <a:pt x="637" y="419"/>
                    </a:lnTo>
                    <a:lnTo>
                      <a:pt x="635" y="421"/>
                    </a:lnTo>
                    <a:lnTo>
                      <a:pt x="637" y="421"/>
                    </a:lnTo>
                    <a:lnTo>
                      <a:pt x="635" y="421"/>
                    </a:lnTo>
                    <a:lnTo>
                      <a:pt x="637" y="423"/>
                    </a:lnTo>
                    <a:lnTo>
                      <a:pt x="637" y="425"/>
                    </a:lnTo>
                    <a:lnTo>
                      <a:pt x="635" y="425"/>
                    </a:lnTo>
                    <a:lnTo>
                      <a:pt x="634" y="427"/>
                    </a:lnTo>
                    <a:lnTo>
                      <a:pt x="632" y="427"/>
                    </a:lnTo>
                    <a:lnTo>
                      <a:pt x="632" y="429"/>
                    </a:lnTo>
                    <a:lnTo>
                      <a:pt x="630" y="429"/>
                    </a:lnTo>
                    <a:lnTo>
                      <a:pt x="628" y="429"/>
                    </a:lnTo>
                    <a:lnTo>
                      <a:pt x="626" y="429"/>
                    </a:lnTo>
                    <a:lnTo>
                      <a:pt x="624" y="429"/>
                    </a:lnTo>
                    <a:lnTo>
                      <a:pt x="626" y="429"/>
                    </a:lnTo>
                    <a:lnTo>
                      <a:pt x="624" y="427"/>
                    </a:lnTo>
                    <a:lnTo>
                      <a:pt x="624" y="425"/>
                    </a:lnTo>
                    <a:lnTo>
                      <a:pt x="622" y="423"/>
                    </a:lnTo>
                    <a:lnTo>
                      <a:pt x="622" y="421"/>
                    </a:lnTo>
                    <a:lnTo>
                      <a:pt x="621" y="421"/>
                    </a:lnTo>
                    <a:lnTo>
                      <a:pt x="621" y="419"/>
                    </a:lnTo>
                    <a:lnTo>
                      <a:pt x="619" y="419"/>
                    </a:lnTo>
                    <a:lnTo>
                      <a:pt x="617" y="419"/>
                    </a:lnTo>
                    <a:lnTo>
                      <a:pt x="615" y="419"/>
                    </a:lnTo>
                    <a:lnTo>
                      <a:pt x="613" y="419"/>
                    </a:lnTo>
                    <a:lnTo>
                      <a:pt x="611" y="419"/>
                    </a:lnTo>
                    <a:lnTo>
                      <a:pt x="610" y="419"/>
                    </a:lnTo>
                    <a:lnTo>
                      <a:pt x="608" y="419"/>
                    </a:lnTo>
                    <a:lnTo>
                      <a:pt x="604" y="418"/>
                    </a:lnTo>
                    <a:lnTo>
                      <a:pt x="602" y="418"/>
                    </a:lnTo>
                    <a:lnTo>
                      <a:pt x="600" y="418"/>
                    </a:lnTo>
                    <a:lnTo>
                      <a:pt x="600" y="419"/>
                    </a:lnTo>
                    <a:lnTo>
                      <a:pt x="600" y="421"/>
                    </a:lnTo>
                    <a:lnTo>
                      <a:pt x="598" y="421"/>
                    </a:lnTo>
                    <a:lnTo>
                      <a:pt x="597" y="421"/>
                    </a:lnTo>
                    <a:lnTo>
                      <a:pt x="595" y="421"/>
                    </a:lnTo>
                    <a:lnTo>
                      <a:pt x="593" y="421"/>
                    </a:lnTo>
                    <a:lnTo>
                      <a:pt x="591" y="421"/>
                    </a:lnTo>
                    <a:lnTo>
                      <a:pt x="591" y="423"/>
                    </a:lnTo>
                    <a:lnTo>
                      <a:pt x="589" y="423"/>
                    </a:lnTo>
                    <a:lnTo>
                      <a:pt x="589" y="421"/>
                    </a:lnTo>
                    <a:lnTo>
                      <a:pt x="587" y="421"/>
                    </a:lnTo>
                    <a:lnTo>
                      <a:pt x="587" y="419"/>
                    </a:lnTo>
                    <a:lnTo>
                      <a:pt x="587" y="418"/>
                    </a:lnTo>
                    <a:lnTo>
                      <a:pt x="587" y="416"/>
                    </a:lnTo>
                    <a:lnTo>
                      <a:pt x="586" y="416"/>
                    </a:lnTo>
                    <a:lnTo>
                      <a:pt x="584" y="412"/>
                    </a:lnTo>
                    <a:lnTo>
                      <a:pt x="582" y="412"/>
                    </a:lnTo>
                    <a:lnTo>
                      <a:pt x="582" y="410"/>
                    </a:lnTo>
                    <a:lnTo>
                      <a:pt x="580" y="410"/>
                    </a:lnTo>
                    <a:lnTo>
                      <a:pt x="582" y="410"/>
                    </a:lnTo>
                    <a:lnTo>
                      <a:pt x="582" y="408"/>
                    </a:lnTo>
                    <a:lnTo>
                      <a:pt x="582" y="406"/>
                    </a:lnTo>
                    <a:lnTo>
                      <a:pt x="580" y="406"/>
                    </a:lnTo>
                    <a:lnTo>
                      <a:pt x="580" y="405"/>
                    </a:lnTo>
                    <a:lnTo>
                      <a:pt x="582" y="405"/>
                    </a:lnTo>
                    <a:lnTo>
                      <a:pt x="580" y="405"/>
                    </a:lnTo>
                    <a:lnTo>
                      <a:pt x="580" y="403"/>
                    </a:lnTo>
                    <a:lnTo>
                      <a:pt x="580" y="401"/>
                    </a:lnTo>
                    <a:lnTo>
                      <a:pt x="578" y="401"/>
                    </a:lnTo>
                    <a:lnTo>
                      <a:pt x="578" y="399"/>
                    </a:lnTo>
                    <a:lnTo>
                      <a:pt x="578" y="397"/>
                    </a:lnTo>
                    <a:lnTo>
                      <a:pt x="578" y="399"/>
                    </a:lnTo>
                    <a:lnTo>
                      <a:pt x="576" y="399"/>
                    </a:lnTo>
                    <a:lnTo>
                      <a:pt x="574" y="399"/>
                    </a:lnTo>
                    <a:lnTo>
                      <a:pt x="573" y="399"/>
                    </a:lnTo>
                    <a:lnTo>
                      <a:pt x="573" y="401"/>
                    </a:lnTo>
                    <a:lnTo>
                      <a:pt x="571" y="401"/>
                    </a:lnTo>
                    <a:lnTo>
                      <a:pt x="571" y="403"/>
                    </a:lnTo>
                    <a:lnTo>
                      <a:pt x="569" y="403"/>
                    </a:lnTo>
                    <a:lnTo>
                      <a:pt x="567" y="405"/>
                    </a:lnTo>
                    <a:lnTo>
                      <a:pt x="567" y="403"/>
                    </a:lnTo>
                    <a:lnTo>
                      <a:pt x="565" y="403"/>
                    </a:lnTo>
                    <a:lnTo>
                      <a:pt x="565" y="401"/>
                    </a:lnTo>
                    <a:lnTo>
                      <a:pt x="565" y="403"/>
                    </a:lnTo>
                    <a:lnTo>
                      <a:pt x="563" y="403"/>
                    </a:lnTo>
                    <a:lnTo>
                      <a:pt x="563" y="405"/>
                    </a:lnTo>
                    <a:lnTo>
                      <a:pt x="563" y="403"/>
                    </a:lnTo>
                    <a:lnTo>
                      <a:pt x="561" y="403"/>
                    </a:lnTo>
                    <a:lnTo>
                      <a:pt x="561" y="405"/>
                    </a:lnTo>
                    <a:lnTo>
                      <a:pt x="560" y="405"/>
                    </a:lnTo>
                    <a:lnTo>
                      <a:pt x="560" y="406"/>
                    </a:lnTo>
                    <a:lnTo>
                      <a:pt x="558" y="406"/>
                    </a:lnTo>
                    <a:lnTo>
                      <a:pt x="556" y="406"/>
                    </a:lnTo>
                    <a:lnTo>
                      <a:pt x="554" y="406"/>
                    </a:lnTo>
                    <a:lnTo>
                      <a:pt x="554" y="408"/>
                    </a:lnTo>
                    <a:lnTo>
                      <a:pt x="554" y="406"/>
                    </a:lnTo>
                    <a:lnTo>
                      <a:pt x="552" y="406"/>
                    </a:lnTo>
                    <a:lnTo>
                      <a:pt x="552" y="405"/>
                    </a:lnTo>
                    <a:lnTo>
                      <a:pt x="550" y="405"/>
                    </a:lnTo>
                    <a:lnTo>
                      <a:pt x="550" y="406"/>
                    </a:lnTo>
                    <a:lnTo>
                      <a:pt x="549" y="406"/>
                    </a:lnTo>
                    <a:lnTo>
                      <a:pt x="549" y="408"/>
                    </a:lnTo>
                    <a:lnTo>
                      <a:pt x="547" y="406"/>
                    </a:lnTo>
                    <a:lnTo>
                      <a:pt x="547" y="408"/>
                    </a:lnTo>
                    <a:lnTo>
                      <a:pt x="545" y="408"/>
                    </a:lnTo>
                    <a:lnTo>
                      <a:pt x="545" y="410"/>
                    </a:lnTo>
                    <a:lnTo>
                      <a:pt x="547" y="410"/>
                    </a:lnTo>
                    <a:lnTo>
                      <a:pt x="547" y="412"/>
                    </a:lnTo>
                    <a:lnTo>
                      <a:pt x="547" y="414"/>
                    </a:lnTo>
                    <a:lnTo>
                      <a:pt x="545" y="414"/>
                    </a:lnTo>
                    <a:lnTo>
                      <a:pt x="543" y="414"/>
                    </a:lnTo>
                    <a:lnTo>
                      <a:pt x="541" y="414"/>
                    </a:lnTo>
                    <a:lnTo>
                      <a:pt x="541" y="412"/>
                    </a:lnTo>
                    <a:lnTo>
                      <a:pt x="539" y="410"/>
                    </a:lnTo>
                    <a:lnTo>
                      <a:pt x="537" y="410"/>
                    </a:lnTo>
                    <a:lnTo>
                      <a:pt x="536" y="410"/>
                    </a:lnTo>
                    <a:lnTo>
                      <a:pt x="536" y="406"/>
                    </a:lnTo>
                    <a:lnTo>
                      <a:pt x="534" y="406"/>
                    </a:lnTo>
                    <a:lnTo>
                      <a:pt x="536" y="406"/>
                    </a:lnTo>
                    <a:lnTo>
                      <a:pt x="536" y="405"/>
                    </a:lnTo>
                    <a:lnTo>
                      <a:pt x="534" y="406"/>
                    </a:lnTo>
                    <a:lnTo>
                      <a:pt x="532" y="406"/>
                    </a:lnTo>
                    <a:lnTo>
                      <a:pt x="530" y="406"/>
                    </a:lnTo>
                    <a:lnTo>
                      <a:pt x="530" y="405"/>
                    </a:lnTo>
                    <a:lnTo>
                      <a:pt x="528" y="403"/>
                    </a:lnTo>
                    <a:lnTo>
                      <a:pt x="526" y="405"/>
                    </a:lnTo>
                    <a:lnTo>
                      <a:pt x="523" y="401"/>
                    </a:lnTo>
                    <a:lnTo>
                      <a:pt x="523" y="399"/>
                    </a:lnTo>
                    <a:lnTo>
                      <a:pt x="523" y="397"/>
                    </a:lnTo>
                    <a:lnTo>
                      <a:pt x="521" y="397"/>
                    </a:lnTo>
                    <a:lnTo>
                      <a:pt x="521" y="399"/>
                    </a:lnTo>
                    <a:lnTo>
                      <a:pt x="521" y="401"/>
                    </a:lnTo>
                    <a:lnTo>
                      <a:pt x="517" y="403"/>
                    </a:lnTo>
                    <a:lnTo>
                      <a:pt x="515" y="405"/>
                    </a:lnTo>
                    <a:lnTo>
                      <a:pt x="515" y="406"/>
                    </a:lnTo>
                    <a:lnTo>
                      <a:pt x="513" y="406"/>
                    </a:lnTo>
                    <a:lnTo>
                      <a:pt x="513" y="405"/>
                    </a:lnTo>
                    <a:lnTo>
                      <a:pt x="513" y="406"/>
                    </a:lnTo>
                    <a:lnTo>
                      <a:pt x="506" y="410"/>
                    </a:lnTo>
                    <a:lnTo>
                      <a:pt x="504" y="412"/>
                    </a:lnTo>
                    <a:lnTo>
                      <a:pt x="502" y="412"/>
                    </a:lnTo>
                    <a:lnTo>
                      <a:pt x="502" y="410"/>
                    </a:lnTo>
                    <a:lnTo>
                      <a:pt x="500" y="410"/>
                    </a:lnTo>
                    <a:lnTo>
                      <a:pt x="500" y="412"/>
                    </a:lnTo>
                    <a:lnTo>
                      <a:pt x="499" y="412"/>
                    </a:lnTo>
                    <a:lnTo>
                      <a:pt x="497" y="412"/>
                    </a:lnTo>
                    <a:lnTo>
                      <a:pt x="495" y="412"/>
                    </a:lnTo>
                    <a:lnTo>
                      <a:pt x="493" y="412"/>
                    </a:lnTo>
                    <a:lnTo>
                      <a:pt x="493" y="414"/>
                    </a:lnTo>
                    <a:lnTo>
                      <a:pt x="491" y="414"/>
                    </a:lnTo>
                    <a:lnTo>
                      <a:pt x="491" y="412"/>
                    </a:lnTo>
                    <a:lnTo>
                      <a:pt x="489" y="412"/>
                    </a:lnTo>
                    <a:lnTo>
                      <a:pt x="489" y="410"/>
                    </a:lnTo>
                    <a:lnTo>
                      <a:pt x="488" y="410"/>
                    </a:lnTo>
                    <a:lnTo>
                      <a:pt x="486" y="410"/>
                    </a:lnTo>
                    <a:lnTo>
                      <a:pt x="484" y="412"/>
                    </a:lnTo>
                    <a:lnTo>
                      <a:pt x="484" y="410"/>
                    </a:lnTo>
                    <a:lnTo>
                      <a:pt x="482" y="410"/>
                    </a:lnTo>
                    <a:lnTo>
                      <a:pt x="482" y="412"/>
                    </a:lnTo>
                    <a:lnTo>
                      <a:pt x="480" y="412"/>
                    </a:lnTo>
                    <a:lnTo>
                      <a:pt x="480" y="414"/>
                    </a:lnTo>
                    <a:lnTo>
                      <a:pt x="478" y="414"/>
                    </a:lnTo>
                    <a:lnTo>
                      <a:pt x="478" y="416"/>
                    </a:lnTo>
                    <a:lnTo>
                      <a:pt x="480" y="418"/>
                    </a:lnTo>
                    <a:lnTo>
                      <a:pt x="480" y="419"/>
                    </a:lnTo>
                    <a:lnTo>
                      <a:pt x="478" y="419"/>
                    </a:lnTo>
                    <a:lnTo>
                      <a:pt x="478" y="421"/>
                    </a:lnTo>
                    <a:lnTo>
                      <a:pt x="476" y="423"/>
                    </a:lnTo>
                    <a:lnTo>
                      <a:pt x="475" y="423"/>
                    </a:lnTo>
                    <a:lnTo>
                      <a:pt x="475" y="425"/>
                    </a:lnTo>
                    <a:lnTo>
                      <a:pt x="473" y="427"/>
                    </a:lnTo>
                    <a:lnTo>
                      <a:pt x="471" y="429"/>
                    </a:lnTo>
                    <a:lnTo>
                      <a:pt x="475" y="429"/>
                    </a:lnTo>
                    <a:lnTo>
                      <a:pt x="473" y="430"/>
                    </a:lnTo>
                    <a:lnTo>
                      <a:pt x="475" y="430"/>
                    </a:lnTo>
                    <a:lnTo>
                      <a:pt x="475" y="432"/>
                    </a:lnTo>
                    <a:lnTo>
                      <a:pt x="476" y="432"/>
                    </a:lnTo>
                    <a:lnTo>
                      <a:pt x="478" y="434"/>
                    </a:lnTo>
                    <a:lnTo>
                      <a:pt x="478" y="436"/>
                    </a:lnTo>
                    <a:lnTo>
                      <a:pt x="476" y="440"/>
                    </a:lnTo>
                    <a:lnTo>
                      <a:pt x="480" y="440"/>
                    </a:lnTo>
                    <a:lnTo>
                      <a:pt x="480" y="442"/>
                    </a:lnTo>
                    <a:lnTo>
                      <a:pt x="482" y="440"/>
                    </a:lnTo>
                    <a:lnTo>
                      <a:pt x="482" y="442"/>
                    </a:lnTo>
                    <a:lnTo>
                      <a:pt x="480" y="442"/>
                    </a:lnTo>
                    <a:lnTo>
                      <a:pt x="480" y="443"/>
                    </a:lnTo>
                    <a:lnTo>
                      <a:pt x="478" y="443"/>
                    </a:lnTo>
                    <a:lnTo>
                      <a:pt x="478" y="445"/>
                    </a:lnTo>
                    <a:lnTo>
                      <a:pt x="476" y="445"/>
                    </a:lnTo>
                    <a:lnTo>
                      <a:pt x="476" y="447"/>
                    </a:lnTo>
                    <a:lnTo>
                      <a:pt x="478" y="447"/>
                    </a:lnTo>
                    <a:lnTo>
                      <a:pt x="478" y="449"/>
                    </a:lnTo>
                    <a:lnTo>
                      <a:pt x="480" y="449"/>
                    </a:lnTo>
                    <a:lnTo>
                      <a:pt x="484" y="449"/>
                    </a:lnTo>
                    <a:lnTo>
                      <a:pt x="484" y="451"/>
                    </a:lnTo>
                    <a:lnTo>
                      <a:pt x="486" y="451"/>
                    </a:lnTo>
                    <a:lnTo>
                      <a:pt x="489" y="451"/>
                    </a:lnTo>
                    <a:lnTo>
                      <a:pt x="489" y="453"/>
                    </a:lnTo>
                    <a:lnTo>
                      <a:pt x="491" y="453"/>
                    </a:lnTo>
                    <a:lnTo>
                      <a:pt x="493" y="453"/>
                    </a:lnTo>
                    <a:lnTo>
                      <a:pt x="495" y="453"/>
                    </a:lnTo>
                    <a:lnTo>
                      <a:pt x="499" y="455"/>
                    </a:lnTo>
                    <a:lnTo>
                      <a:pt x="500" y="455"/>
                    </a:lnTo>
                    <a:lnTo>
                      <a:pt x="502" y="455"/>
                    </a:lnTo>
                    <a:lnTo>
                      <a:pt x="502" y="456"/>
                    </a:lnTo>
                    <a:lnTo>
                      <a:pt x="506" y="458"/>
                    </a:lnTo>
                    <a:lnTo>
                      <a:pt x="506" y="460"/>
                    </a:lnTo>
                    <a:lnTo>
                      <a:pt x="504" y="460"/>
                    </a:lnTo>
                    <a:lnTo>
                      <a:pt x="504" y="462"/>
                    </a:lnTo>
                    <a:lnTo>
                      <a:pt x="504" y="464"/>
                    </a:lnTo>
                    <a:lnTo>
                      <a:pt x="506" y="464"/>
                    </a:lnTo>
                    <a:lnTo>
                      <a:pt x="506" y="466"/>
                    </a:lnTo>
                    <a:lnTo>
                      <a:pt x="506" y="467"/>
                    </a:lnTo>
                    <a:lnTo>
                      <a:pt x="508" y="467"/>
                    </a:lnTo>
                    <a:lnTo>
                      <a:pt x="506" y="467"/>
                    </a:lnTo>
                    <a:lnTo>
                      <a:pt x="506" y="469"/>
                    </a:lnTo>
                    <a:lnTo>
                      <a:pt x="504" y="469"/>
                    </a:lnTo>
                    <a:lnTo>
                      <a:pt x="502" y="471"/>
                    </a:lnTo>
                    <a:lnTo>
                      <a:pt x="504" y="473"/>
                    </a:lnTo>
                    <a:lnTo>
                      <a:pt x="504" y="477"/>
                    </a:lnTo>
                    <a:lnTo>
                      <a:pt x="512" y="479"/>
                    </a:lnTo>
                    <a:lnTo>
                      <a:pt x="513" y="479"/>
                    </a:lnTo>
                    <a:lnTo>
                      <a:pt x="513" y="480"/>
                    </a:lnTo>
                    <a:lnTo>
                      <a:pt x="515" y="480"/>
                    </a:lnTo>
                    <a:lnTo>
                      <a:pt x="517" y="480"/>
                    </a:lnTo>
                    <a:lnTo>
                      <a:pt x="519" y="482"/>
                    </a:lnTo>
                    <a:lnTo>
                      <a:pt x="521" y="482"/>
                    </a:lnTo>
                    <a:lnTo>
                      <a:pt x="523" y="482"/>
                    </a:lnTo>
                    <a:lnTo>
                      <a:pt x="525" y="482"/>
                    </a:lnTo>
                    <a:lnTo>
                      <a:pt x="526" y="484"/>
                    </a:lnTo>
                    <a:lnTo>
                      <a:pt x="528" y="484"/>
                    </a:lnTo>
                    <a:lnTo>
                      <a:pt x="530" y="484"/>
                    </a:lnTo>
                    <a:lnTo>
                      <a:pt x="532" y="484"/>
                    </a:lnTo>
                    <a:lnTo>
                      <a:pt x="534" y="484"/>
                    </a:lnTo>
                    <a:lnTo>
                      <a:pt x="536" y="484"/>
                    </a:lnTo>
                    <a:lnTo>
                      <a:pt x="536" y="486"/>
                    </a:lnTo>
                    <a:lnTo>
                      <a:pt x="537" y="486"/>
                    </a:lnTo>
                    <a:lnTo>
                      <a:pt x="539" y="488"/>
                    </a:lnTo>
                    <a:lnTo>
                      <a:pt x="539" y="490"/>
                    </a:lnTo>
                    <a:lnTo>
                      <a:pt x="541" y="490"/>
                    </a:lnTo>
                    <a:lnTo>
                      <a:pt x="541" y="492"/>
                    </a:lnTo>
                    <a:lnTo>
                      <a:pt x="541" y="493"/>
                    </a:lnTo>
                    <a:lnTo>
                      <a:pt x="543" y="493"/>
                    </a:lnTo>
                    <a:lnTo>
                      <a:pt x="543" y="495"/>
                    </a:lnTo>
                    <a:lnTo>
                      <a:pt x="545" y="495"/>
                    </a:lnTo>
                    <a:lnTo>
                      <a:pt x="547" y="495"/>
                    </a:lnTo>
                    <a:lnTo>
                      <a:pt x="547" y="497"/>
                    </a:lnTo>
                    <a:lnTo>
                      <a:pt x="549" y="497"/>
                    </a:lnTo>
                    <a:lnTo>
                      <a:pt x="550" y="497"/>
                    </a:lnTo>
                    <a:lnTo>
                      <a:pt x="552" y="497"/>
                    </a:lnTo>
                    <a:lnTo>
                      <a:pt x="552" y="499"/>
                    </a:lnTo>
                    <a:lnTo>
                      <a:pt x="550" y="499"/>
                    </a:lnTo>
                    <a:lnTo>
                      <a:pt x="550" y="501"/>
                    </a:lnTo>
                    <a:lnTo>
                      <a:pt x="549" y="501"/>
                    </a:lnTo>
                    <a:lnTo>
                      <a:pt x="549" y="499"/>
                    </a:lnTo>
                    <a:lnTo>
                      <a:pt x="547" y="499"/>
                    </a:lnTo>
                    <a:lnTo>
                      <a:pt x="545" y="499"/>
                    </a:lnTo>
                    <a:lnTo>
                      <a:pt x="545" y="501"/>
                    </a:lnTo>
                    <a:lnTo>
                      <a:pt x="547" y="501"/>
                    </a:lnTo>
                    <a:lnTo>
                      <a:pt x="547" y="503"/>
                    </a:lnTo>
                    <a:lnTo>
                      <a:pt x="549" y="503"/>
                    </a:lnTo>
                    <a:lnTo>
                      <a:pt x="549" y="504"/>
                    </a:lnTo>
                    <a:lnTo>
                      <a:pt x="547" y="504"/>
                    </a:lnTo>
                    <a:lnTo>
                      <a:pt x="545" y="504"/>
                    </a:lnTo>
                    <a:lnTo>
                      <a:pt x="543" y="504"/>
                    </a:lnTo>
                    <a:lnTo>
                      <a:pt x="541" y="504"/>
                    </a:lnTo>
                    <a:lnTo>
                      <a:pt x="539" y="504"/>
                    </a:lnTo>
                    <a:lnTo>
                      <a:pt x="539" y="503"/>
                    </a:lnTo>
                    <a:lnTo>
                      <a:pt x="537" y="503"/>
                    </a:lnTo>
                    <a:lnTo>
                      <a:pt x="539" y="504"/>
                    </a:lnTo>
                    <a:lnTo>
                      <a:pt x="539" y="506"/>
                    </a:lnTo>
                    <a:lnTo>
                      <a:pt x="537" y="506"/>
                    </a:lnTo>
                    <a:lnTo>
                      <a:pt x="537" y="504"/>
                    </a:lnTo>
                    <a:lnTo>
                      <a:pt x="536" y="504"/>
                    </a:lnTo>
                    <a:lnTo>
                      <a:pt x="534" y="503"/>
                    </a:lnTo>
                    <a:lnTo>
                      <a:pt x="532" y="503"/>
                    </a:lnTo>
                    <a:lnTo>
                      <a:pt x="532" y="504"/>
                    </a:lnTo>
                    <a:lnTo>
                      <a:pt x="532" y="506"/>
                    </a:lnTo>
                    <a:lnTo>
                      <a:pt x="530" y="504"/>
                    </a:lnTo>
                    <a:lnTo>
                      <a:pt x="528" y="506"/>
                    </a:lnTo>
                    <a:lnTo>
                      <a:pt x="530" y="506"/>
                    </a:lnTo>
                    <a:lnTo>
                      <a:pt x="530" y="508"/>
                    </a:lnTo>
                    <a:lnTo>
                      <a:pt x="528" y="510"/>
                    </a:lnTo>
                    <a:lnTo>
                      <a:pt x="530" y="508"/>
                    </a:lnTo>
                    <a:lnTo>
                      <a:pt x="528" y="508"/>
                    </a:lnTo>
                    <a:lnTo>
                      <a:pt x="528" y="510"/>
                    </a:lnTo>
                    <a:lnTo>
                      <a:pt x="526" y="510"/>
                    </a:lnTo>
                    <a:lnTo>
                      <a:pt x="526" y="512"/>
                    </a:lnTo>
                    <a:lnTo>
                      <a:pt x="525" y="512"/>
                    </a:lnTo>
                    <a:lnTo>
                      <a:pt x="525" y="510"/>
                    </a:lnTo>
                    <a:lnTo>
                      <a:pt x="523" y="510"/>
                    </a:lnTo>
                    <a:lnTo>
                      <a:pt x="521" y="510"/>
                    </a:lnTo>
                    <a:lnTo>
                      <a:pt x="519" y="508"/>
                    </a:lnTo>
                    <a:lnTo>
                      <a:pt x="519" y="510"/>
                    </a:lnTo>
                    <a:lnTo>
                      <a:pt x="519" y="512"/>
                    </a:lnTo>
                    <a:lnTo>
                      <a:pt x="519" y="514"/>
                    </a:lnTo>
                    <a:lnTo>
                      <a:pt x="519" y="512"/>
                    </a:lnTo>
                    <a:lnTo>
                      <a:pt x="517" y="514"/>
                    </a:lnTo>
                    <a:lnTo>
                      <a:pt x="519" y="514"/>
                    </a:lnTo>
                    <a:lnTo>
                      <a:pt x="519" y="516"/>
                    </a:lnTo>
                    <a:lnTo>
                      <a:pt x="521" y="516"/>
                    </a:lnTo>
                    <a:lnTo>
                      <a:pt x="519" y="517"/>
                    </a:lnTo>
                    <a:lnTo>
                      <a:pt x="519" y="519"/>
                    </a:lnTo>
                    <a:lnTo>
                      <a:pt x="517" y="519"/>
                    </a:lnTo>
                    <a:lnTo>
                      <a:pt x="515" y="521"/>
                    </a:lnTo>
                    <a:lnTo>
                      <a:pt x="513" y="521"/>
                    </a:lnTo>
                    <a:lnTo>
                      <a:pt x="513" y="519"/>
                    </a:lnTo>
                    <a:lnTo>
                      <a:pt x="515" y="519"/>
                    </a:lnTo>
                    <a:lnTo>
                      <a:pt x="517" y="517"/>
                    </a:lnTo>
                    <a:lnTo>
                      <a:pt x="517" y="516"/>
                    </a:lnTo>
                    <a:lnTo>
                      <a:pt x="515" y="514"/>
                    </a:lnTo>
                    <a:lnTo>
                      <a:pt x="513" y="514"/>
                    </a:lnTo>
                    <a:lnTo>
                      <a:pt x="513" y="512"/>
                    </a:lnTo>
                    <a:lnTo>
                      <a:pt x="512" y="512"/>
                    </a:lnTo>
                    <a:lnTo>
                      <a:pt x="512" y="514"/>
                    </a:lnTo>
                    <a:lnTo>
                      <a:pt x="512" y="516"/>
                    </a:lnTo>
                    <a:lnTo>
                      <a:pt x="510" y="517"/>
                    </a:lnTo>
                    <a:lnTo>
                      <a:pt x="506" y="517"/>
                    </a:lnTo>
                    <a:lnTo>
                      <a:pt x="504" y="517"/>
                    </a:lnTo>
                    <a:lnTo>
                      <a:pt x="502" y="517"/>
                    </a:lnTo>
                    <a:lnTo>
                      <a:pt x="502" y="516"/>
                    </a:lnTo>
                    <a:lnTo>
                      <a:pt x="502" y="514"/>
                    </a:lnTo>
                    <a:lnTo>
                      <a:pt x="500" y="514"/>
                    </a:lnTo>
                    <a:lnTo>
                      <a:pt x="500" y="512"/>
                    </a:lnTo>
                    <a:lnTo>
                      <a:pt x="499" y="512"/>
                    </a:lnTo>
                    <a:lnTo>
                      <a:pt x="499" y="510"/>
                    </a:lnTo>
                    <a:lnTo>
                      <a:pt x="497" y="508"/>
                    </a:lnTo>
                    <a:lnTo>
                      <a:pt x="497" y="510"/>
                    </a:lnTo>
                    <a:lnTo>
                      <a:pt x="495" y="510"/>
                    </a:lnTo>
                    <a:lnTo>
                      <a:pt x="497" y="510"/>
                    </a:lnTo>
                    <a:lnTo>
                      <a:pt x="495" y="512"/>
                    </a:lnTo>
                    <a:lnTo>
                      <a:pt x="493" y="512"/>
                    </a:lnTo>
                    <a:lnTo>
                      <a:pt x="495" y="512"/>
                    </a:lnTo>
                    <a:lnTo>
                      <a:pt x="493" y="514"/>
                    </a:lnTo>
                    <a:lnTo>
                      <a:pt x="493" y="516"/>
                    </a:lnTo>
                    <a:lnTo>
                      <a:pt x="493" y="517"/>
                    </a:lnTo>
                    <a:lnTo>
                      <a:pt x="493" y="519"/>
                    </a:lnTo>
                    <a:lnTo>
                      <a:pt x="491" y="519"/>
                    </a:lnTo>
                    <a:lnTo>
                      <a:pt x="489" y="519"/>
                    </a:lnTo>
                    <a:lnTo>
                      <a:pt x="486" y="523"/>
                    </a:lnTo>
                    <a:lnTo>
                      <a:pt x="486" y="521"/>
                    </a:lnTo>
                    <a:lnTo>
                      <a:pt x="486" y="523"/>
                    </a:lnTo>
                    <a:lnTo>
                      <a:pt x="486" y="525"/>
                    </a:lnTo>
                    <a:lnTo>
                      <a:pt x="484" y="525"/>
                    </a:lnTo>
                    <a:lnTo>
                      <a:pt x="484" y="527"/>
                    </a:lnTo>
                    <a:lnTo>
                      <a:pt x="482" y="527"/>
                    </a:lnTo>
                    <a:lnTo>
                      <a:pt x="482" y="525"/>
                    </a:lnTo>
                    <a:lnTo>
                      <a:pt x="482" y="523"/>
                    </a:lnTo>
                    <a:lnTo>
                      <a:pt x="480" y="523"/>
                    </a:lnTo>
                    <a:lnTo>
                      <a:pt x="478" y="525"/>
                    </a:lnTo>
                    <a:lnTo>
                      <a:pt x="476" y="523"/>
                    </a:lnTo>
                    <a:lnTo>
                      <a:pt x="476" y="525"/>
                    </a:lnTo>
                    <a:lnTo>
                      <a:pt x="475" y="525"/>
                    </a:lnTo>
                    <a:lnTo>
                      <a:pt x="473" y="523"/>
                    </a:lnTo>
                    <a:lnTo>
                      <a:pt x="473" y="525"/>
                    </a:lnTo>
                    <a:lnTo>
                      <a:pt x="471" y="525"/>
                    </a:lnTo>
                    <a:lnTo>
                      <a:pt x="469" y="525"/>
                    </a:lnTo>
                    <a:lnTo>
                      <a:pt x="469" y="523"/>
                    </a:lnTo>
                    <a:lnTo>
                      <a:pt x="467" y="523"/>
                    </a:lnTo>
                    <a:lnTo>
                      <a:pt x="465" y="523"/>
                    </a:lnTo>
                    <a:lnTo>
                      <a:pt x="465" y="525"/>
                    </a:lnTo>
                    <a:lnTo>
                      <a:pt x="465" y="527"/>
                    </a:lnTo>
                    <a:lnTo>
                      <a:pt x="465" y="529"/>
                    </a:lnTo>
                    <a:lnTo>
                      <a:pt x="467" y="529"/>
                    </a:lnTo>
                    <a:lnTo>
                      <a:pt x="465" y="530"/>
                    </a:lnTo>
                    <a:lnTo>
                      <a:pt x="464" y="530"/>
                    </a:lnTo>
                    <a:lnTo>
                      <a:pt x="462" y="530"/>
                    </a:lnTo>
                    <a:lnTo>
                      <a:pt x="462" y="532"/>
                    </a:lnTo>
                    <a:lnTo>
                      <a:pt x="460" y="532"/>
                    </a:lnTo>
                    <a:lnTo>
                      <a:pt x="460" y="534"/>
                    </a:lnTo>
                    <a:lnTo>
                      <a:pt x="458" y="534"/>
                    </a:lnTo>
                    <a:lnTo>
                      <a:pt x="456" y="534"/>
                    </a:lnTo>
                    <a:lnTo>
                      <a:pt x="456" y="532"/>
                    </a:lnTo>
                    <a:lnTo>
                      <a:pt x="454" y="532"/>
                    </a:lnTo>
                    <a:lnTo>
                      <a:pt x="454" y="534"/>
                    </a:lnTo>
                    <a:lnTo>
                      <a:pt x="452" y="534"/>
                    </a:lnTo>
                    <a:lnTo>
                      <a:pt x="451" y="534"/>
                    </a:lnTo>
                    <a:lnTo>
                      <a:pt x="449" y="534"/>
                    </a:lnTo>
                    <a:lnTo>
                      <a:pt x="451" y="536"/>
                    </a:lnTo>
                    <a:lnTo>
                      <a:pt x="451" y="534"/>
                    </a:lnTo>
                    <a:lnTo>
                      <a:pt x="452" y="534"/>
                    </a:lnTo>
                    <a:lnTo>
                      <a:pt x="452" y="536"/>
                    </a:lnTo>
                    <a:lnTo>
                      <a:pt x="454" y="536"/>
                    </a:lnTo>
                    <a:lnTo>
                      <a:pt x="452" y="536"/>
                    </a:lnTo>
                    <a:lnTo>
                      <a:pt x="454" y="536"/>
                    </a:lnTo>
                    <a:lnTo>
                      <a:pt x="454" y="538"/>
                    </a:lnTo>
                    <a:lnTo>
                      <a:pt x="454" y="540"/>
                    </a:lnTo>
                    <a:lnTo>
                      <a:pt x="454" y="541"/>
                    </a:lnTo>
                    <a:lnTo>
                      <a:pt x="454" y="543"/>
                    </a:lnTo>
                    <a:lnTo>
                      <a:pt x="452" y="543"/>
                    </a:lnTo>
                    <a:lnTo>
                      <a:pt x="454" y="545"/>
                    </a:lnTo>
                    <a:lnTo>
                      <a:pt x="456" y="545"/>
                    </a:lnTo>
                    <a:lnTo>
                      <a:pt x="454" y="547"/>
                    </a:lnTo>
                    <a:lnTo>
                      <a:pt x="456" y="547"/>
                    </a:lnTo>
                    <a:lnTo>
                      <a:pt x="458" y="547"/>
                    </a:lnTo>
                    <a:lnTo>
                      <a:pt x="458" y="549"/>
                    </a:lnTo>
                    <a:lnTo>
                      <a:pt x="460" y="549"/>
                    </a:lnTo>
                    <a:lnTo>
                      <a:pt x="458" y="549"/>
                    </a:lnTo>
                    <a:lnTo>
                      <a:pt x="458" y="551"/>
                    </a:lnTo>
                    <a:lnTo>
                      <a:pt x="456" y="551"/>
                    </a:lnTo>
                    <a:lnTo>
                      <a:pt x="456" y="553"/>
                    </a:lnTo>
                    <a:lnTo>
                      <a:pt x="456" y="554"/>
                    </a:lnTo>
                    <a:lnTo>
                      <a:pt x="456" y="556"/>
                    </a:lnTo>
                    <a:lnTo>
                      <a:pt x="454" y="558"/>
                    </a:lnTo>
                    <a:lnTo>
                      <a:pt x="456" y="558"/>
                    </a:lnTo>
                    <a:lnTo>
                      <a:pt x="454" y="558"/>
                    </a:lnTo>
                    <a:lnTo>
                      <a:pt x="454" y="560"/>
                    </a:lnTo>
                    <a:lnTo>
                      <a:pt x="454" y="562"/>
                    </a:lnTo>
                    <a:lnTo>
                      <a:pt x="454" y="564"/>
                    </a:lnTo>
                    <a:lnTo>
                      <a:pt x="454" y="566"/>
                    </a:lnTo>
                    <a:lnTo>
                      <a:pt x="452" y="566"/>
                    </a:lnTo>
                    <a:lnTo>
                      <a:pt x="454" y="566"/>
                    </a:lnTo>
                    <a:lnTo>
                      <a:pt x="454" y="569"/>
                    </a:lnTo>
                    <a:lnTo>
                      <a:pt x="454" y="567"/>
                    </a:lnTo>
                    <a:lnTo>
                      <a:pt x="452" y="567"/>
                    </a:lnTo>
                    <a:lnTo>
                      <a:pt x="452" y="569"/>
                    </a:lnTo>
                    <a:lnTo>
                      <a:pt x="452" y="571"/>
                    </a:lnTo>
                    <a:lnTo>
                      <a:pt x="451" y="571"/>
                    </a:lnTo>
                    <a:lnTo>
                      <a:pt x="449" y="571"/>
                    </a:lnTo>
                    <a:lnTo>
                      <a:pt x="447" y="571"/>
                    </a:lnTo>
                    <a:lnTo>
                      <a:pt x="445" y="571"/>
                    </a:lnTo>
                    <a:lnTo>
                      <a:pt x="443" y="571"/>
                    </a:lnTo>
                    <a:lnTo>
                      <a:pt x="443" y="569"/>
                    </a:lnTo>
                    <a:lnTo>
                      <a:pt x="441" y="569"/>
                    </a:lnTo>
                    <a:lnTo>
                      <a:pt x="441" y="571"/>
                    </a:lnTo>
                    <a:lnTo>
                      <a:pt x="439" y="571"/>
                    </a:lnTo>
                    <a:lnTo>
                      <a:pt x="439" y="573"/>
                    </a:lnTo>
                    <a:lnTo>
                      <a:pt x="438" y="573"/>
                    </a:lnTo>
                    <a:lnTo>
                      <a:pt x="436" y="573"/>
                    </a:lnTo>
                    <a:lnTo>
                      <a:pt x="436" y="575"/>
                    </a:lnTo>
                    <a:lnTo>
                      <a:pt x="436" y="577"/>
                    </a:lnTo>
                    <a:lnTo>
                      <a:pt x="434" y="577"/>
                    </a:lnTo>
                    <a:lnTo>
                      <a:pt x="434" y="578"/>
                    </a:lnTo>
                    <a:lnTo>
                      <a:pt x="434" y="580"/>
                    </a:lnTo>
                    <a:lnTo>
                      <a:pt x="432" y="582"/>
                    </a:lnTo>
                    <a:lnTo>
                      <a:pt x="432" y="584"/>
                    </a:lnTo>
                    <a:lnTo>
                      <a:pt x="430" y="584"/>
                    </a:lnTo>
                    <a:lnTo>
                      <a:pt x="430" y="586"/>
                    </a:lnTo>
                    <a:lnTo>
                      <a:pt x="430" y="588"/>
                    </a:lnTo>
                    <a:lnTo>
                      <a:pt x="430" y="590"/>
                    </a:lnTo>
                    <a:lnTo>
                      <a:pt x="432" y="590"/>
                    </a:lnTo>
                    <a:lnTo>
                      <a:pt x="432" y="591"/>
                    </a:lnTo>
                    <a:lnTo>
                      <a:pt x="432" y="593"/>
                    </a:lnTo>
                    <a:lnTo>
                      <a:pt x="434" y="593"/>
                    </a:lnTo>
                    <a:lnTo>
                      <a:pt x="434" y="595"/>
                    </a:lnTo>
                    <a:lnTo>
                      <a:pt x="434" y="597"/>
                    </a:lnTo>
                    <a:lnTo>
                      <a:pt x="434" y="599"/>
                    </a:lnTo>
                    <a:lnTo>
                      <a:pt x="432" y="599"/>
                    </a:lnTo>
                    <a:lnTo>
                      <a:pt x="432" y="601"/>
                    </a:lnTo>
                    <a:lnTo>
                      <a:pt x="432" y="603"/>
                    </a:lnTo>
                    <a:lnTo>
                      <a:pt x="432" y="604"/>
                    </a:lnTo>
                    <a:lnTo>
                      <a:pt x="432" y="606"/>
                    </a:lnTo>
                    <a:lnTo>
                      <a:pt x="430" y="606"/>
                    </a:lnTo>
                    <a:lnTo>
                      <a:pt x="430" y="608"/>
                    </a:lnTo>
                    <a:lnTo>
                      <a:pt x="430" y="610"/>
                    </a:lnTo>
                    <a:lnTo>
                      <a:pt x="430" y="612"/>
                    </a:lnTo>
                    <a:lnTo>
                      <a:pt x="428" y="612"/>
                    </a:lnTo>
                    <a:lnTo>
                      <a:pt x="428" y="614"/>
                    </a:lnTo>
                    <a:lnTo>
                      <a:pt x="427" y="614"/>
                    </a:lnTo>
                    <a:lnTo>
                      <a:pt x="427" y="612"/>
                    </a:lnTo>
                    <a:lnTo>
                      <a:pt x="425" y="612"/>
                    </a:lnTo>
                    <a:lnTo>
                      <a:pt x="425" y="614"/>
                    </a:lnTo>
                    <a:lnTo>
                      <a:pt x="423" y="615"/>
                    </a:lnTo>
                    <a:lnTo>
                      <a:pt x="423" y="617"/>
                    </a:lnTo>
                    <a:lnTo>
                      <a:pt x="423" y="619"/>
                    </a:lnTo>
                    <a:lnTo>
                      <a:pt x="423" y="621"/>
                    </a:lnTo>
                    <a:lnTo>
                      <a:pt x="423" y="623"/>
                    </a:lnTo>
                    <a:lnTo>
                      <a:pt x="423" y="625"/>
                    </a:lnTo>
                    <a:lnTo>
                      <a:pt x="421" y="625"/>
                    </a:lnTo>
                    <a:lnTo>
                      <a:pt x="421" y="627"/>
                    </a:lnTo>
                    <a:lnTo>
                      <a:pt x="419" y="625"/>
                    </a:lnTo>
                    <a:lnTo>
                      <a:pt x="417" y="625"/>
                    </a:lnTo>
                    <a:lnTo>
                      <a:pt x="415" y="625"/>
                    </a:lnTo>
                    <a:lnTo>
                      <a:pt x="414" y="625"/>
                    </a:lnTo>
                    <a:lnTo>
                      <a:pt x="410" y="623"/>
                    </a:lnTo>
                    <a:lnTo>
                      <a:pt x="410" y="625"/>
                    </a:lnTo>
                    <a:lnTo>
                      <a:pt x="410" y="627"/>
                    </a:lnTo>
                    <a:lnTo>
                      <a:pt x="408" y="628"/>
                    </a:lnTo>
                    <a:lnTo>
                      <a:pt x="408" y="630"/>
                    </a:lnTo>
                    <a:lnTo>
                      <a:pt x="406" y="630"/>
                    </a:lnTo>
                    <a:lnTo>
                      <a:pt x="406" y="632"/>
                    </a:lnTo>
                    <a:lnTo>
                      <a:pt x="406" y="634"/>
                    </a:lnTo>
                    <a:lnTo>
                      <a:pt x="404" y="634"/>
                    </a:lnTo>
                    <a:lnTo>
                      <a:pt x="404" y="636"/>
                    </a:lnTo>
                    <a:lnTo>
                      <a:pt x="402" y="636"/>
                    </a:lnTo>
                    <a:lnTo>
                      <a:pt x="401" y="636"/>
                    </a:lnTo>
                    <a:lnTo>
                      <a:pt x="399" y="636"/>
                    </a:lnTo>
                    <a:lnTo>
                      <a:pt x="399" y="638"/>
                    </a:lnTo>
                    <a:lnTo>
                      <a:pt x="397" y="638"/>
                    </a:lnTo>
                    <a:lnTo>
                      <a:pt x="397" y="640"/>
                    </a:lnTo>
                    <a:lnTo>
                      <a:pt x="395" y="640"/>
                    </a:lnTo>
                    <a:lnTo>
                      <a:pt x="393" y="641"/>
                    </a:lnTo>
                    <a:lnTo>
                      <a:pt x="393" y="640"/>
                    </a:lnTo>
                    <a:lnTo>
                      <a:pt x="393" y="641"/>
                    </a:lnTo>
                    <a:lnTo>
                      <a:pt x="391" y="645"/>
                    </a:lnTo>
                    <a:lnTo>
                      <a:pt x="390" y="643"/>
                    </a:lnTo>
                    <a:lnTo>
                      <a:pt x="390" y="641"/>
                    </a:lnTo>
                    <a:lnTo>
                      <a:pt x="388" y="641"/>
                    </a:lnTo>
                    <a:lnTo>
                      <a:pt x="388" y="640"/>
                    </a:lnTo>
                    <a:lnTo>
                      <a:pt x="386" y="638"/>
                    </a:lnTo>
                    <a:lnTo>
                      <a:pt x="386" y="636"/>
                    </a:lnTo>
                    <a:lnTo>
                      <a:pt x="388" y="636"/>
                    </a:lnTo>
                    <a:lnTo>
                      <a:pt x="388" y="634"/>
                    </a:lnTo>
                    <a:lnTo>
                      <a:pt x="388" y="632"/>
                    </a:lnTo>
                    <a:lnTo>
                      <a:pt x="390" y="632"/>
                    </a:lnTo>
                    <a:lnTo>
                      <a:pt x="390" y="630"/>
                    </a:lnTo>
                    <a:lnTo>
                      <a:pt x="391" y="630"/>
                    </a:lnTo>
                    <a:lnTo>
                      <a:pt x="391" y="628"/>
                    </a:lnTo>
                    <a:lnTo>
                      <a:pt x="391" y="627"/>
                    </a:lnTo>
                    <a:lnTo>
                      <a:pt x="391" y="625"/>
                    </a:lnTo>
                    <a:lnTo>
                      <a:pt x="390" y="625"/>
                    </a:lnTo>
                    <a:lnTo>
                      <a:pt x="390" y="623"/>
                    </a:lnTo>
                    <a:lnTo>
                      <a:pt x="388" y="623"/>
                    </a:lnTo>
                    <a:lnTo>
                      <a:pt x="388" y="621"/>
                    </a:lnTo>
                    <a:lnTo>
                      <a:pt x="386" y="621"/>
                    </a:lnTo>
                    <a:lnTo>
                      <a:pt x="384" y="619"/>
                    </a:lnTo>
                    <a:lnTo>
                      <a:pt x="382" y="619"/>
                    </a:lnTo>
                    <a:lnTo>
                      <a:pt x="382" y="617"/>
                    </a:lnTo>
                    <a:lnTo>
                      <a:pt x="380" y="617"/>
                    </a:lnTo>
                    <a:lnTo>
                      <a:pt x="380" y="615"/>
                    </a:lnTo>
                    <a:lnTo>
                      <a:pt x="378" y="615"/>
                    </a:lnTo>
                    <a:lnTo>
                      <a:pt x="377" y="615"/>
                    </a:lnTo>
                    <a:lnTo>
                      <a:pt x="377" y="614"/>
                    </a:lnTo>
                    <a:lnTo>
                      <a:pt x="375" y="614"/>
                    </a:lnTo>
                    <a:lnTo>
                      <a:pt x="373" y="614"/>
                    </a:lnTo>
                    <a:lnTo>
                      <a:pt x="373" y="612"/>
                    </a:lnTo>
                    <a:lnTo>
                      <a:pt x="371" y="612"/>
                    </a:lnTo>
                    <a:lnTo>
                      <a:pt x="373" y="610"/>
                    </a:lnTo>
                    <a:lnTo>
                      <a:pt x="371" y="610"/>
                    </a:lnTo>
                    <a:lnTo>
                      <a:pt x="371" y="608"/>
                    </a:lnTo>
                    <a:lnTo>
                      <a:pt x="369" y="608"/>
                    </a:lnTo>
                    <a:lnTo>
                      <a:pt x="367" y="608"/>
                    </a:lnTo>
                    <a:lnTo>
                      <a:pt x="367" y="606"/>
                    </a:lnTo>
                    <a:lnTo>
                      <a:pt x="367" y="604"/>
                    </a:lnTo>
                    <a:lnTo>
                      <a:pt x="366" y="603"/>
                    </a:lnTo>
                    <a:lnTo>
                      <a:pt x="364" y="601"/>
                    </a:lnTo>
                    <a:lnTo>
                      <a:pt x="362" y="601"/>
                    </a:lnTo>
                    <a:lnTo>
                      <a:pt x="362" y="599"/>
                    </a:lnTo>
                    <a:lnTo>
                      <a:pt x="360" y="599"/>
                    </a:lnTo>
                    <a:lnTo>
                      <a:pt x="360" y="597"/>
                    </a:lnTo>
                    <a:lnTo>
                      <a:pt x="358" y="597"/>
                    </a:lnTo>
                    <a:lnTo>
                      <a:pt x="356" y="597"/>
                    </a:lnTo>
                    <a:lnTo>
                      <a:pt x="354" y="597"/>
                    </a:lnTo>
                    <a:lnTo>
                      <a:pt x="353" y="597"/>
                    </a:lnTo>
                    <a:lnTo>
                      <a:pt x="351" y="597"/>
                    </a:lnTo>
                    <a:lnTo>
                      <a:pt x="351" y="595"/>
                    </a:lnTo>
                    <a:lnTo>
                      <a:pt x="351" y="597"/>
                    </a:lnTo>
                    <a:lnTo>
                      <a:pt x="351" y="595"/>
                    </a:lnTo>
                    <a:lnTo>
                      <a:pt x="349" y="595"/>
                    </a:lnTo>
                    <a:lnTo>
                      <a:pt x="347" y="595"/>
                    </a:lnTo>
                    <a:lnTo>
                      <a:pt x="345" y="595"/>
                    </a:lnTo>
                    <a:lnTo>
                      <a:pt x="345" y="593"/>
                    </a:lnTo>
                    <a:lnTo>
                      <a:pt x="345" y="595"/>
                    </a:lnTo>
                    <a:lnTo>
                      <a:pt x="343" y="595"/>
                    </a:lnTo>
                    <a:lnTo>
                      <a:pt x="343" y="593"/>
                    </a:lnTo>
                    <a:lnTo>
                      <a:pt x="343" y="595"/>
                    </a:lnTo>
                    <a:lnTo>
                      <a:pt x="341" y="595"/>
                    </a:lnTo>
                    <a:lnTo>
                      <a:pt x="340" y="595"/>
                    </a:lnTo>
                    <a:lnTo>
                      <a:pt x="340" y="593"/>
                    </a:lnTo>
                    <a:lnTo>
                      <a:pt x="338" y="593"/>
                    </a:lnTo>
                    <a:lnTo>
                      <a:pt x="336" y="593"/>
                    </a:lnTo>
                    <a:lnTo>
                      <a:pt x="334" y="593"/>
                    </a:lnTo>
                    <a:lnTo>
                      <a:pt x="334" y="591"/>
                    </a:lnTo>
                    <a:lnTo>
                      <a:pt x="336" y="591"/>
                    </a:lnTo>
                    <a:lnTo>
                      <a:pt x="336" y="590"/>
                    </a:lnTo>
                    <a:lnTo>
                      <a:pt x="336" y="588"/>
                    </a:lnTo>
                    <a:lnTo>
                      <a:pt x="336" y="586"/>
                    </a:lnTo>
                    <a:lnTo>
                      <a:pt x="338" y="586"/>
                    </a:lnTo>
                    <a:lnTo>
                      <a:pt x="338" y="584"/>
                    </a:lnTo>
                    <a:lnTo>
                      <a:pt x="338" y="582"/>
                    </a:lnTo>
                    <a:lnTo>
                      <a:pt x="340" y="582"/>
                    </a:lnTo>
                    <a:lnTo>
                      <a:pt x="341" y="580"/>
                    </a:lnTo>
                    <a:lnTo>
                      <a:pt x="341" y="578"/>
                    </a:lnTo>
                    <a:lnTo>
                      <a:pt x="343" y="578"/>
                    </a:lnTo>
                    <a:lnTo>
                      <a:pt x="343" y="577"/>
                    </a:lnTo>
                    <a:lnTo>
                      <a:pt x="343" y="575"/>
                    </a:lnTo>
                    <a:lnTo>
                      <a:pt x="343" y="573"/>
                    </a:lnTo>
                    <a:lnTo>
                      <a:pt x="345" y="573"/>
                    </a:lnTo>
                    <a:lnTo>
                      <a:pt x="345" y="571"/>
                    </a:lnTo>
                    <a:lnTo>
                      <a:pt x="347" y="571"/>
                    </a:lnTo>
                    <a:lnTo>
                      <a:pt x="347" y="569"/>
                    </a:lnTo>
                    <a:lnTo>
                      <a:pt x="347" y="567"/>
                    </a:lnTo>
                    <a:lnTo>
                      <a:pt x="347" y="566"/>
                    </a:lnTo>
                    <a:lnTo>
                      <a:pt x="347" y="564"/>
                    </a:lnTo>
                    <a:lnTo>
                      <a:pt x="347" y="562"/>
                    </a:lnTo>
                    <a:lnTo>
                      <a:pt x="349" y="560"/>
                    </a:lnTo>
                    <a:lnTo>
                      <a:pt x="349" y="558"/>
                    </a:lnTo>
                    <a:lnTo>
                      <a:pt x="347" y="558"/>
                    </a:lnTo>
                    <a:lnTo>
                      <a:pt x="347" y="556"/>
                    </a:lnTo>
                    <a:lnTo>
                      <a:pt x="347" y="554"/>
                    </a:lnTo>
                    <a:lnTo>
                      <a:pt x="347" y="553"/>
                    </a:lnTo>
                    <a:lnTo>
                      <a:pt x="345" y="553"/>
                    </a:lnTo>
                    <a:lnTo>
                      <a:pt x="345" y="551"/>
                    </a:lnTo>
                    <a:lnTo>
                      <a:pt x="345" y="549"/>
                    </a:lnTo>
                    <a:lnTo>
                      <a:pt x="345" y="547"/>
                    </a:lnTo>
                    <a:lnTo>
                      <a:pt x="345" y="545"/>
                    </a:lnTo>
                    <a:lnTo>
                      <a:pt x="345" y="543"/>
                    </a:lnTo>
                    <a:lnTo>
                      <a:pt x="347" y="543"/>
                    </a:lnTo>
                    <a:lnTo>
                      <a:pt x="349" y="541"/>
                    </a:lnTo>
                    <a:lnTo>
                      <a:pt x="349" y="540"/>
                    </a:lnTo>
                    <a:lnTo>
                      <a:pt x="347" y="540"/>
                    </a:lnTo>
                    <a:lnTo>
                      <a:pt x="345" y="538"/>
                    </a:lnTo>
                    <a:lnTo>
                      <a:pt x="343" y="538"/>
                    </a:lnTo>
                    <a:lnTo>
                      <a:pt x="341" y="538"/>
                    </a:lnTo>
                    <a:lnTo>
                      <a:pt x="341" y="536"/>
                    </a:lnTo>
                    <a:lnTo>
                      <a:pt x="340" y="536"/>
                    </a:lnTo>
                    <a:lnTo>
                      <a:pt x="340" y="534"/>
                    </a:lnTo>
                    <a:lnTo>
                      <a:pt x="340" y="532"/>
                    </a:lnTo>
                    <a:lnTo>
                      <a:pt x="341" y="532"/>
                    </a:lnTo>
                    <a:lnTo>
                      <a:pt x="341" y="530"/>
                    </a:lnTo>
                    <a:lnTo>
                      <a:pt x="341" y="529"/>
                    </a:lnTo>
                    <a:lnTo>
                      <a:pt x="343" y="529"/>
                    </a:lnTo>
                    <a:lnTo>
                      <a:pt x="345" y="529"/>
                    </a:lnTo>
                    <a:lnTo>
                      <a:pt x="347" y="530"/>
                    </a:lnTo>
                    <a:lnTo>
                      <a:pt x="347" y="532"/>
                    </a:lnTo>
                    <a:lnTo>
                      <a:pt x="349" y="532"/>
                    </a:lnTo>
                    <a:lnTo>
                      <a:pt x="349" y="530"/>
                    </a:lnTo>
                    <a:lnTo>
                      <a:pt x="351" y="530"/>
                    </a:lnTo>
                    <a:lnTo>
                      <a:pt x="353" y="529"/>
                    </a:lnTo>
                    <a:lnTo>
                      <a:pt x="353" y="530"/>
                    </a:lnTo>
                    <a:lnTo>
                      <a:pt x="354" y="530"/>
                    </a:lnTo>
                    <a:lnTo>
                      <a:pt x="356" y="530"/>
                    </a:lnTo>
                    <a:lnTo>
                      <a:pt x="356" y="529"/>
                    </a:lnTo>
                    <a:lnTo>
                      <a:pt x="358" y="529"/>
                    </a:lnTo>
                    <a:lnTo>
                      <a:pt x="360" y="529"/>
                    </a:lnTo>
                    <a:lnTo>
                      <a:pt x="360" y="530"/>
                    </a:lnTo>
                    <a:lnTo>
                      <a:pt x="362" y="530"/>
                    </a:lnTo>
                    <a:lnTo>
                      <a:pt x="364" y="530"/>
                    </a:lnTo>
                    <a:lnTo>
                      <a:pt x="364" y="532"/>
                    </a:lnTo>
                    <a:lnTo>
                      <a:pt x="366" y="532"/>
                    </a:lnTo>
                    <a:lnTo>
                      <a:pt x="367" y="532"/>
                    </a:lnTo>
                    <a:lnTo>
                      <a:pt x="369" y="530"/>
                    </a:lnTo>
                    <a:lnTo>
                      <a:pt x="369" y="532"/>
                    </a:lnTo>
                    <a:lnTo>
                      <a:pt x="371" y="532"/>
                    </a:lnTo>
                    <a:lnTo>
                      <a:pt x="371" y="530"/>
                    </a:lnTo>
                    <a:lnTo>
                      <a:pt x="373" y="530"/>
                    </a:lnTo>
                    <a:lnTo>
                      <a:pt x="373" y="529"/>
                    </a:lnTo>
                    <a:lnTo>
                      <a:pt x="373" y="527"/>
                    </a:lnTo>
                    <a:lnTo>
                      <a:pt x="375" y="527"/>
                    </a:lnTo>
                    <a:lnTo>
                      <a:pt x="373" y="525"/>
                    </a:lnTo>
                    <a:lnTo>
                      <a:pt x="375" y="525"/>
                    </a:lnTo>
                    <a:lnTo>
                      <a:pt x="375" y="523"/>
                    </a:lnTo>
                    <a:lnTo>
                      <a:pt x="373" y="525"/>
                    </a:lnTo>
                    <a:lnTo>
                      <a:pt x="371" y="525"/>
                    </a:lnTo>
                    <a:lnTo>
                      <a:pt x="369" y="525"/>
                    </a:lnTo>
                    <a:lnTo>
                      <a:pt x="367" y="525"/>
                    </a:lnTo>
                    <a:lnTo>
                      <a:pt x="366" y="525"/>
                    </a:lnTo>
                    <a:lnTo>
                      <a:pt x="364" y="525"/>
                    </a:lnTo>
                    <a:lnTo>
                      <a:pt x="362" y="525"/>
                    </a:lnTo>
                    <a:lnTo>
                      <a:pt x="360" y="525"/>
                    </a:lnTo>
                    <a:lnTo>
                      <a:pt x="358" y="525"/>
                    </a:lnTo>
                    <a:lnTo>
                      <a:pt x="356" y="525"/>
                    </a:lnTo>
                    <a:lnTo>
                      <a:pt x="356" y="523"/>
                    </a:lnTo>
                    <a:lnTo>
                      <a:pt x="354" y="523"/>
                    </a:lnTo>
                    <a:lnTo>
                      <a:pt x="353" y="523"/>
                    </a:lnTo>
                    <a:lnTo>
                      <a:pt x="351" y="523"/>
                    </a:lnTo>
                    <a:lnTo>
                      <a:pt x="349" y="521"/>
                    </a:lnTo>
                    <a:lnTo>
                      <a:pt x="347" y="523"/>
                    </a:lnTo>
                    <a:lnTo>
                      <a:pt x="345" y="523"/>
                    </a:lnTo>
                    <a:lnTo>
                      <a:pt x="343" y="523"/>
                    </a:lnTo>
                    <a:lnTo>
                      <a:pt x="343" y="521"/>
                    </a:lnTo>
                    <a:lnTo>
                      <a:pt x="341" y="521"/>
                    </a:lnTo>
                    <a:lnTo>
                      <a:pt x="341" y="519"/>
                    </a:lnTo>
                    <a:lnTo>
                      <a:pt x="340" y="519"/>
                    </a:lnTo>
                    <a:lnTo>
                      <a:pt x="340" y="517"/>
                    </a:lnTo>
                    <a:lnTo>
                      <a:pt x="338" y="517"/>
                    </a:lnTo>
                    <a:lnTo>
                      <a:pt x="338" y="516"/>
                    </a:lnTo>
                    <a:lnTo>
                      <a:pt x="336" y="514"/>
                    </a:lnTo>
                    <a:lnTo>
                      <a:pt x="336" y="512"/>
                    </a:lnTo>
                    <a:lnTo>
                      <a:pt x="336" y="510"/>
                    </a:lnTo>
                    <a:lnTo>
                      <a:pt x="334" y="510"/>
                    </a:lnTo>
                    <a:lnTo>
                      <a:pt x="334" y="508"/>
                    </a:lnTo>
                    <a:lnTo>
                      <a:pt x="332" y="508"/>
                    </a:lnTo>
                    <a:lnTo>
                      <a:pt x="332" y="506"/>
                    </a:lnTo>
                    <a:lnTo>
                      <a:pt x="334" y="506"/>
                    </a:lnTo>
                    <a:lnTo>
                      <a:pt x="334" y="504"/>
                    </a:lnTo>
                    <a:lnTo>
                      <a:pt x="336" y="504"/>
                    </a:lnTo>
                    <a:lnTo>
                      <a:pt x="336" y="503"/>
                    </a:lnTo>
                    <a:lnTo>
                      <a:pt x="336" y="501"/>
                    </a:lnTo>
                    <a:lnTo>
                      <a:pt x="336" y="503"/>
                    </a:lnTo>
                    <a:lnTo>
                      <a:pt x="336" y="501"/>
                    </a:lnTo>
                    <a:lnTo>
                      <a:pt x="338" y="501"/>
                    </a:lnTo>
                    <a:lnTo>
                      <a:pt x="340" y="501"/>
                    </a:lnTo>
                    <a:lnTo>
                      <a:pt x="340" y="499"/>
                    </a:lnTo>
                    <a:lnTo>
                      <a:pt x="341" y="499"/>
                    </a:lnTo>
                    <a:lnTo>
                      <a:pt x="340" y="499"/>
                    </a:lnTo>
                    <a:lnTo>
                      <a:pt x="340" y="497"/>
                    </a:lnTo>
                    <a:lnTo>
                      <a:pt x="338" y="495"/>
                    </a:lnTo>
                    <a:lnTo>
                      <a:pt x="338" y="493"/>
                    </a:lnTo>
                    <a:lnTo>
                      <a:pt x="336" y="493"/>
                    </a:lnTo>
                    <a:lnTo>
                      <a:pt x="336" y="492"/>
                    </a:lnTo>
                    <a:lnTo>
                      <a:pt x="334" y="490"/>
                    </a:lnTo>
                    <a:lnTo>
                      <a:pt x="332" y="488"/>
                    </a:lnTo>
                    <a:lnTo>
                      <a:pt x="330" y="488"/>
                    </a:lnTo>
                    <a:lnTo>
                      <a:pt x="330" y="486"/>
                    </a:lnTo>
                    <a:lnTo>
                      <a:pt x="329" y="486"/>
                    </a:lnTo>
                    <a:lnTo>
                      <a:pt x="329" y="484"/>
                    </a:lnTo>
                    <a:lnTo>
                      <a:pt x="327" y="484"/>
                    </a:lnTo>
                    <a:lnTo>
                      <a:pt x="327" y="482"/>
                    </a:lnTo>
                    <a:lnTo>
                      <a:pt x="325" y="479"/>
                    </a:lnTo>
                    <a:lnTo>
                      <a:pt x="325" y="477"/>
                    </a:lnTo>
                    <a:lnTo>
                      <a:pt x="321" y="477"/>
                    </a:lnTo>
                    <a:lnTo>
                      <a:pt x="321" y="475"/>
                    </a:lnTo>
                    <a:lnTo>
                      <a:pt x="323" y="475"/>
                    </a:lnTo>
                    <a:lnTo>
                      <a:pt x="323" y="473"/>
                    </a:lnTo>
                    <a:lnTo>
                      <a:pt x="321" y="469"/>
                    </a:lnTo>
                    <a:lnTo>
                      <a:pt x="319" y="469"/>
                    </a:lnTo>
                    <a:lnTo>
                      <a:pt x="319" y="467"/>
                    </a:lnTo>
                    <a:lnTo>
                      <a:pt x="316" y="466"/>
                    </a:lnTo>
                    <a:lnTo>
                      <a:pt x="317" y="466"/>
                    </a:lnTo>
                    <a:lnTo>
                      <a:pt x="319" y="466"/>
                    </a:lnTo>
                    <a:lnTo>
                      <a:pt x="319" y="464"/>
                    </a:lnTo>
                    <a:lnTo>
                      <a:pt x="317" y="464"/>
                    </a:lnTo>
                    <a:lnTo>
                      <a:pt x="316" y="464"/>
                    </a:lnTo>
                    <a:lnTo>
                      <a:pt x="316" y="462"/>
                    </a:lnTo>
                    <a:lnTo>
                      <a:pt x="316" y="460"/>
                    </a:lnTo>
                    <a:lnTo>
                      <a:pt x="316" y="458"/>
                    </a:lnTo>
                    <a:lnTo>
                      <a:pt x="314" y="458"/>
                    </a:lnTo>
                    <a:lnTo>
                      <a:pt x="314" y="456"/>
                    </a:lnTo>
                    <a:lnTo>
                      <a:pt x="312" y="456"/>
                    </a:lnTo>
                    <a:lnTo>
                      <a:pt x="310" y="456"/>
                    </a:lnTo>
                    <a:lnTo>
                      <a:pt x="308" y="455"/>
                    </a:lnTo>
                    <a:lnTo>
                      <a:pt x="306" y="455"/>
                    </a:lnTo>
                    <a:lnTo>
                      <a:pt x="306" y="456"/>
                    </a:lnTo>
                    <a:lnTo>
                      <a:pt x="306" y="455"/>
                    </a:lnTo>
                    <a:lnTo>
                      <a:pt x="305" y="455"/>
                    </a:lnTo>
                    <a:lnTo>
                      <a:pt x="305" y="453"/>
                    </a:lnTo>
                    <a:lnTo>
                      <a:pt x="305" y="451"/>
                    </a:lnTo>
                    <a:lnTo>
                      <a:pt x="306" y="451"/>
                    </a:lnTo>
                    <a:lnTo>
                      <a:pt x="306" y="449"/>
                    </a:lnTo>
                    <a:lnTo>
                      <a:pt x="306" y="447"/>
                    </a:lnTo>
                    <a:lnTo>
                      <a:pt x="305" y="447"/>
                    </a:lnTo>
                    <a:lnTo>
                      <a:pt x="303" y="445"/>
                    </a:lnTo>
                    <a:lnTo>
                      <a:pt x="301" y="445"/>
                    </a:lnTo>
                    <a:lnTo>
                      <a:pt x="303" y="445"/>
                    </a:lnTo>
                    <a:lnTo>
                      <a:pt x="303" y="443"/>
                    </a:lnTo>
                    <a:lnTo>
                      <a:pt x="305" y="443"/>
                    </a:lnTo>
                    <a:lnTo>
                      <a:pt x="306" y="442"/>
                    </a:lnTo>
                    <a:lnTo>
                      <a:pt x="306" y="440"/>
                    </a:lnTo>
                    <a:lnTo>
                      <a:pt x="306" y="438"/>
                    </a:lnTo>
                    <a:lnTo>
                      <a:pt x="306" y="436"/>
                    </a:lnTo>
                    <a:lnTo>
                      <a:pt x="306" y="434"/>
                    </a:lnTo>
                    <a:lnTo>
                      <a:pt x="306" y="432"/>
                    </a:lnTo>
                    <a:lnTo>
                      <a:pt x="306" y="430"/>
                    </a:lnTo>
                    <a:lnTo>
                      <a:pt x="308" y="430"/>
                    </a:lnTo>
                    <a:lnTo>
                      <a:pt x="310" y="429"/>
                    </a:lnTo>
                    <a:lnTo>
                      <a:pt x="312" y="430"/>
                    </a:lnTo>
                    <a:lnTo>
                      <a:pt x="312" y="429"/>
                    </a:lnTo>
                    <a:lnTo>
                      <a:pt x="314" y="429"/>
                    </a:lnTo>
                    <a:lnTo>
                      <a:pt x="314" y="427"/>
                    </a:lnTo>
                    <a:lnTo>
                      <a:pt x="314" y="429"/>
                    </a:lnTo>
                    <a:lnTo>
                      <a:pt x="317" y="427"/>
                    </a:lnTo>
                    <a:lnTo>
                      <a:pt x="319" y="427"/>
                    </a:lnTo>
                    <a:lnTo>
                      <a:pt x="319" y="425"/>
                    </a:lnTo>
                    <a:lnTo>
                      <a:pt x="323" y="425"/>
                    </a:lnTo>
                    <a:lnTo>
                      <a:pt x="323" y="423"/>
                    </a:lnTo>
                    <a:lnTo>
                      <a:pt x="323" y="421"/>
                    </a:lnTo>
                    <a:lnTo>
                      <a:pt x="323" y="419"/>
                    </a:lnTo>
                    <a:lnTo>
                      <a:pt x="323" y="418"/>
                    </a:lnTo>
                    <a:lnTo>
                      <a:pt x="321" y="418"/>
                    </a:lnTo>
                    <a:lnTo>
                      <a:pt x="319" y="418"/>
                    </a:lnTo>
                    <a:lnTo>
                      <a:pt x="317" y="418"/>
                    </a:lnTo>
                    <a:lnTo>
                      <a:pt x="317" y="412"/>
                    </a:lnTo>
                    <a:lnTo>
                      <a:pt x="317" y="410"/>
                    </a:lnTo>
                    <a:lnTo>
                      <a:pt x="317" y="405"/>
                    </a:lnTo>
                    <a:lnTo>
                      <a:pt x="317" y="399"/>
                    </a:lnTo>
                    <a:lnTo>
                      <a:pt x="316" y="399"/>
                    </a:lnTo>
                    <a:lnTo>
                      <a:pt x="316" y="397"/>
                    </a:lnTo>
                    <a:lnTo>
                      <a:pt x="316" y="395"/>
                    </a:lnTo>
                    <a:lnTo>
                      <a:pt x="316" y="394"/>
                    </a:lnTo>
                    <a:lnTo>
                      <a:pt x="316" y="392"/>
                    </a:lnTo>
                    <a:lnTo>
                      <a:pt x="317" y="392"/>
                    </a:lnTo>
                    <a:lnTo>
                      <a:pt x="319" y="388"/>
                    </a:lnTo>
                    <a:lnTo>
                      <a:pt x="319" y="386"/>
                    </a:lnTo>
                    <a:lnTo>
                      <a:pt x="321" y="386"/>
                    </a:lnTo>
                    <a:lnTo>
                      <a:pt x="321" y="384"/>
                    </a:lnTo>
                    <a:lnTo>
                      <a:pt x="321" y="382"/>
                    </a:lnTo>
                    <a:lnTo>
                      <a:pt x="321" y="381"/>
                    </a:lnTo>
                    <a:lnTo>
                      <a:pt x="321" y="379"/>
                    </a:lnTo>
                    <a:lnTo>
                      <a:pt x="321" y="377"/>
                    </a:lnTo>
                    <a:lnTo>
                      <a:pt x="323" y="377"/>
                    </a:lnTo>
                    <a:lnTo>
                      <a:pt x="323" y="375"/>
                    </a:lnTo>
                    <a:lnTo>
                      <a:pt x="323" y="373"/>
                    </a:lnTo>
                    <a:lnTo>
                      <a:pt x="323" y="371"/>
                    </a:lnTo>
                    <a:lnTo>
                      <a:pt x="321" y="369"/>
                    </a:lnTo>
                    <a:lnTo>
                      <a:pt x="321" y="368"/>
                    </a:lnTo>
                    <a:lnTo>
                      <a:pt x="321" y="366"/>
                    </a:lnTo>
                    <a:lnTo>
                      <a:pt x="321" y="364"/>
                    </a:lnTo>
                    <a:lnTo>
                      <a:pt x="321" y="362"/>
                    </a:lnTo>
                    <a:lnTo>
                      <a:pt x="321" y="360"/>
                    </a:lnTo>
                    <a:lnTo>
                      <a:pt x="321" y="358"/>
                    </a:lnTo>
                    <a:lnTo>
                      <a:pt x="321" y="357"/>
                    </a:lnTo>
                    <a:lnTo>
                      <a:pt x="319" y="355"/>
                    </a:lnTo>
                    <a:lnTo>
                      <a:pt x="321" y="353"/>
                    </a:lnTo>
                    <a:lnTo>
                      <a:pt x="321" y="351"/>
                    </a:lnTo>
                    <a:lnTo>
                      <a:pt x="321" y="349"/>
                    </a:lnTo>
                    <a:lnTo>
                      <a:pt x="323" y="344"/>
                    </a:lnTo>
                    <a:lnTo>
                      <a:pt x="321" y="342"/>
                    </a:lnTo>
                    <a:lnTo>
                      <a:pt x="319" y="340"/>
                    </a:lnTo>
                    <a:lnTo>
                      <a:pt x="317" y="340"/>
                    </a:lnTo>
                    <a:lnTo>
                      <a:pt x="316" y="340"/>
                    </a:lnTo>
                    <a:lnTo>
                      <a:pt x="314" y="338"/>
                    </a:lnTo>
                    <a:lnTo>
                      <a:pt x="312" y="338"/>
                    </a:lnTo>
                    <a:lnTo>
                      <a:pt x="310" y="338"/>
                    </a:lnTo>
                    <a:lnTo>
                      <a:pt x="308" y="338"/>
                    </a:lnTo>
                    <a:lnTo>
                      <a:pt x="308" y="336"/>
                    </a:lnTo>
                    <a:lnTo>
                      <a:pt x="306" y="336"/>
                    </a:lnTo>
                    <a:lnTo>
                      <a:pt x="305" y="336"/>
                    </a:lnTo>
                    <a:lnTo>
                      <a:pt x="303" y="334"/>
                    </a:lnTo>
                    <a:lnTo>
                      <a:pt x="301" y="334"/>
                    </a:lnTo>
                    <a:lnTo>
                      <a:pt x="301" y="336"/>
                    </a:lnTo>
                    <a:lnTo>
                      <a:pt x="299" y="336"/>
                    </a:lnTo>
                    <a:lnTo>
                      <a:pt x="297" y="338"/>
                    </a:lnTo>
                    <a:lnTo>
                      <a:pt x="299" y="338"/>
                    </a:lnTo>
                    <a:lnTo>
                      <a:pt x="295" y="338"/>
                    </a:lnTo>
                    <a:lnTo>
                      <a:pt x="295" y="336"/>
                    </a:lnTo>
                    <a:lnTo>
                      <a:pt x="293" y="336"/>
                    </a:lnTo>
                    <a:lnTo>
                      <a:pt x="292" y="336"/>
                    </a:lnTo>
                    <a:lnTo>
                      <a:pt x="292" y="334"/>
                    </a:lnTo>
                    <a:lnTo>
                      <a:pt x="290" y="334"/>
                    </a:lnTo>
                    <a:lnTo>
                      <a:pt x="288" y="334"/>
                    </a:lnTo>
                    <a:lnTo>
                      <a:pt x="288" y="332"/>
                    </a:lnTo>
                    <a:lnTo>
                      <a:pt x="286" y="332"/>
                    </a:lnTo>
                    <a:lnTo>
                      <a:pt x="284" y="332"/>
                    </a:lnTo>
                    <a:lnTo>
                      <a:pt x="282" y="332"/>
                    </a:lnTo>
                    <a:lnTo>
                      <a:pt x="280" y="332"/>
                    </a:lnTo>
                    <a:lnTo>
                      <a:pt x="279" y="332"/>
                    </a:lnTo>
                    <a:lnTo>
                      <a:pt x="277" y="332"/>
                    </a:lnTo>
                    <a:lnTo>
                      <a:pt x="275" y="332"/>
                    </a:lnTo>
                    <a:lnTo>
                      <a:pt x="271" y="332"/>
                    </a:lnTo>
                    <a:lnTo>
                      <a:pt x="269" y="332"/>
                    </a:lnTo>
                    <a:lnTo>
                      <a:pt x="268" y="332"/>
                    </a:lnTo>
                    <a:lnTo>
                      <a:pt x="266" y="332"/>
                    </a:lnTo>
                    <a:lnTo>
                      <a:pt x="264" y="332"/>
                    </a:lnTo>
                    <a:lnTo>
                      <a:pt x="264" y="331"/>
                    </a:lnTo>
                    <a:lnTo>
                      <a:pt x="260" y="331"/>
                    </a:lnTo>
                    <a:lnTo>
                      <a:pt x="258" y="331"/>
                    </a:lnTo>
                    <a:lnTo>
                      <a:pt x="256" y="331"/>
                    </a:lnTo>
                    <a:lnTo>
                      <a:pt x="255" y="331"/>
                    </a:lnTo>
                    <a:lnTo>
                      <a:pt x="253" y="331"/>
                    </a:lnTo>
                    <a:lnTo>
                      <a:pt x="249" y="331"/>
                    </a:lnTo>
                    <a:lnTo>
                      <a:pt x="247" y="331"/>
                    </a:lnTo>
                    <a:lnTo>
                      <a:pt x="247" y="329"/>
                    </a:lnTo>
                    <a:lnTo>
                      <a:pt x="244" y="329"/>
                    </a:lnTo>
                    <a:lnTo>
                      <a:pt x="244" y="327"/>
                    </a:lnTo>
                    <a:lnTo>
                      <a:pt x="244" y="323"/>
                    </a:lnTo>
                    <a:lnTo>
                      <a:pt x="244" y="321"/>
                    </a:lnTo>
                    <a:lnTo>
                      <a:pt x="244" y="320"/>
                    </a:lnTo>
                    <a:lnTo>
                      <a:pt x="244" y="318"/>
                    </a:lnTo>
                    <a:lnTo>
                      <a:pt x="242" y="320"/>
                    </a:lnTo>
                    <a:lnTo>
                      <a:pt x="242" y="318"/>
                    </a:lnTo>
                    <a:lnTo>
                      <a:pt x="242" y="316"/>
                    </a:lnTo>
                    <a:lnTo>
                      <a:pt x="242" y="314"/>
                    </a:lnTo>
                    <a:lnTo>
                      <a:pt x="240" y="314"/>
                    </a:lnTo>
                    <a:lnTo>
                      <a:pt x="240" y="312"/>
                    </a:lnTo>
                    <a:lnTo>
                      <a:pt x="238" y="310"/>
                    </a:lnTo>
                    <a:lnTo>
                      <a:pt x="236" y="307"/>
                    </a:lnTo>
                    <a:lnTo>
                      <a:pt x="234" y="307"/>
                    </a:lnTo>
                    <a:lnTo>
                      <a:pt x="234" y="305"/>
                    </a:lnTo>
                    <a:lnTo>
                      <a:pt x="232" y="305"/>
                    </a:lnTo>
                    <a:lnTo>
                      <a:pt x="234" y="305"/>
                    </a:lnTo>
                    <a:lnTo>
                      <a:pt x="234" y="303"/>
                    </a:lnTo>
                    <a:lnTo>
                      <a:pt x="232" y="301"/>
                    </a:lnTo>
                    <a:lnTo>
                      <a:pt x="232" y="299"/>
                    </a:lnTo>
                    <a:lnTo>
                      <a:pt x="231" y="299"/>
                    </a:lnTo>
                    <a:lnTo>
                      <a:pt x="231" y="297"/>
                    </a:lnTo>
                    <a:lnTo>
                      <a:pt x="231" y="295"/>
                    </a:lnTo>
                    <a:lnTo>
                      <a:pt x="232" y="295"/>
                    </a:lnTo>
                    <a:lnTo>
                      <a:pt x="231" y="295"/>
                    </a:lnTo>
                    <a:lnTo>
                      <a:pt x="231" y="294"/>
                    </a:lnTo>
                    <a:lnTo>
                      <a:pt x="229" y="294"/>
                    </a:lnTo>
                    <a:lnTo>
                      <a:pt x="229" y="292"/>
                    </a:lnTo>
                    <a:lnTo>
                      <a:pt x="229" y="290"/>
                    </a:lnTo>
                    <a:lnTo>
                      <a:pt x="227" y="290"/>
                    </a:lnTo>
                    <a:lnTo>
                      <a:pt x="229" y="288"/>
                    </a:lnTo>
                    <a:lnTo>
                      <a:pt x="227" y="286"/>
                    </a:lnTo>
                    <a:lnTo>
                      <a:pt x="227" y="284"/>
                    </a:lnTo>
                    <a:lnTo>
                      <a:pt x="225" y="284"/>
                    </a:lnTo>
                    <a:lnTo>
                      <a:pt x="225" y="283"/>
                    </a:lnTo>
                    <a:lnTo>
                      <a:pt x="225" y="281"/>
                    </a:lnTo>
                    <a:lnTo>
                      <a:pt x="227" y="281"/>
                    </a:lnTo>
                    <a:lnTo>
                      <a:pt x="227" y="279"/>
                    </a:lnTo>
                    <a:lnTo>
                      <a:pt x="227" y="277"/>
                    </a:lnTo>
                    <a:lnTo>
                      <a:pt x="229" y="277"/>
                    </a:lnTo>
                    <a:lnTo>
                      <a:pt x="231" y="277"/>
                    </a:lnTo>
                    <a:lnTo>
                      <a:pt x="234" y="277"/>
                    </a:lnTo>
                    <a:lnTo>
                      <a:pt x="236" y="277"/>
                    </a:lnTo>
                    <a:lnTo>
                      <a:pt x="236" y="279"/>
                    </a:lnTo>
                    <a:lnTo>
                      <a:pt x="238" y="279"/>
                    </a:lnTo>
                    <a:lnTo>
                      <a:pt x="240" y="279"/>
                    </a:lnTo>
                    <a:lnTo>
                      <a:pt x="242" y="277"/>
                    </a:lnTo>
                    <a:lnTo>
                      <a:pt x="242" y="275"/>
                    </a:lnTo>
                    <a:lnTo>
                      <a:pt x="242" y="273"/>
                    </a:lnTo>
                    <a:lnTo>
                      <a:pt x="244" y="273"/>
                    </a:lnTo>
                    <a:lnTo>
                      <a:pt x="245" y="271"/>
                    </a:lnTo>
                    <a:lnTo>
                      <a:pt x="247" y="271"/>
                    </a:lnTo>
                    <a:lnTo>
                      <a:pt x="249" y="271"/>
                    </a:lnTo>
                    <a:lnTo>
                      <a:pt x="251" y="271"/>
                    </a:lnTo>
                    <a:lnTo>
                      <a:pt x="253" y="271"/>
                    </a:lnTo>
                    <a:lnTo>
                      <a:pt x="255" y="271"/>
                    </a:lnTo>
                    <a:lnTo>
                      <a:pt x="256" y="271"/>
                    </a:lnTo>
                    <a:lnTo>
                      <a:pt x="256" y="270"/>
                    </a:lnTo>
                    <a:lnTo>
                      <a:pt x="256" y="268"/>
                    </a:lnTo>
                    <a:lnTo>
                      <a:pt x="256" y="266"/>
                    </a:lnTo>
                    <a:lnTo>
                      <a:pt x="256" y="264"/>
                    </a:lnTo>
                    <a:lnTo>
                      <a:pt x="247" y="266"/>
                    </a:lnTo>
                    <a:lnTo>
                      <a:pt x="247" y="260"/>
                    </a:lnTo>
                    <a:lnTo>
                      <a:pt x="244" y="260"/>
                    </a:lnTo>
                    <a:lnTo>
                      <a:pt x="240" y="262"/>
                    </a:lnTo>
                    <a:lnTo>
                      <a:pt x="240" y="255"/>
                    </a:lnTo>
                    <a:lnTo>
                      <a:pt x="238" y="255"/>
                    </a:lnTo>
                    <a:lnTo>
                      <a:pt x="240" y="249"/>
                    </a:lnTo>
                    <a:lnTo>
                      <a:pt x="229" y="246"/>
                    </a:lnTo>
                    <a:lnTo>
                      <a:pt x="229" y="247"/>
                    </a:lnTo>
                    <a:lnTo>
                      <a:pt x="227" y="249"/>
                    </a:lnTo>
                    <a:lnTo>
                      <a:pt x="218" y="247"/>
                    </a:lnTo>
                    <a:lnTo>
                      <a:pt x="216" y="246"/>
                    </a:lnTo>
                    <a:lnTo>
                      <a:pt x="216" y="249"/>
                    </a:lnTo>
                    <a:lnTo>
                      <a:pt x="214" y="247"/>
                    </a:lnTo>
                    <a:lnTo>
                      <a:pt x="212" y="249"/>
                    </a:lnTo>
                    <a:lnTo>
                      <a:pt x="210" y="249"/>
                    </a:lnTo>
                    <a:lnTo>
                      <a:pt x="208" y="253"/>
                    </a:lnTo>
                    <a:lnTo>
                      <a:pt x="205" y="253"/>
                    </a:lnTo>
                    <a:lnTo>
                      <a:pt x="199" y="251"/>
                    </a:lnTo>
                    <a:lnTo>
                      <a:pt x="195" y="249"/>
                    </a:lnTo>
                    <a:lnTo>
                      <a:pt x="197" y="244"/>
                    </a:lnTo>
                    <a:lnTo>
                      <a:pt x="192" y="244"/>
                    </a:lnTo>
                    <a:lnTo>
                      <a:pt x="192" y="242"/>
                    </a:lnTo>
                    <a:lnTo>
                      <a:pt x="194" y="238"/>
                    </a:lnTo>
                    <a:lnTo>
                      <a:pt x="194" y="234"/>
                    </a:lnTo>
                    <a:lnTo>
                      <a:pt x="186" y="231"/>
                    </a:lnTo>
                    <a:lnTo>
                      <a:pt x="188" y="227"/>
                    </a:lnTo>
                    <a:lnTo>
                      <a:pt x="192" y="227"/>
                    </a:lnTo>
                    <a:lnTo>
                      <a:pt x="194" y="229"/>
                    </a:lnTo>
                    <a:lnTo>
                      <a:pt x="194" y="227"/>
                    </a:lnTo>
                    <a:lnTo>
                      <a:pt x="183" y="223"/>
                    </a:lnTo>
                    <a:lnTo>
                      <a:pt x="140" y="209"/>
                    </a:lnTo>
                    <a:lnTo>
                      <a:pt x="138" y="209"/>
                    </a:lnTo>
                    <a:lnTo>
                      <a:pt x="136" y="209"/>
                    </a:lnTo>
                    <a:lnTo>
                      <a:pt x="134" y="207"/>
                    </a:lnTo>
                    <a:lnTo>
                      <a:pt x="133" y="207"/>
                    </a:lnTo>
                    <a:lnTo>
                      <a:pt x="131" y="207"/>
                    </a:lnTo>
                    <a:lnTo>
                      <a:pt x="127" y="207"/>
                    </a:lnTo>
                    <a:lnTo>
                      <a:pt x="125" y="207"/>
                    </a:lnTo>
                    <a:lnTo>
                      <a:pt x="123" y="207"/>
                    </a:lnTo>
                    <a:lnTo>
                      <a:pt x="123" y="209"/>
                    </a:lnTo>
                    <a:lnTo>
                      <a:pt x="120" y="209"/>
                    </a:lnTo>
                    <a:lnTo>
                      <a:pt x="116" y="209"/>
                    </a:lnTo>
                    <a:lnTo>
                      <a:pt x="114" y="209"/>
                    </a:lnTo>
                    <a:lnTo>
                      <a:pt x="112" y="203"/>
                    </a:lnTo>
                    <a:lnTo>
                      <a:pt x="112" y="201"/>
                    </a:lnTo>
                    <a:lnTo>
                      <a:pt x="110" y="201"/>
                    </a:lnTo>
                    <a:lnTo>
                      <a:pt x="110" y="199"/>
                    </a:lnTo>
                    <a:lnTo>
                      <a:pt x="112" y="197"/>
                    </a:lnTo>
                    <a:lnTo>
                      <a:pt x="112" y="196"/>
                    </a:lnTo>
                    <a:lnTo>
                      <a:pt x="114" y="196"/>
                    </a:lnTo>
                    <a:lnTo>
                      <a:pt x="112" y="194"/>
                    </a:lnTo>
                    <a:lnTo>
                      <a:pt x="114" y="194"/>
                    </a:lnTo>
                    <a:lnTo>
                      <a:pt x="112" y="192"/>
                    </a:lnTo>
                    <a:lnTo>
                      <a:pt x="110" y="192"/>
                    </a:lnTo>
                    <a:lnTo>
                      <a:pt x="110" y="190"/>
                    </a:lnTo>
                    <a:lnTo>
                      <a:pt x="109" y="188"/>
                    </a:lnTo>
                    <a:lnTo>
                      <a:pt x="107" y="188"/>
                    </a:lnTo>
                    <a:lnTo>
                      <a:pt x="107" y="186"/>
                    </a:lnTo>
                    <a:lnTo>
                      <a:pt x="105" y="184"/>
                    </a:lnTo>
                    <a:lnTo>
                      <a:pt x="105" y="183"/>
                    </a:lnTo>
                    <a:lnTo>
                      <a:pt x="105" y="181"/>
                    </a:lnTo>
                    <a:lnTo>
                      <a:pt x="105" y="179"/>
                    </a:lnTo>
                    <a:lnTo>
                      <a:pt x="103" y="179"/>
                    </a:lnTo>
                    <a:lnTo>
                      <a:pt x="103" y="177"/>
                    </a:lnTo>
                    <a:lnTo>
                      <a:pt x="101" y="177"/>
                    </a:lnTo>
                    <a:lnTo>
                      <a:pt x="101" y="175"/>
                    </a:lnTo>
                    <a:lnTo>
                      <a:pt x="101" y="170"/>
                    </a:lnTo>
                    <a:lnTo>
                      <a:pt x="103" y="170"/>
                    </a:lnTo>
                    <a:lnTo>
                      <a:pt x="105" y="168"/>
                    </a:lnTo>
                    <a:lnTo>
                      <a:pt x="105" y="170"/>
                    </a:lnTo>
                    <a:lnTo>
                      <a:pt x="105" y="168"/>
                    </a:lnTo>
                    <a:lnTo>
                      <a:pt x="107" y="166"/>
                    </a:lnTo>
                    <a:lnTo>
                      <a:pt x="109" y="166"/>
                    </a:lnTo>
                    <a:lnTo>
                      <a:pt x="110" y="166"/>
                    </a:lnTo>
                    <a:lnTo>
                      <a:pt x="110" y="164"/>
                    </a:lnTo>
                    <a:lnTo>
                      <a:pt x="109" y="162"/>
                    </a:lnTo>
                    <a:lnTo>
                      <a:pt x="109" y="160"/>
                    </a:lnTo>
                    <a:lnTo>
                      <a:pt x="109" y="159"/>
                    </a:lnTo>
                    <a:lnTo>
                      <a:pt x="110" y="159"/>
                    </a:lnTo>
                    <a:lnTo>
                      <a:pt x="110" y="157"/>
                    </a:lnTo>
                    <a:lnTo>
                      <a:pt x="110" y="155"/>
                    </a:lnTo>
                    <a:lnTo>
                      <a:pt x="110" y="153"/>
                    </a:lnTo>
                    <a:lnTo>
                      <a:pt x="109" y="153"/>
                    </a:lnTo>
                    <a:lnTo>
                      <a:pt x="109" y="151"/>
                    </a:lnTo>
                    <a:lnTo>
                      <a:pt x="109" y="149"/>
                    </a:lnTo>
                    <a:lnTo>
                      <a:pt x="110" y="149"/>
                    </a:lnTo>
                    <a:lnTo>
                      <a:pt x="110" y="147"/>
                    </a:lnTo>
                    <a:lnTo>
                      <a:pt x="112" y="147"/>
                    </a:lnTo>
                    <a:lnTo>
                      <a:pt x="112" y="146"/>
                    </a:lnTo>
                    <a:lnTo>
                      <a:pt x="114" y="149"/>
                    </a:lnTo>
                    <a:lnTo>
                      <a:pt x="114" y="151"/>
                    </a:lnTo>
                    <a:lnTo>
                      <a:pt x="116" y="151"/>
                    </a:lnTo>
                    <a:lnTo>
                      <a:pt x="116" y="153"/>
                    </a:lnTo>
                    <a:lnTo>
                      <a:pt x="118" y="153"/>
                    </a:lnTo>
                    <a:lnTo>
                      <a:pt x="118" y="155"/>
                    </a:lnTo>
                    <a:lnTo>
                      <a:pt x="120" y="155"/>
                    </a:lnTo>
                    <a:lnTo>
                      <a:pt x="122" y="157"/>
                    </a:lnTo>
                    <a:lnTo>
                      <a:pt x="122" y="159"/>
                    </a:lnTo>
                    <a:lnTo>
                      <a:pt x="123" y="159"/>
                    </a:lnTo>
                    <a:lnTo>
                      <a:pt x="125" y="159"/>
                    </a:lnTo>
                    <a:lnTo>
                      <a:pt x="125" y="157"/>
                    </a:lnTo>
                    <a:lnTo>
                      <a:pt x="127" y="157"/>
                    </a:lnTo>
                    <a:lnTo>
                      <a:pt x="127" y="155"/>
                    </a:lnTo>
                    <a:lnTo>
                      <a:pt x="129" y="157"/>
                    </a:lnTo>
                    <a:lnTo>
                      <a:pt x="129" y="155"/>
                    </a:lnTo>
                    <a:lnTo>
                      <a:pt x="131" y="155"/>
                    </a:lnTo>
                    <a:lnTo>
                      <a:pt x="131" y="157"/>
                    </a:lnTo>
                    <a:lnTo>
                      <a:pt x="133" y="157"/>
                    </a:lnTo>
                    <a:lnTo>
                      <a:pt x="134" y="157"/>
                    </a:lnTo>
                    <a:lnTo>
                      <a:pt x="136" y="159"/>
                    </a:lnTo>
                    <a:lnTo>
                      <a:pt x="138" y="159"/>
                    </a:lnTo>
                    <a:lnTo>
                      <a:pt x="138" y="160"/>
                    </a:lnTo>
                    <a:lnTo>
                      <a:pt x="140" y="160"/>
                    </a:lnTo>
                    <a:lnTo>
                      <a:pt x="142" y="162"/>
                    </a:lnTo>
                    <a:lnTo>
                      <a:pt x="144" y="162"/>
                    </a:lnTo>
                    <a:lnTo>
                      <a:pt x="146" y="162"/>
                    </a:lnTo>
                    <a:lnTo>
                      <a:pt x="147" y="162"/>
                    </a:lnTo>
                    <a:lnTo>
                      <a:pt x="149" y="162"/>
                    </a:lnTo>
                    <a:lnTo>
                      <a:pt x="149" y="164"/>
                    </a:lnTo>
                    <a:lnTo>
                      <a:pt x="151" y="164"/>
                    </a:lnTo>
                    <a:lnTo>
                      <a:pt x="149" y="164"/>
                    </a:lnTo>
                    <a:lnTo>
                      <a:pt x="151" y="164"/>
                    </a:lnTo>
                    <a:lnTo>
                      <a:pt x="151" y="166"/>
                    </a:lnTo>
                    <a:lnTo>
                      <a:pt x="153" y="166"/>
                    </a:lnTo>
                    <a:lnTo>
                      <a:pt x="151" y="166"/>
                    </a:lnTo>
                    <a:lnTo>
                      <a:pt x="153" y="166"/>
                    </a:lnTo>
                    <a:lnTo>
                      <a:pt x="155" y="166"/>
                    </a:lnTo>
                    <a:lnTo>
                      <a:pt x="157" y="166"/>
                    </a:lnTo>
                    <a:lnTo>
                      <a:pt x="157" y="168"/>
                    </a:lnTo>
                    <a:lnTo>
                      <a:pt x="158" y="168"/>
                    </a:lnTo>
                    <a:lnTo>
                      <a:pt x="160" y="168"/>
                    </a:lnTo>
                    <a:lnTo>
                      <a:pt x="160" y="170"/>
                    </a:lnTo>
                    <a:lnTo>
                      <a:pt x="162" y="170"/>
                    </a:lnTo>
                    <a:lnTo>
                      <a:pt x="162" y="172"/>
                    </a:lnTo>
                    <a:lnTo>
                      <a:pt x="164" y="172"/>
                    </a:lnTo>
                    <a:lnTo>
                      <a:pt x="166" y="172"/>
                    </a:lnTo>
                    <a:lnTo>
                      <a:pt x="166" y="173"/>
                    </a:lnTo>
                    <a:lnTo>
                      <a:pt x="168" y="173"/>
                    </a:lnTo>
                    <a:lnTo>
                      <a:pt x="170" y="173"/>
                    </a:lnTo>
                    <a:lnTo>
                      <a:pt x="171" y="175"/>
                    </a:lnTo>
                    <a:lnTo>
                      <a:pt x="170" y="175"/>
                    </a:lnTo>
                    <a:lnTo>
                      <a:pt x="170" y="177"/>
                    </a:lnTo>
                    <a:lnTo>
                      <a:pt x="170" y="179"/>
                    </a:lnTo>
                    <a:lnTo>
                      <a:pt x="168" y="181"/>
                    </a:lnTo>
                    <a:lnTo>
                      <a:pt x="168" y="183"/>
                    </a:lnTo>
                    <a:lnTo>
                      <a:pt x="168" y="184"/>
                    </a:lnTo>
                    <a:lnTo>
                      <a:pt x="170" y="184"/>
                    </a:lnTo>
                    <a:lnTo>
                      <a:pt x="173" y="186"/>
                    </a:lnTo>
                    <a:lnTo>
                      <a:pt x="175" y="186"/>
                    </a:lnTo>
                    <a:lnTo>
                      <a:pt x="177" y="186"/>
                    </a:lnTo>
                    <a:lnTo>
                      <a:pt x="179" y="186"/>
                    </a:lnTo>
                    <a:lnTo>
                      <a:pt x="181" y="186"/>
                    </a:lnTo>
                    <a:lnTo>
                      <a:pt x="183" y="186"/>
                    </a:lnTo>
                    <a:lnTo>
                      <a:pt x="183" y="188"/>
                    </a:lnTo>
                    <a:lnTo>
                      <a:pt x="184" y="188"/>
                    </a:lnTo>
                    <a:lnTo>
                      <a:pt x="186" y="188"/>
                    </a:lnTo>
                    <a:lnTo>
                      <a:pt x="186" y="190"/>
                    </a:lnTo>
                    <a:lnTo>
                      <a:pt x="188" y="190"/>
                    </a:lnTo>
                    <a:lnTo>
                      <a:pt x="188" y="188"/>
                    </a:lnTo>
                    <a:lnTo>
                      <a:pt x="188" y="186"/>
                    </a:lnTo>
                    <a:lnTo>
                      <a:pt x="186" y="186"/>
                    </a:lnTo>
                    <a:lnTo>
                      <a:pt x="186" y="184"/>
                    </a:lnTo>
                    <a:lnTo>
                      <a:pt x="188" y="184"/>
                    </a:lnTo>
                    <a:lnTo>
                      <a:pt x="188" y="183"/>
                    </a:lnTo>
                    <a:lnTo>
                      <a:pt x="188" y="181"/>
                    </a:lnTo>
                    <a:lnTo>
                      <a:pt x="188" y="179"/>
                    </a:lnTo>
                    <a:lnTo>
                      <a:pt x="188" y="177"/>
                    </a:lnTo>
                    <a:lnTo>
                      <a:pt x="190" y="177"/>
                    </a:lnTo>
                    <a:lnTo>
                      <a:pt x="190" y="175"/>
                    </a:lnTo>
                    <a:lnTo>
                      <a:pt x="188" y="175"/>
                    </a:lnTo>
                    <a:lnTo>
                      <a:pt x="190" y="173"/>
                    </a:lnTo>
                    <a:lnTo>
                      <a:pt x="190" y="172"/>
                    </a:lnTo>
                    <a:lnTo>
                      <a:pt x="190" y="170"/>
                    </a:lnTo>
                    <a:lnTo>
                      <a:pt x="190" y="168"/>
                    </a:lnTo>
                    <a:lnTo>
                      <a:pt x="190" y="166"/>
                    </a:lnTo>
                    <a:lnTo>
                      <a:pt x="190" y="164"/>
                    </a:lnTo>
                    <a:lnTo>
                      <a:pt x="192" y="164"/>
                    </a:lnTo>
                    <a:lnTo>
                      <a:pt x="194" y="162"/>
                    </a:lnTo>
                    <a:lnTo>
                      <a:pt x="195" y="162"/>
                    </a:lnTo>
                    <a:lnTo>
                      <a:pt x="195" y="160"/>
                    </a:lnTo>
                    <a:lnTo>
                      <a:pt x="199" y="160"/>
                    </a:lnTo>
                    <a:lnTo>
                      <a:pt x="199" y="159"/>
                    </a:lnTo>
                    <a:lnTo>
                      <a:pt x="201" y="159"/>
                    </a:lnTo>
                    <a:lnTo>
                      <a:pt x="203" y="159"/>
                    </a:lnTo>
                    <a:lnTo>
                      <a:pt x="203" y="157"/>
                    </a:lnTo>
                    <a:lnTo>
                      <a:pt x="201" y="157"/>
                    </a:lnTo>
                    <a:lnTo>
                      <a:pt x="201" y="155"/>
                    </a:lnTo>
                    <a:lnTo>
                      <a:pt x="199" y="153"/>
                    </a:lnTo>
                    <a:lnTo>
                      <a:pt x="201" y="151"/>
                    </a:lnTo>
                    <a:lnTo>
                      <a:pt x="201" y="149"/>
                    </a:lnTo>
                    <a:lnTo>
                      <a:pt x="203" y="149"/>
                    </a:lnTo>
                    <a:lnTo>
                      <a:pt x="203" y="147"/>
                    </a:lnTo>
                    <a:lnTo>
                      <a:pt x="201" y="147"/>
                    </a:lnTo>
                    <a:lnTo>
                      <a:pt x="203" y="146"/>
                    </a:lnTo>
                    <a:lnTo>
                      <a:pt x="199" y="146"/>
                    </a:lnTo>
                    <a:lnTo>
                      <a:pt x="201" y="142"/>
                    </a:lnTo>
                    <a:lnTo>
                      <a:pt x="203" y="142"/>
                    </a:lnTo>
                    <a:lnTo>
                      <a:pt x="203" y="140"/>
                    </a:lnTo>
                    <a:lnTo>
                      <a:pt x="201" y="140"/>
                    </a:lnTo>
                    <a:lnTo>
                      <a:pt x="201" y="136"/>
                    </a:lnTo>
                    <a:lnTo>
                      <a:pt x="203" y="136"/>
                    </a:lnTo>
                    <a:lnTo>
                      <a:pt x="203" y="135"/>
                    </a:lnTo>
                    <a:lnTo>
                      <a:pt x="205" y="135"/>
                    </a:lnTo>
                    <a:lnTo>
                      <a:pt x="205" y="133"/>
                    </a:lnTo>
                    <a:lnTo>
                      <a:pt x="207" y="133"/>
                    </a:lnTo>
                    <a:lnTo>
                      <a:pt x="208" y="135"/>
                    </a:lnTo>
                    <a:lnTo>
                      <a:pt x="208" y="131"/>
                    </a:lnTo>
                    <a:lnTo>
                      <a:pt x="212" y="131"/>
                    </a:lnTo>
                    <a:lnTo>
                      <a:pt x="212" y="129"/>
                    </a:lnTo>
                    <a:lnTo>
                      <a:pt x="212" y="127"/>
                    </a:lnTo>
                    <a:lnTo>
                      <a:pt x="214" y="127"/>
                    </a:lnTo>
                    <a:lnTo>
                      <a:pt x="214" y="125"/>
                    </a:lnTo>
                    <a:lnTo>
                      <a:pt x="214" y="123"/>
                    </a:lnTo>
                    <a:lnTo>
                      <a:pt x="216" y="123"/>
                    </a:lnTo>
                    <a:lnTo>
                      <a:pt x="218" y="123"/>
                    </a:lnTo>
                    <a:lnTo>
                      <a:pt x="218" y="122"/>
                    </a:lnTo>
                    <a:lnTo>
                      <a:pt x="216" y="122"/>
                    </a:lnTo>
                    <a:lnTo>
                      <a:pt x="218" y="120"/>
                    </a:lnTo>
                    <a:lnTo>
                      <a:pt x="218" y="116"/>
                    </a:lnTo>
                    <a:lnTo>
                      <a:pt x="218" y="114"/>
                    </a:lnTo>
                    <a:close/>
                    <a:moveTo>
                      <a:pt x="952" y="357"/>
                    </a:moveTo>
                    <a:lnTo>
                      <a:pt x="953" y="355"/>
                    </a:lnTo>
                    <a:lnTo>
                      <a:pt x="955" y="355"/>
                    </a:lnTo>
                    <a:lnTo>
                      <a:pt x="957" y="355"/>
                    </a:lnTo>
                    <a:lnTo>
                      <a:pt x="955" y="357"/>
                    </a:lnTo>
                    <a:lnTo>
                      <a:pt x="959" y="358"/>
                    </a:lnTo>
                    <a:lnTo>
                      <a:pt x="959" y="360"/>
                    </a:lnTo>
                    <a:lnTo>
                      <a:pt x="959" y="362"/>
                    </a:lnTo>
                    <a:lnTo>
                      <a:pt x="959" y="364"/>
                    </a:lnTo>
                    <a:lnTo>
                      <a:pt x="953" y="360"/>
                    </a:lnTo>
                    <a:lnTo>
                      <a:pt x="953" y="358"/>
                    </a:lnTo>
                    <a:lnTo>
                      <a:pt x="952" y="358"/>
                    </a:lnTo>
                    <a:lnTo>
                      <a:pt x="952" y="357"/>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sp>
          <p:nvSpPr>
            <p:cNvPr id="41" name="Freeform 201"/>
            <p:cNvSpPr>
              <a:spLocks/>
            </p:cNvSpPr>
            <p:nvPr/>
          </p:nvSpPr>
          <p:spPr bwMode="auto">
            <a:xfrm>
              <a:off x="3101226" y="2517932"/>
              <a:ext cx="1038299" cy="751621"/>
            </a:xfrm>
            <a:custGeom>
              <a:avLst/>
              <a:gdLst>
                <a:gd name="T0" fmla="*/ 231 w 996"/>
                <a:gd name="T1" fmla="*/ 279 h 721"/>
                <a:gd name="T2" fmla="*/ 172 w 996"/>
                <a:gd name="T3" fmla="*/ 296 h 721"/>
                <a:gd name="T4" fmla="*/ 113 w 996"/>
                <a:gd name="T5" fmla="*/ 303 h 721"/>
                <a:gd name="T6" fmla="*/ 68 w 996"/>
                <a:gd name="T7" fmla="*/ 305 h 721"/>
                <a:gd name="T8" fmla="*/ 72 w 996"/>
                <a:gd name="T9" fmla="*/ 259 h 721"/>
                <a:gd name="T10" fmla="*/ 107 w 996"/>
                <a:gd name="T11" fmla="*/ 218 h 721"/>
                <a:gd name="T12" fmla="*/ 144 w 996"/>
                <a:gd name="T13" fmla="*/ 181 h 721"/>
                <a:gd name="T14" fmla="*/ 189 w 996"/>
                <a:gd name="T15" fmla="*/ 116 h 721"/>
                <a:gd name="T16" fmla="*/ 218 w 996"/>
                <a:gd name="T17" fmla="*/ 78 h 721"/>
                <a:gd name="T18" fmla="*/ 213 w 996"/>
                <a:gd name="T19" fmla="*/ 18 h 721"/>
                <a:gd name="T20" fmla="*/ 281 w 996"/>
                <a:gd name="T21" fmla="*/ 15 h 721"/>
                <a:gd name="T22" fmla="*/ 351 w 996"/>
                <a:gd name="T23" fmla="*/ 20 h 721"/>
                <a:gd name="T24" fmla="*/ 429 w 996"/>
                <a:gd name="T25" fmla="*/ 13 h 721"/>
                <a:gd name="T26" fmla="*/ 503 w 996"/>
                <a:gd name="T27" fmla="*/ 24 h 721"/>
                <a:gd name="T28" fmla="*/ 473 w 996"/>
                <a:gd name="T29" fmla="*/ 81 h 721"/>
                <a:gd name="T30" fmla="*/ 460 w 996"/>
                <a:gd name="T31" fmla="*/ 124 h 721"/>
                <a:gd name="T32" fmla="*/ 521 w 996"/>
                <a:gd name="T33" fmla="*/ 139 h 721"/>
                <a:gd name="T34" fmla="*/ 566 w 996"/>
                <a:gd name="T35" fmla="*/ 174 h 721"/>
                <a:gd name="T36" fmla="*/ 608 w 996"/>
                <a:gd name="T37" fmla="*/ 150 h 721"/>
                <a:gd name="T38" fmla="*/ 645 w 996"/>
                <a:gd name="T39" fmla="*/ 135 h 721"/>
                <a:gd name="T40" fmla="*/ 675 w 996"/>
                <a:gd name="T41" fmla="*/ 142 h 721"/>
                <a:gd name="T42" fmla="*/ 710 w 996"/>
                <a:gd name="T43" fmla="*/ 172 h 721"/>
                <a:gd name="T44" fmla="*/ 760 w 996"/>
                <a:gd name="T45" fmla="*/ 205 h 721"/>
                <a:gd name="T46" fmla="*/ 799 w 996"/>
                <a:gd name="T47" fmla="*/ 244 h 721"/>
                <a:gd name="T48" fmla="*/ 860 w 996"/>
                <a:gd name="T49" fmla="*/ 274 h 721"/>
                <a:gd name="T50" fmla="*/ 919 w 996"/>
                <a:gd name="T51" fmla="*/ 272 h 721"/>
                <a:gd name="T52" fmla="*/ 952 w 996"/>
                <a:gd name="T53" fmla="*/ 290 h 721"/>
                <a:gd name="T54" fmla="*/ 974 w 996"/>
                <a:gd name="T55" fmla="*/ 322 h 721"/>
                <a:gd name="T56" fmla="*/ 963 w 996"/>
                <a:gd name="T57" fmla="*/ 355 h 721"/>
                <a:gd name="T58" fmla="*/ 976 w 996"/>
                <a:gd name="T59" fmla="*/ 381 h 721"/>
                <a:gd name="T60" fmla="*/ 921 w 996"/>
                <a:gd name="T61" fmla="*/ 409 h 721"/>
                <a:gd name="T62" fmla="*/ 880 w 996"/>
                <a:gd name="T63" fmla="*/ 405 h 721"/>
                <a:gd name="T64" fmla="*/ 826 w 996"/>
                <a:gd name="T65" fmla="*/ 403 h 721"/>
                <a:gd name="T66" fmla="*/ 773 w 996"/>
                <a:gd name="T67" fmla="*/ 392 h 721"/>
                <a:gd name="T68" fmla="*/ 725 w 996"/>
                <a:gd name="T69" fmla="*/ 401 h 721"/>
                <a:gd name="T70" fmla="*/ 673 w 996"/>
                <a:gd name="T71" fmla="*/ 427 h 721"/>
                <a:gd name="T72" fmla="*/ 612 w 996"/>
                <a:gd name="T73" fmla="*/ 449 h 721"/>
                <a:gd name="T74" fmla="*/ 545 w 996"/>
                <a:gd name="T75" fmla="*/ 442 h 721"/>
                <a:gd name="T76" fmla="*/ 486 w 996"/>
                <a:gd name="T77" fmla="*/ 427 h 721"/>
                <a:gd name="T78" fmla="*/ 453 w 996"/>
                <a:gd name="T79" fmla="*/ 446 h 721"/>
                <a:gd name="T80" fmla="*/ 438 w 996"/>
                <a:gd name="T81" fmla="*/ 477 h 721"/>
                <a:gd name="T82" fmla="*/ 429 w 996"/>
                <a:gd name="T83" fmla="*/ 507 h 721"/>
                <a:gd name="T84" fmla="*/ 405 w 996"/>
                <a:gd name="T85" fmla="*/ 531 h 721"/>
                <a:gd name="T86" fmla="*/ 357 w 996"/>
                <a:gd name="T87" fmla="*/ 544 h 721"/>
                <a:gd name="T88" fmla="*/ 320 w 996"/>
                <a:gd name="T89" fmla="*/ 531 h 721"/>
                <a:gd name="T90" fmla="*/ 283 w 996"/>
                <a:gd name="T91" fmla="*/ 573 h 721"/>
                <a:gd name="T92" fmla="*/ 205 w 996"/>
                <a:gd name="T93" fmla="*/ 662 h 721"/>
                <a:gd name="T94" fmla="*/ 159 w 996"/>
                <a:gd name="T95" fmla="*/ 657 h 721"/>
                <a:gd name="T96" fmla="*/ 94 w 996"/>
                <a:gd name="T97" fmla="*/ 703 h 721"/>
                <a:gd name="T98" fmla="*/ 24 w 996"/>
                <a:gd name="T99" fmla="*/ 690 h 721"/>
                <a:gd name="T100" fmla="*/ 19 w 996"/>
                <a:gd name="T101" fmla="*/ 668 h 721"/>
                <a:gd name="T102" fmla="*/ 46 w 996"/>
                <a:gd name="T103" fmla="*/ 638 h 721"/>
                <a:gd name="T104" fmla="*/ 76 w 996"/>
                <a:gd name="T105" fmla="*/ 603 h 721"/>
                <a:gd name="T106" fmla="*/ 122 w 996"/>
                <a:gd name="T107" fmla="*/ 566 h 721"/>
                <a:gd name="T108" fmla="*/ 154 w 996"/>
                <a:gd name="T109" fmla="*/ 536 h 721"/>
                <a:gd name="T110" fmla="*/ 155 w 996"/>
                <a:gd name="T111" fmla="*/ 492 h 721"/>
                <a:gd name="T112" fmla="*/ 142 w 996"/>
                <a:gd name="T113" fmla="*/ 448 h 721"/>
                <a:gd name="T114" fmla="*/ 191 w 996"/>
                <a:gd name="T115" fmla="*/ 431 h 721"/>
                <a:gd name="T116" fmla="*/ 229 w 996"/>
                <a:gd name="T117" fmla="*/ 414 h 721"/>
                <a:gd name="T118" fmla="*/ 237 w 996"/>
                <a:gd name="T119" fmla="*/ 366 h 721"/>
                <a:gd name="T120" fmla="*/ 294 w 996"/>
                <a:gd name="T121" fmla="*/ 357 h 721"/>
                <a:gd name="T122" fmla="*/ 294 w 996"/>
                <a:gd name="T123" fmla="*/ 320 h 721"/>
                <a:gd name="T124" fmla="*/ 272 w 996"/>
                <a:gd name="T125" fmla="*/ 288 h 7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996" h="721">
                  <a:moveTo>
                    <a:pt x="272" y="279"/>
                  </a:moveTo>
                  <a:lnTo>
                    <a:pt x="272" y="277"/>
                  </a:lnTo>
                  <a:lnTo>
                    <a:pt x="272" y="276"/>
                  </a:lnTo>
                  <a:lnTo>
                    <a:pt x="270" y="276"/>
                  </a:lnTo>
                  <a:lnTo>
                    <a:pt x="268" y="276"/>
                  </a:lnTo>
                  <a:lnTo>
                    <a:pt x="266" y="276"/>
                  </a:lnTo>
                  <a:lnTo>
                    <a:pt x="264" y="276"/>
                  </a:lnTo>
                  <a:lnTo>
                    <a:pt x="263" y="276"/>
                  </a:lnTo>
                  <a:lnTo>
                    <a:pt x="261" y="276"/>
                  </a:lnTo>
                  <a:lnTo>
                    <a:pt x="259" y="276"/>
                  </a:lnTo>
                  <a:lnTo>
                    <a:pt x="259" y="274"/>
                  </a:lnTo>
                  <a:lnTo>
                    <a:pt x="257" y="274"/>
                  </a:lnTo>
                  <a:lnTo>
                    <a:pt x="255" y="274"/>
                  </a:lnTo>
                  <a:lnTo>
                    <a:pt x="253" y="274"/>
                  </a:lnTo>
                  <a:lnTo>
                    <a:pt x="252" y="274"/>
                  </a:lnTo>
                  <a:lnTo>
                    <a:pt x="250" y="272"/>
                  </a:lnTo>
                  <a:lnTo>
                    <a:pt x="250" y="270"/>
                  </a:lnTo>
                  <a:lnTo>
                    <a:pt x="246" y="268"/>
                  </a:lnTo>
                  <a:lnTo>
                    <a:pt x="246" y="270"/>
                  </a:lnTo>
                  <a:lnTo>
                    <a:pt x="244" y="270"/>
                  </a:lnTo>
                  <a:lnTo>
                    <a:pt x="244" y="272"/>
                  </a:lnTo>
                  <a:lnTo>
                    <a:pt x="242" y="272"/>
                  </a:lnTo>
                  <a:lnTo>
                    <a:pt x="240" y="270"/>
                  </a:lnTo>
                  <a:lnTo>
                    <a:pt x="240" y="268"/>
                  </a:lnTo>
                  <a:lnTo>
                    <a:pt x="240" y="270"/>
                  </a:lnTo>
                  <a:lnTo>
                    <a:pt x="239" y="272"/>
                  </a:lnTo>
                  <a:lnTo>
                    <a:pt x="237" y="274"/>
                  </a:lnTo>
                  <a:lnTo>
                    <a:pt x="237" y="276"/>
                  </a:lnTo>
                  <a:lnTo>
                    <a:pt x="235" y="277"/>
                  </a:lnTo>
                  <a:lnTo>
                    <a:pt x="233" y="277"/>
                  </a:lnTo>
                  <a:lnTo>
                    <a:pt x="233" y="279"/>
                  </a:lnTo>
                  <a:lnTo>
                    <a:pt x="231" y="279"/>
                  </a:lnTo>
                  <a:lnTo>
                    <a:pt x="229" y="281"/>
                  </a:lnTo>
                  <a:lnTo>
                    <a:pt x="227" y="283"/>
                  </a:lnTo>
                  <a:lnTo>
                    <a:pt x="226" y="285"/>
                  </a:lnTo>
                  <a:lnTo>
                    <a:pt x="222" y="285"/>
                  </a:lnTo>
                  <a:lnTo>
                    <a:pt x="220" y="287"/>
                  </a:lnTo>
                  <a:lnTo>
                    <a:pt x="218" y="288"/>
                  </a:lnTo>
                  <a:lnTo>
                    <a:pt x="216" y="288"/>
                  </a:lnTo>
                  <a:lnTo>
                    <a:pt x="215" y="288"/>
                  </a:lnTo>
                  <a:lnTo>
                    <a:pt x="213" y="287"/>
                  </a:lnTo>
                  <a:lnTo>
                    <a:pt x="211" y="287"/>
                  </a:lnTo>
                  <a:lnTo>
                    <a:pt x="209" y="287"/>
                  </a:lnTo>
                  <a:lnTo>
                    <a:pt x="207" y="287"/>
                  </a:lnTo>
                  <a:lnTo>
                    <a:pt x="205" y="287"/>
                  </a:lnTo>
                  <a:lnTo>
                    <a:pt x="202" y="287"/>
                  </a:lnTo>
                  <a:lnTo>
                    <a:pt x="200" y="288"/>
                  </a:lnTo>
                  <a:lnTo>
                    <a:pt x="198" y="288"/>
                  </a:lnTo>
                  <a:lnTo>
                    <a:pt x="196" y="290"/>
                  </a:lnTo>
                  <a:lnTo>
                    <a:pt x="194" y="290"/>
                  </a:lnTo>
                  <a:lnTo>
                    <a:pt x="192" y="292"/>
                  </a:lnTo>
                  <a:lnTo>
                    <a:pt x="191" y="292"/>
                  </a:lnTo>
                  <a:lnTo>
                    <a:pt x="189" y="294"/>
                  </a:lnTo>
                  <a:lnTo>
                    <a:pt x="187" y="294"/>
                  </a:lnTo>
                  <a:lnTo>
                    <a:pt x="185" y="292"/>
                  </a:lnTo>
                  <a:lnTo>
                    <a:pt x="183" y="292"/>
                  </a:lnTo>
                  <a:lnTo>
                    <a:pt x="183" y="294"/>
                  </a:lnTo>
                  <a:lnTo>
                    <a:pt x="181" y="294"/>
                  </a:lnTo>
                  <a:lnTo>
                    <a:pt x="179" y="296"/>
                  </a:lnTo>
                  <a:lnTo>
                    <a:pt x="178" y="296"/>
                  </a:lnTo>
                  <a:lnTo>
                    <a:pt x="176" y="294"/>
                  </a:lnTo>
                  <a:lnTo>
                    <a:pt x="174" y="294"/>
                  </a:lnTo>
                  <a:lnTo>
                    <a:pt x="172" y="294"/>
                  </a:lnTo>
                  <a:lnTo>
                    <a:pt x="172" y="296"/>
                  </a:lnTo>
                  <a:lnTo>
                    <a:pt x="170" y="296"/>
                  </a:lnTo>
                  <a:lnTo>
                    <a:pt x="168" y="296"/>
                  </a:lnTo>
                  <a:lnTo>
                    <a:pt x="166" y="296"/>
                  </a:lnTo>
                  <a:lnTo>
                    <a:pt x="165" y="296"/>
                  </a:lnTo>
                  <a:lnTo>
                    <a:pt x="161" y="296"/>
                  </a:lnTo>
                  <a:lnTo>
                    <a:pt x="159" y="296"/>
                  </a:lnTo>
                  <a:lnTo>
                    <a:pt x="157" y="294"/>
                  </a:lnTo>
                  <a:lnTo>
                    <a:pt x="155" y="296"/>
                  </a:lnTo>
                  <a:lnTo>
                    <a:pt x="154" y="296"/>
                  </a:lnTo>
                  <a:lnTo>
                    <a:pt x="152" y="296"/>
                  </a:lnTo>
                  <a:lnTo>
                    <a:pt x="150" y="296"/>
                  </a:lnTo>
                  <a:lnTo>
                    <a:pt x="148" y="296"/>
                  </a:lnTo>
                  <a:lnTo>
                    <a:pt x="148" y="298"/>
                  </a:lnTo>
                  <a:lnTo>
                    <a:pt x="146" y="298"/>
                  </a:lnTo>
                  <a:lnTo>
                    <a:pt x="146" y="300"/>
                  </a:lnTo>
                  <a:lnTo>
                    <a:pt x="144" y="300"/>
                  </a:lnTo>
                  <a:lnTo>
                    <a:pt x="141" y="298"/>
                  </a:lnTo>
                  <a:lnTo>
                    <a:pt x="139" y="300"/>
                  </a:lnTo>
                  <a:lnTo>
                    <a:pt x="137" y="300"/>
                  </a:lnTo>
                  <a:lnTo>
                    <a:pt x="135" y="300"/>
                  </a:lnTo>
                  <a:lnTo>
                    <a:pt x="133" y="298"/>
                  </a:lnTo>
                  <a:lnTo>
                    <a:pt x="131" y="298"/>
                  </a:lnTo>
                  <a:lnTo>
                    <a:pt x="129" y="298"/>
                  </a:lnTo>
                  <a:lnTo>
                    <a:pt x="128" y="298"/>
                  </a:lnTo>
                  <a:lnTo>
                    <a:pt x="128" y="300"/>
                  </a:lnTo>
                  <a:lnTo>
                    <a:pt x="126" y="300"/>
                  </a:lnTo>
                  <a:lnTo>
                    <a:pt x="122" y="301"/>
                  </a:lnTo>
                  <a:lnTo>
                    <a:pt x="120" y="303"/>
                  </a:lnTo>
                  <a:lnTo>
                    <a:pt x="118" y="303"/>
                  </a:lnTo>
                  <a:lnTo>
                    <a:pt x="117" y="303"/>
                  </a:lnTo>
                  <a:lnTo>
                    <a:pt x="115" y="303"/>
                  </a:lnTo>
                  <a:lnTo>
                    <a:pt x="113" y="303"/>
                  </a:lnTo>
                  <a:lnTo>
                    <a:pt x="111" y="303"/>
                  </a:lnTo>
                  <a:lnTo>
                    <a:pt x="109" y="301"/>
                  </a:lnTo>
                  <a:lnTo>
                    <a:pt x="107" y="300"/>
                  </a:lnTo>
                  <a:lnTo>
                    <a:pt x="105" y="300"/>
                  </a:lnTo>
                  <a:lnTo>
                    <a:pt x="105" y="298"/>
                  </a:lnTo>
                  <a:lnTo>
                    <a:pt x="104" y="298"/>
                  </a:lnTo>
                  <a:lnTo>
                    <a:pt x="102" y="298"/>
                  </a:lnTo>
                  <a:lnTo>
                    <a:pt x="100" y="298"/>
                  </a:lnTo>
                  <a:lnTo>
                    <a:pt x="98" y="298"/>
                  </a:lnTo>
                  <a:lnTo>
                    <a:pt x="98" y="296"/>
                  </a:lnTo>
                  <a:lnTo>
                    <a:pt x="96" y="296"/>
                  </a:lnTo>
                  <a:lnTo>
                    <a:pt x="94" y="296"/>
                  </a:lnTo>
                  <a:lnTo>
                    <a:pt x="93" y="296"/>
                  </a:lnTo>
                  <a:lnTo>
                    <a:pt x="91" y="294"/>
                  </a:lnTo>
                  <a:lnTo>
                    <a:pt x="89" y="294"/>
                  </a:lnTo>
                  <a:lnTo>
                    <a:pt x="89" y="296"/>
                  </a:lnTo>
                  <a:lnTo>
                    <a:pt x="87" y="296"/>
                  </a:lnTo>
                  <a:lnTo>
                    <a:pt x="85" y="298"/>
                  </a:lnTo>
                  <a:lnTo>
                    <a:pt x="83" y="298"/>
                  </a:lnTo>
                  <a:lnTo>
                    <a:pt x="81" y="298"/>
                  </a:lnTo>
                  <a:lnTo>
                    <a:pt x="80" y="296"/>
                  </a:lnTo>
                  <a:lnTo>
                    <a:pt x="80" y="298"/>
                  </a:lnTo>
                  <a:lnTo>
                    <a:pt x="78" y="300"/>
                  </a:lnTo>
                  <a:lnTo>
                    <a:pt x="80" y="300"/>
                  </a:lnTo>
                  <a:lnTo>
                    <a:pt x="78" y="300"/>
                  </a:lnTo>
                  <a:lnTo>
                    <a:pt x="78" y="301"/>
                  </a:lnTo>
                  <a:lnTo>
                    <a:pt x="76" y="301"/>
                  </a:lnTo>
                  <a:lnTo>
                    <a:pt x="74" y="301"/>
                  </a:lnTo>
                  <a:lnTo>
                    <a:pt x="74" y="303"/>
                  </a:lnTo>
                  <a:lnTo>
                    <a:pt x="72" y="303"/>
                  </a:lnTo>
                  <a:lnTo>
                    <a:pt x="70" y="305"/>
                  </a:lnTo>
                  <a:lnTo>
                    <a:pt x="68" y="305"/>
                  </a:lnTo>
                  <a:lnTo>
                    <a:pt x="68" y="307"/>
                  </a:lnTo>
                  <a:lnTo>
                    <a:pt x="67" y="307"/>
                  </a:lnTo>
                  <a:lnTo>
                    <a:pt x="65" y="307"/>
                  </a:lnTo>
                  <a:lnTo>
                    <a:pt x="65" y="309"/>
                  </a:lnTo>
                  <a:lnTo>
                    <a:pt x="63" y="309"/>
                  </a:lnTo>
                  <a:lnTo>
                    <a:pt x="61" y="309"/>
                  </a:lnTo>
                  <a:lnTo>
                    <a:pt x="59" y="309"/>
                  </a:lnTo>
                  <a:lnTo>
                    <a:pt x="57" y="309"/>
                  </a:lnTo>
                  <a:lnTo>
                    <a:pt x="57" y="307"/>
                  </a:lnTo>
                  <a:lnTo>
                    <a:pt x="57" y="305"/>
                  </a:lnTo>
                  <a:lnTo>
                    <a:pt x="57" y="303"/>
                  </a:lnTo>
                  <a:lnTo>
                    <a:pt x="57" y="301"/>
                  </a:lnTo>
                  <a:lnTo>
                    <a:pt x="57" y="300"/>
                  </a:lnTo>
                  <a:lnTo>
                    <a:pt x="57" y="298"/>
                  </a:lnTo>
                  <a:lnTo>
                    <a:pt x="57" y="296"/>
                  </a:lnTo>
                  <a:lnTo>
                    <a:pt x="59" y="294"/>
                  </a:lnTo>
                  <a:lnTo>
                    <a:pt x="61" y="292"/>
                  </a:lnTo>
                  <a:lnTo>
                    <a:pt x="61" y="290"/>
                  </a:lnTo>
                  <a:lnTo>
                    <a:pt x="63" y="287"/>
                  </a:lnTo>
                  <a:lnTo>
                    <a:pt x="63" y="285"/>
                  </a:lnTo>
                  <a:lnTo>
                    <a:pt x="63" y="283"/>
                  </a:lnTo>
                  <a:lnTo>
                    <a:pt x="65" y="279"/>
                  </a:lnTo>
                  <a:lnTo>
                    <a:pt x="65" y="277"/>
                  </a:lnTo>
                  <a:lnTo>
                    <a:pt x="65" y="276"/>
                  </a:lnTo>
                  <a:lnTo>
                    <a:pt x="63" y="272"/>
                  </a:lnTo>
                  <a:lnTo>
                    <a:pt x="63" y="268"/>
                  </a:lnTo>
                  <a:lnTo>
                    <a:pt x="65" y="266"/>
                  </a:lnTo>
                  <a:lnTo>
                    <a:pt x="65" y="264"/>
                  </a:lnTo>
                  <a:lnTo>
                    <a:pt x="67" y="264"/>
                  </a:lnTo>
                  <a:lnTo>
                    <a:pt x="68" y="263"/>
                  </a:lnTo>
                  <a:lnTo>
                    <a:pt x="70" y="261"/>
                  </a:lnTo>
                  <a:lnTo>
                    <a:pt x="72" y="259"/>
                  </a:lnTo>
                  <a:lnTo>
                    <a:pt x="74" y="257"/>
                  </a:lnTo>
                  <a:lnTo>
                    <a:pt x="76" y="255"/>
                  </a:lnTo>
                  <a:lnTo>
                    <a:pt x="78" y="255"/>
                  </a:lnTo>
                  <a:lnTo>
                    <a:pt x="80" y="253"/>
                  </a:lnTo>
                  <a:lnTo>
                    <a:pt x="80" y="251"/>
                  </a:lnTo>
                  <a:lnTo>
                    <a:pt x="80" y="250"/>
                  </a:lnTo>
                  <a:lnTo>
                    <a:pt x="81" y="248"/>
                  </a:lnTo>
                  <a:lnTo>
                    <a:pt x="85" y="248"/>
                  </a:lnTo>
                  <a:lnTo>
                    <a:pt x="87" y="248"/>
                  </a:lnTo>
                  <a:lnTo>
                    <a:pt x="91" y="248"/>
                  </a:lnTo>
                  <a:lnTo>
                    <a:pt x="93" y="248"/>
                  </a:lnTo>
                  <a:lnTo>
                    <a:pt x="93" y="246"/>
                  </a:lnTo>
                  <a:lnTo>
                    <a:pt x="94" y="246"/>
                  </a:lnTo>
                  <a:lnTo>
                    <a:pt x="96" y="244"/>
                  </a:lnTo>
                  <a:lnTo>
                    <a:pt x="98" y="244"/>
                  </a:lnTo>
                  <a:lnTo>
                    <a:pt x="100" y="242"/>
                  </a:lnTo>
                  <a:lnTo>
                    <a:pt x="104" y="240"/>
                  </a:lnTo>
                  <a:lnTo>
                    <a:pt x="104" y="239"/>
                  </a:lnTo>
                  <a:lnTo>
                    <a:pt x="105" y="237"/>
                  </a:lnTo>
                  <a:lnTo>
                    <a:pt x="105" y="235"/>
                  </a:lnTo>
                  <a:lnTo>
                    <a:pt x="105" y="233"/>
                  </a:lnTo>
                  <a:lnTo>
                    <a:pt x="104" y="233"/>
                  </a:lnTo>
                  <a:lnTo>
                    <a:pt x="102" y="231"/>
                  </a:lnTo>
                  <a:lnTo>
                    <a:pt x="102" y="229"/>
                  </a:lnTo>
                  <a:lnTo>
                    <a:pt x="102" y="227"/>
                  </a:lnTo>
                  <a:lnTo>
                    <a:pt x="102" y="226"/>
                  </a:lnTo>
                  <a:lnTo>
                    <a:pt x="100" y="224"/>
                  </a:lnTo>
                  <a:lnTo>
                    <a:pt x="100" y="222"/>
                  </a:lnTo>
                  <a:lnTo>
                    <a:pt x="100" y="220"/>
                  </a:lnTo>
                  <a:lnTo>
                    <a:pt x="104" y="218"/>
                  </a:lnTo>
                  <a:lnTo>
                    <a:pt x="105" y="218"/>
                  </a:lnTo>
                  <a:lnTo>
                    <a:pt x="107" y="218"/>
                  </a:lnTo>
                  <a:lnTo>
                    <a:pt x="107" y="216"/>
                  </a:lnTo>
                  <a:lnTo>
                    <a:pt x="107" y="214"/>
                  </a:lnTo>
                  <a:lnTo>
                    <a:pt x="109" y="213"/>
                  </a:lnTo>
                  <a:lnTo>
                    <a:pt x="109" y="211"/>
                  </a:lnTo>
                  <a:lnTo>
                    <a:pt x="109" y="209"/>
                  </a:lnTo>
                  <a:lnTo>
                    <a:pt x="111" y="207"/>
                  </a:lnTo>
                  <a:lnTo>
                    <a:pt x="111" y="205"/>
                  </a:lnTo>
                  <a:lnTo>
                    <a:pt x="109" y="205"/>
                  </a:lnTo>
                  <a:lnTo>
                    <a:pt x="107" y="203"/>
                  </a:lnTo>
                  <a:lnTo>
                    <a:pt x="105" y="203"/>
                  </a:lnTo>
                  <a:lnTo>
                    <a:pt x="107" y="203"/>
                  </a:lnTo>
                  <a:lnTo>
                    <a:pt x="109" y="202"/>
                  </a:lnTo>
                  <a:lnTo>
                    <a:pt x="111" y="202"/>
                  </a:lnTo>
                  <a:lnTo>
                    <a:pt x="113" y="200"/>
                  </a:lnTo>
                  <a:lnTo>
                    <a:pt x="115" y="202"/>
                  </a:lnTo>
                  <a:lnTo>
                    <a:pt x="117" y="202"/>
                  </a:lnTo>
                  <a:lnTo>
                    <a:pt x="118" y="202"/>
                  </a:lnTo>
                  <a:lnTo>
                    <a:pt x="120" y="202"/>
                  </a:lnTo>
                  <a:lnTo>
                    <a:pt x="122" y="202"/>
                  </a:lnTo>
                  <a:lnTo>
                    <a:pt x="124" y="202"/>
                  </a:lnTo>
                  <a:lnTo>
                    <a:pt x="126" y="202"/>
                  </a:lnTo>
                  <a:lnTo>
                    <a:pt x="128" y="202"/>
                  </a:lnTo>
                  <a:lnTo>
                    <a:pt x="131" y="202"/>
                  </a:lnTo>
                  <a:lnTo>
                    <a:pt x="133" y="202"/>
                  </a:lnTo>
                  <a:lnTo>
                    <a:pt x="135" y="202"/>
                  </a:lnTo>
                  <a:lnTo>
                    <a:pt x="137" y="200"/>
                  </a:lnTo>
                  <a:lnTo>
                    <a:pt x="139" y="200"/>
                  </a:lnTo>
                  <a:lnTo>
                    <a:pt x="142" y="192"/>
                  </a:lnTo>
                  <a:lnTo>
                    <a:pt x="142" y="189"/>
                  </a:lnTo>
                  <a:lnTo>
                    <a:pt x="142" y="187"/>
                  </a:lnTo>
                  <a:lnTo>
                    <a:pt x="144" y="185"/>
                  </a:lnTo>
                  <a:lnTo>
                    <a:pt x="144" y="181"/>
                  </a:lnTo>
                  <a:lnTo>
                    <a:pt x="144" y="176"/>
                  </a:lnTo>
                  <a:lnTo>
                    <a:pt x="144" y="174"/>
                  </a:lnTo>
                  <a:lnTo>
                    <a:pt x="144" y="170"/>
                  </a:lnTo>
                  <a:lnTo>
                    <a:pt x="144" y="168"/>
                  </a:lnTo>
                  <a:lnTo>
                    <a:pt x="142" y="163"/>
                  </a:lnTo>
                  <a:lnTo>
                    <a:pt x="142" y="159"/>
                  </a:lnTo>
                  <a:lnTo>
                    <a:pt x="142" y="157"/>
                  </a:lnTo>
                  <a:lnTo>
                    <a:pt x="142" y="153"/>
                  </a:lnTo>
                  <a:lnTo>
                    <a:pt x="142" y="152"/>
                  </a:lnTo>
                  <a:lnTo>
                    <a:pt x="142" y="150"/>
                  </a:lnTo>
                  <a:lnTo>
                    <a:pt x="142" y="148"/>
                  </a:lnTo>
                  <a:lnTo>
                    <a:pt x="142" y="144"/>
                  </a:lnTo>
                  <a:lnTo>
                    <a:pt x="144" y="144"/>
                  </a:lnTo>
                  <a:lnTo>
                    <a:pt x="146" y="144"/>
                  </a:lnTo>
                  <a:lnTo>
                    <a:pt x="148" y="144"/>
                  </a:lnTo>
                  <a:lnTo>
                    <a:pt x="150" y="144"/>
                  </a:lnTo>
                  <a:lnTo>
                    <a:pt x="152" y="144"/>
                  </a:lnTo>
                  <a:lnTo>
                    <a:pt x="155" y="142"/>
                  </a:lnTo>
                  <a:lnTo>
                    <a:pt x="157" y="142"/>
                  </a:lnTo>
                  <a:lnTo>
                    <a:pt x="159" y="142"/>
                  </a:lnTo>
                  <a:lnTo>
                    <a:pt x="163" y="140"/>
                  </a:lnTo>
                  <a:lnTo>
                    <a:pt x="166" y="144"/>
                  </a:lnTo>
                  <a:lnTo>
                    <a:pt x="170" y="142"/>
                  </a:lnTo>
                  <a:lnTo>
                    <a:pt x="176" y="140"/>
                  </a:lnTo>
                  <a:lnTo>
                    <a:pt x="178" y="137"/>
                  </a:lnTo>
                  <a:lnTo>
                    <a:pt x="181" y="129"/>
                  </a:lnTo>
                  <a:lnTo>
                    <a:pt x="181" y="124"/>
                  </a:lnTo>
                  <a:lnTo>
                    <a:pt x="183" y="120"/>
                  </a:lnTo>
                  <a:lnTo>
                    <a:pt x="183" y="118"/>
                  </a:lnTo>
                  <a:lnTo>
                    <a:pt x="185" y="116"/>
                  </a:lnTo>
                  <a:lnTo>
                    <a:pt x="187" y="116"/>
                  </a:lnTo>
                  <a:lnTo>
                    <a:pt x="189" y="116"/>
                  </a:lnTo>
                  <a:lnTo>
                    <a:pt x="191" y="116"/>
                  </a:lnTo>
                  <a:lnTo>
                    <a:pt x="192" y="115"/>
                  </a:lnTo>
                  <a:lnTo>
                    <a:pt x="196" y="115"/>
                  </a:lnTo>
                  <a:lnTo>
                    <a:pt x="200" y="113"/>
                  </a:lnTo>
                  <a:lnTo>
                    <a:pt x="203" y="115"/>
                  </a:lnTo>
                  <a:lnTo>
                    <a:pt x="205" y="115"/>
                  </a:lnTo>
                  <a:lnTo>
                    <a:pt x="209" y="116"/>
                  </a:lnTo>
                  <a:lnTo>
                    <a:pt x="211" y="115"/>
                  </a:lnTo>
                  <a:lnTo>
                    <a:pt x="213" y="115"/>
                  </a:lnTo>
                  <a:lnTo>
                    <a:pt x="216" y="115"/>
                  </a:lnTo>
                  <a:lnTo>
                    <a:pt x="220" y="113"/>
                  </a:lnTo>
                  <a:lnTo>
                    <a:pt x="224" y="105"/>
                  </a:lnTo>
                  <a:lnTo>
                    <a:pt x="227" y="103"/>
                  </a:lnTo>
                  <a:lnTo>
                    <a:pt x="227" y="100"/>
                  </a:lnTo>
                  <a:lnTo>
                    <a:pt x="222" y="98"/>
                  </a:lnTo>
                  <a:lnTo>
                    <a:pt x="222" y="94"/>
                  </a:lnTo>
                  <a:lnTo>
                    <a:pt x="222" y="92"/>
                  </a:lnTo>
                  <a:lnTo>
                    <a:pt x="224" y="91"/>
                  </a:lnTo>
                  <a:lnTo>
                    <a:pt x="222" y="91"/>
                  </a:lnTo>
                  <a:lnTo>
                    <a:pt x="224" y="91"/>
                  </a:lnTo>
                  <a:lnTo>
                    <a:pt x="224" y="89"/>
                  </a:lnTo>
                  <a:lnTo>
                    <a:pt x="226" y="87"/>
                  </a:lnTo>
                  <a:lnTo>
                    <a:pt x="227" y="87"/>
                  </a:lnTo>
                  <a:lnTo>
                    <a:pt x="227" y="85"/>
                  </a:lnTo>
                  <a:lnTo>
                    <a:pt x="226" y="83"/>
                  </a:lnTo>
                  <a:lnTo>
                    <a:pt x="226" y="81"/>
                  </a:lnTo>
                  <a:lnTo>
                    <a:pt x="226" y="79"/>
                  </a:lnTo>
                  <a:lnTo>
                    <a:pt x="226" y="76"/>
                  </a:lnTo>
                  <a:lnTo>
                    <a:pt x="224" y="76"/>
                  </a:lnTo>
                  <a:lnTo>
                    <a:pt x="222" y="76"/>
                  </a:lnTo>
                  <a:lnTo>
                    <a:pt x="220" y="78"/>
                  </a:lnTo>
                  <a:lnTo>
                    <a:pt x="218" y="78"/>
                  </a:lnTo>
                  <a:lnTo>
                    <a:pt x="216" y="78"/>
                  </a:lnTo>
                  <a:lnTo>
                    <a:pt x="215" y="78"/>
                  </a:lnTo>
                  <a:lnTo>
                    <a:pt x="213" y="78"/>
                  </a:lnTo>
                  <a:lnTo>
                    <a:pt x="213" y="76"/>
                  </a:lnTo>
                  <a:lnTo>
                    <a:pt x="213" y="72"/>
                  </a:lnTo>
                  <a:lnTo>
                    <a:pt x="215" y="72"/>
                  </a:lnTo>
                  <a:lnTo>
                    <a:pt x="216" y="68"/>
                  </a:lnTo>
                  <a:lnTo>
                    <a:pt x="215" y="66"/>
                  </a:lnTo>
                  <a:lnTo>
                    <a:pt x="213" y="65"/>
                  </a:lnTo>
                  <a:lnTo>
                    <a:pt x="211" y="65"/>
                  </a:lnTo>
                  <a:lnTo>
                    <a:pt x="209" y="65"/>
                  </a:lnTo>
                  <a:lnTo>
                    <a:pt x="209" y="63"/>
                  </a:lnTo>
                  <a:lnTo>
                    <a:pt x="209" y="61"/>
                  </a:lnTo>
                  <a:lnTo>
                    <a:pt x="207" y="59"/>
                  </a:lnTo>
                  <a:lnTo>
                    <a:pt x="207" y="57"/>
                  </a:lnTo>
                  <a:lnTo>
                    <a:pt x="207" y="54"/>
                  </a:lnTo>
                  <a:lnTo>
                    <a:pt x="209" y="52"/>
                  </a:lnTo>
                  <a:lnTo>
                    <a:pt x="209" y="48"/>
                  </a:lnTo>
                  <a:lnTo>
                    <a:pt x="209" y="44"/>
                  </a:lnTo>
                  <a:lnTo>
                    <a:pt x="209" y="41"/>
                  </a:lnTo>
                  <a:lnTo>
                    <a:pt x="211" y="35"/>
                  </a:lnTo>
                  <a:lnTo>
                    <a:pt x="209" y="33"/>
                  </a:lnTo>
                  <a:lnTo>
                    <a:pt x="207" y="29"/>
                  </a:lnTo>
                  <a:lnTo>
                    <a:pt x="205" y="26"/>
                  </a:lnTo>
                  <a:lnTo>
                    <a:pt x="207" y="26"/>
                  </a:lnTo>
                  <a:lnTo>
                    <a:pt x="205" y="24"/>
                  </a:lnTo>
                  <a:lnTo>
                    <a:pt x="203" y="22"/>
                  </a:lnTo>
                  <a:lnTo>
                    <a:pt x="202" y="22"/>
                  </a:lnTo>
                  <a:lnTo>
                    <a:pt x="202" y="20"/>
                  </a:lnTo>
                  <a:lnTo>
                    <a:pt x="207" y="22"/>
                  </a:lnTo>
                  <a:lnTo>
                    <a:pt x="209" y="20"/>
                  </a:lnTo>
                  <a:lnTo>
                    <a:pt x="213" y="18"/>
                  </a:lnTo>
                  <a:lnTo>
                    <a:pt x="216" y="17"/>
                  </a:lnTo>
                  <a:lnTo>
                    <a:pt x="220" y="15"/>
                  </a:lnTo>
                  <a:lnTo>
                    <a:pt x="226" y="13"/>
                  </a:lnTo>
                  <a:lnTo>
                    <a:pt x="226" y="11"/>
                  </a:lnTo>
                  <a:lnTo>
                    <a:pt x="226" y="9"/>
                  </a:lnTo>
                  <a:lnTo>
                    <a:pt x="231" y="7"/>
                  </a:lnTo>
                  <a:lnTo>
                    <a:pt x="233" y="7"/>
                  </a:lnTo>
                  <a:lnTo>
                    <a:pt x="235" y="7"/>
                  </a:lnTo>
                  <a:lnTo>
                    <a:pt x="240" y="5"/>
                  </a:lnTo>
                  <a:lnTo>
                    <a:pt x="242" y="4"/>
                  </a:lnTo>
                  <a:lnTo>
                    <a:pt x="244" y="4"/>
                  </a:lnTo>
                  <a:lnTo>
                    <a:pt x="246" y="4"/>
                  </a:lnTo>
                  <a:lnTo>
                    <a:pt x="250" y="2"/>
                  </a:lnTo>
                  <a:lnTo>
                    <a:pt x="252" y="2"/>
                  </a:lnTo>
                  <a:lnTo>
                    <a:pt x="253" y="0"/>
                  </a:lnTo>
                  <a:lnTo>
                    <a:pt x="255" y="0"/>
                  </a:lnTo>
                  <a:lnTo>
                    <a:pt x="259" y="0"/>
                  </a:lnTo>
                  <a:lnTo>
                    <a:pt x="261" y="0"/>
                  </a:lnTo>
                  <a:lnTo>
                    <a:pt x="261" y="4"/>
                  </a:lnTo>
                  <a:lnTo>
                    <a:pt x="263" y="5"/>
                  </a:lnTo>
                  <a:lnTo>
                    <a:pt x="264" y="7"/>
                  </a:lnTo>
                  <a:lnTo>
                    <a:pt x="264" y="5"/>
                  </a:lnTo>
                  <a:lnTo>
                    <a:pt x="266" y="7"/>
                  </a:lnTo>
                  <a:lnTo>
                    <a:pt x="268" y="7"/>
                  </a:lnTo>
                  <a:lnTo>
                    <a:pt x="268" y="9"/>
                  </a:lnTo>
                  <a:lnTo>
                    <a:pt x="270" y="9"/>
                  </a:lnTo>
                  <a:lnTo>
                    <a:pt x="272" y="11"/>
                  </a:lnTo>
                  <a:lnTo>
                    <a:pt x="274" y="11"/>
                  </a:lnTo>
                  <a:lnTo>
                    <a:pt x="276" y="11"/>
                  </a:lnTo>
                  <a:lnTo>
                    <a:pt x="277" y="13"/>
                  </a:lnTo>
                  <a:lnTo>
                    <a:pt x="277" y="15"/>
                  </a:lnTo>
                  <a:lnTo>
                    <a:pt x="281" y="15"/>
                  </a:lnTo>
                  <a:lnTo>
                    <a:pt x="283" y="13"/>
                  </a:lnTo>
                  <a:lnTo>
                    <a:pt x="285" y="13"/>
                  </a:lnTo>
                  <a:lnTo>
                    <a:pt x="287" y="13"/>
                  </a:lnTo>
                  <a:lnTo>
                    <a:pt x="288" y="15"/>
                  </a:lnTo>
                  <a:lnTo>
                    <a:pt x="292" y="17"/>
                  </a:lnTo>
                  <a:lnTo>
                    <a:pt x="294" y="18"/>
                  </a:lnTo>
                  <a:lnTo>
                    <a:pt x="296" y="18"/>
                  </a:lnTo>
                  <a:lnTo>
                    <a:pt x="298" y="20"/>
                  </a:lnTo>
                  <a:lnTo>
                    <a:pt x="300" y="20"/>
                  </a:lnTo>
                  <a:lnTo>
                    <a:pt x="303" y="20"/>
                  </a:lnTo>
                  <a:lnTo>
                    <a:pt x="305" y="18"/>
                  </a:lnTo>
                  <a:lnTo>
                    <a:pt x="309" y="18"/>
                  </a:lnTo>
                  <a:lnTo>
                    <a:pt x="313" y="20"/>
                  </a:lnTo>
                  <a:lnTo>
                    <a:pt x="316" y="22"/>
                  </a:lnTo>
                  <a:lnTo>
                    <a:pt x="318" y="24"/>
                  </a:lnTo>
                  <a:lnTo>
                    <a:pt x="320" y="24"/>
                  </a:lnTo>
                  <a:lnTo>
                    <a:pt x="322" y="24"/>
                  </a:lnTo>
                  <a:lnTo>
                    <a:pt x="325" y="26"/>
                  </a:lnTo>
                  <a:lnTo>
                    <a:pt x="325" y="28"/>
                  </a:lnTo>
                  <a:lnTo>
                    <a:pt x="325" y="31"/>
                  </a:lnTo>
                  <a:lnTo>
                    <a:pt x="329" y="33"/>
                  </a:lnTo>
                  <a:lnTo>
                    <a:pt x="333" y="33"/>
                  </a:lnTo>
                  <a:lnTo>
                    <a:pt x="337" y="31"/>
                  </a:lnTo>
                  <a:lnTo>
                    <a:pt x="338" y="31"/>
                  </a:lnTo>
                  <a:lnTo>
                    <a:pt x="340" y="29"/>
                  </a:lnTo>
                  <a:lnTo>
                    <a:pt x="342" y="28"/>
                  </a:lnTo>
                  <a:lnTo>
                    <a:pt x="346" y="26"/>
                  </a:lnTo>
                  <a:lnTo>
                    <a:pt x="348" y="24"/>
                  </a:lnTo>
                  <a:lnTo>
                    <a:pt x="349" y="24"/>
                  </a:lnTo>
                  <a:lnTo>
                    <a:pt x="349" y="22"/>
                  </a:lnTo>
                  <a:lnTo>
                    <a:pt x="351" y="22"/>
                  </a:lnTo>
                  <a:lnTo>
                    <a:pt x="351" y="20"/>
                  </a:lnTo>
                  <a:lnTo>
                    <a:pt x="353" y="20"/>
                  </a:lnTo>
                  <a:lnTo>
                    <a:pt x="355" y="18"/>
                  </a:lnTo>
                  <a:lnTo>
                    <a:pt x="357" y="20"/>
                  </a:lnTo>
                  <a:lnTo>
                    <a:pt x="359" y="20"/>
                  </a:lnTo>
                  <a:lnTo>
                    <a:pt x="361" y="20"/>
                  </a:lnTo>
                  <a:lnTo>
                    <a:pt x="364" y="22"/>
                  </a:lnTo>
                  <a:lnTo>
                    <a:pt x="368" y="22"/>
                  </a:lnTo>
                  <a:lnTo>
                    <a:pt x="370" y="20"/>
                  </a:lnTo>
                  <a:lnTo>
                    <a:pt x="374" y="20"/>
                  </a:lnTo>
                  <a:lnTo>
                    <a:pt x="375" y="20"/>
                  </a:lnTo>
                  <a:lnTo>
                    <a:pt x="377" y="20"/>
                  </a:lnTo>
                  <a:lnTo>
                    <a:pt x="381" y="20"/>
                  </a:lnTo>
                  <a:lnTo>
                    <a:pt x="385" y="18"/>
                  </a:lnTo>
                  <a:lnTo>
                    <a:pt x="386" y="17"/>
                  </a:lnTo>
                  <a:lnTo>
                    <a:pt x="388" y="15"/>
                  </a:lnTo>
                  <a:lnTo>
                    <a:pt x="390" y="13"/>
                  </a:lnTo>
                  <a:lnTo>
                    <a:pt x="392" y="13"/>
                  </a:lnTo>
                  <a:lnTo>
                    <a:pt x="394" y="11"/>
                  </a:lnTo>
                  <a:lnTo>
                    <a:pt x="396" y="9"/>
                  </a:lnTo>
                  <a:lnTo>
                    <a:pt x="396" y="7"/>
                  </a:lnTo>
                  <a:lnTo>
                    <a:pt x="399" y="7"/>
                  </a:lnTo>
                  <a:lnTo>
                    <a:pt x="401" y="5"/>
                  </a:lnTo>
                  <a:lnTo>
                    <a:pt x="403" y="2"/>
                  </a:lnTo>
                  <a:lnTo>
                    <a:pt x="403" y="4"/>
                  </a:lnTo>
                  <a:lnTo>
                    <a:pt x="405" y="4"/>
                  </a:lnTo>
                  <a:lnTo>
                    <a:pt x="410" y="5"/>
                  </a:lnTo>
                  <a:lnTo>
                    <a:pt x="412" y="5"/>
                  </a:lnTo>
                  <a:lnTo>
                    <a:pt x="416" y="5"/>
                  </a:lnTo>
                  <a:lnTo>
                    <a:pt x="418" y="7"/>
                  </a:lnTo>
                  <a:lnTo>
                    <a:pt x="420" y="7"/>
                  </a:lnTo>
                  <a:lnTo>
                    <a:pt x="427" y="13"/>
                  </a:lnTo>
                  <a:lnTo>
                    <a:pt x="429" y="13"/>
                  </a:lnTo>
                  <a:lnTo>
                    <a:pt x="433" y="17"/>
                  </a:lnTo>
                  <a:lnTo>
                    <a:pt x="436" y="18"/>
                  </a:lnTo>
                  <a:lnTo>
                    <a:pt x="438" y="20"/>
                  </a:lnTo>
                  <a:lnTo>
                    <a:pt x="440" y="22"/>
                  </a:lnTo>
                  <a:lnTo>
                    <a:pt x="440" y="24"/>
                  </a:lnTo>
                  <a:lnTo>
                    <a:pt x="442" y="26"/>
                  </a:lnTo>
                  <a:lnTo>
                    <a:pt x="444" y="28"/>
                  </a:lnTo>
                  <a:lnTo>
                    <a:pt x="446" y="29"/>
                  </a:lnTo>
                  <a:lnTo>
                    <a:pt x="447" y="29"/>
                  </a:lnTo>
                  <a:lnTo>
                    <a:pt x="449" y="31"/>
                  </a:lnTo>
                  <a:lnTo>
                    <a:pt x="451" y="31"/>
                  </a:lnTo>
                  <a:lnTo>
                    <a:pt x="455" y="31"/>
                  </a:lnTo>
                  <a:lnTo>
                    <a:pt x="457" y="31"/>
                  </a:lnTo>
                  <a:lnTo>
                    <a:pt x="460" y="31"/>
                  </a:lnTo>
                  <a:lnTo>
                    <a:pt x="462" y="31"/>
                  </a:lnTo>
                  <a:lnTo>
                    <a:pt x="464" y="31"/>
                  </a:lnTo>
                  <a:lnTo>
                    <a:pt x="466" y="31"/>
                  </a:lnTo>
                  <a:lnTo>
                    <a:pt x="468" y="29"/>
                  </a:lnTo>
                  <a:lnTo>
                    <a:pt x="471" y="29"/>
                  </a:lnTo>
                  <a:lnTo>
                    <a:pt x="477" y="29"/>
                  </a:lnTo>
                  <a:lnTo>
                    <a:pt x="479" y="29"/>
                  </a:lnTo>
                  <a:lnTo>
                    <a:pt x="481" y="28"/>
                  </a:lnTo>
                  <a:lnTo>
                    <a:pt x="484" y="28"/>
                  </a:lnTo>
                  <a:lnTo>
                    <a:pt x="488" y="26"/>
                  </a:lnTo>
                  <a:lnTo>
                    <a:pt x="490" y="26"/>
                  </a:lnTo>
                  <a:lnTo>
                    <a:pt x="492" y="26"/>
                  </a:lnTo>
                  <a:lnTo>
                    <a:pt x="494" y="24"/>
                  </a:lnTo>
                  <a:lnTo>
                    <a:pt x="496" y="24"/>
                  </a:lnTo>
                  <a:lnTo>
                    <a:pt x="497" y="24"/>
                  </a:lnTo>
                  <a:lnTo>
                    <a:pt x="501" y="22"/>
                  </a:lnTo>
                  <a:lnTo>
                    <a:pt x="503" y="22"/>
                  </a:lnTo>
                  <a:lnTo>
                    <a:pt x="503" y="24"/>
                  </a:lnTo>
                  <a:lnTo>
                    <a:pt x="503" y="26"/>
                  </a:lnTo>
                  <a:lnTo>
                    <a:pt x="505" y="26"/>
                  </a:lnTo>
                  <a:lnTo>
                    <a:pt x="505" y="28"/>
                  </a:lnTo>
                  <a:lnTo>
                    <a:pt x="507" y="28"/>
                  </a:lnTo>
                  <a:lnTo>
                    <a:pt x="501" y="29"/>
                  </a:lnTo>
                  <a:lnTo>
                    <a:pt x="499" y="31"/>
                  </a:lnTo>
                  <a:lnTo>
                    <a:pt x="497" y="31"/>
                  </a:lnTo>
                  <a:lnTo>
                    <a:pt x="496" y="31"/>
                  </a:lnTo>
                  <a:lnTo>
                    <a:pt x="494" y="33"/>
                  </a:lnTo>
                  <a:lnTo>
                    <a:pt x="492" y="33"/>
                  </a:lnTo>
                  <a:lnTo>
                    <a:pt x="490" y="33"/>
                  </a:lnTo>
                  <a:lnTo>
                    <a:pt x="490" y="37"/>
                  </a:lnTo>
                  <a:lnTo>
                    <a:pt x="488" y="39"/>
                  </a:lnTo>
                  <a:lnTo>
                    <a:pt x="486" y="41"/>
                  </a:lnTo>
                  <a:lnTo>
                    <a:pt x="486" y="42"/>
                  </a:lnTo>
                  <a:lnTo>
                    <a:pt x="484" y="46"/>
                  </a:lnTo>
                  <a:lnTo>
                    <a:pt x="483" y="50"/>
                  </a:lnTo>
                  <a:lnTo>
                    <a:pt x="483" y="52"/>
                  </a:lnTo>
                  <a:lnTo>
                    <a:pt x="481" y="57"/>
                  </a:lnTo>
                  <a:lnTo>
                    <a:pt x="479" y="61"/>
                  </a:lnTo>
                  <a:lnTo>
                    <a:pt x="477" y="65"/>
                  </a:lnTo>
                  <a:lnTo>
                    <a:pt x="475" y="66"/>
                  </a:lnTo>
                  <a:lnTo>
                    <a:pt x="475" y="68"/>
                  </a:lnTo>
                  <a:lnTo>
                    <a:pt x="471" y="74"/>
                  </a:lnTo>
                  <a:lnTo>
                    <a:pt x="470" y="76"/>
                  </a:lnTo>
                  <a:lnTo>
                    <a:pt x="471" y="76"/>
                  </a:lnTo>
                  <a:lnTo>
                    <a:pt x="471" y="78"/>
                  </a:lnTo>
                  <a:lnTo>
                    <a:pt x="471" y="79"/>
                  </a:lnTo>
                  <a:lnTo>
                    <a:pt x="473" y="79"/>
                  </a:lnTo>
                  <a:lnTo>
                    <a:pt x="473" y="81"/>
                  </a:lnTo>
                  <a:lnTo>
                    <a:pt x="471" y="81"/>
                  </a:lnTo>
                  <a:lnTo>
                    <a:pt x="473" y="81"/>
                  </a:lnTo>
                  <a:lnTo>
                    <a:pt x="473" y="83"/>
                  </a:lnTo>
                  <a:lnTo>
                    <a:pt x="471" y="83"/>
                  </a:lnTo>
                  <a:lnTo>
                    <a:pt x="473" y="83"/>
                  </a:lnTo>
                  <a:lnTo>
                    <a:pt x="471" y="83"/>
                  </a:lnTo>
                  <a:lnTo>
                    <a:pt x="471" y="85"/>
                  </a:lnTo>
                  <a:lnTo>
                    <a:pt x="473" y="85"/>
                  </a:lnTo>
                  <a:lnTo>
                    <a:pt x="471" y="85"/>
                  </a:lnTo>
                  <a:lnTo>
                    <a:pt x="473" y="85"/>
                  </a:lnTo>
                  <a:lnTo>
                    <a:pt x="473" y="87"/>
                  </a:lnTo>
                  <a:lnTo>
                    <a:pt x="471" y="87"/>
                  </a:lnTo>
                  <a:lnTo>
                    <a:pt x="473" y="87"/>
                  </a:lnTo>
                  <a:lnTo>
                    <a:pt x="471" y="87"/>
                  </a:lnTo>
                  <a:lnTo>
                    <a:pt x="471" y="89"/>
                  </a:lnTo>
                  <a:lnTo>
                    <a:pt x="471" y="91"/>
                  </a:lnTo>
                  <a:lnTo>
                    <a:pt x="473" y="91"/>
                  </a:lnTo>
                  <a:lnTo>
                    <a:pt x="471" y="91"/>
                  </a:lnTo>
                  <a:lnTo>
                    <a:pt x="471" y="92"/>
                  </a:lnTo>
                  <a:lnTo>
                    <a:pt x="470" y="92"/>
                  </a:lnTo>
                  <a:lnTo>
                    <a:pt x="470" y="94"/>
                  </a:lnTo>
                  <a:lnTo>
                    <a:pt x="471" y="94"/>
                  </a:lnTo>
                  <a:lnTo>
                    <a:pt x="471" y="96"/>
                  </a:lnTo>
                  <a:lnTo>
                    <a:pt x="470" y="98"/>
                  </a:lnTo>
                  <a:lnTo>
                    <a:pt x="470" y="102"/>
                  </a:lnTo>
                  <a:lnTo>
                    <a:pt x="470" y="105"/>
                  </a:lnTo>
                  <a:lnTo>
                    <a:pt x="468" y="107"/>
                  </a:lnTo>
                  <a:lnTo>
                    <a:pt x="468" y="109"/>
                  </a:lnTo>
                  <a:lnTo>
                    <a:pt x="466" y="113"/>
                  </a:lnTo>
                  <a:lnTo>
                    <a:pt x="464" y="115"/>
                  </a:lnTo>
                  <a:lnTo>
                    <a:pt x="464" y="118"/>
                  </a:lnTo>
                  <a:lnTo>
                    <a:pt x="462" y="120"/>
                  </a:lnTo>
                  <a:lnTo>
                    <a:pt x="462" y="122"/>
                  </a:lnTo>
                  <a:lnTo>
                    <a:pt x="460" y="124"/>
                  </a:lnTo>
                  <a:lnTo>
                    <a:pt x="460" y="126"/>
                  </a:lnTo>
                  <a:lnTo>
                    <a:pt x="460" y="128"/>
                  </a:lnTo>
                  <a:lnTo>
                    <a:pt x="462" y="126"/>
                  </a:lnTo>
                  <a:lnTo>
                    <a:pt x="466" y="126"/>
                  </a:lnTo>
                  <a:lnTo>
                    <a:pt x="468" y="128"/>
                  </a:lnTo>
                  <a:lnTo>
                    <a:pt x="471" y="128"/>
                  </a:lnTo>
                  <a:lnTo>
                    <a:pt x="473" y="129"/>
                  </a:lnTo>
                  <a:lnTo>
                    <a:pt x="475" y="129"/>
                  </a:lnTo>
                  <a:lnTo>
                    <a:pt x="479" y="131"/>
                  </a:lnTo>
                  <a:lnTo>
                    <a:pt x="481" y="131"/>
                  </a:lnTo>
                  <a:lnTo>
                    <a:pt x="484" y="133"/>
                  </a:lnTo>
                  <a:lnTo>
                    <a:pt x="488" y="135"/>
                  </a:lnTo>
                  <a:lnTo>
                    <a:pt x="492" y="135"/>
                  </a:lnTo>
                  <a:lnTo>
                    <a:pt x="494" y="137"/>
                  </a:lnTo>
                  <a:lnTo>
                    <a:pt x="496" y="139"/>
                  </a:lnTo>
                  <a:lnTo>
                    <a:pt x="496" y="140"/>
                  </a:lnTo>
                  <a:lnTo>
                    <a:pt x="496" y="142"/>
                  </a:lnTo>
                  <a:lnTo>
                    <a:pt x="497" y="142"/>
                  </a:lnTo>
                  <a:lnTo>
                    <a:pt x="499" y="142"/>
                  </a:lnTo>
                  <a:lnTo>
                    <a:pt x="501" y="142"/>
                  </a:lnTo>
                  <a:lnTo>
                    <a:pt x="508" y="142"/>
                  </a:lnTo>
                  <a:lnTo>
                    <a:pt x="510" y="142"/>
                  </a:lnTo>
                  <a:lnTo>
                    <a:pt x="510" y="144"/>
                  </a:lnTo>
                  <a:lnTo>
                    <a:pt x="510" y="142"/>
                  </a:lnTo>
                  <a:lnTo>
                    <a:pt x="512" y="142"/>
                  </a:lnTo>
                  <a:lnTo>
                    <a:pt x="514" y="142"/>
                  </a:lnTo>
                  <a:lnTo>
                    <a:pt x="514" y="140"/>
                  </a:lnTo>
                  <a:lnTo>
                    <a:pt x="516" y="140"/>
                  </a:lnTo>
                  <a:lnTo>
                    <a:pt x="518" y="140"/>
                  </a:lnTo>
                  <a:lnTo>
                    <a:pt x="518" y="139"/>
                  </a:lnTo>
                  <a:lnTo>
                    <a:pt x="520" y="139"/>
                  </a:lnTo>
                  <a:lnTo>
                    <a:pt x="521" y="139"/>
                  </a:lnTo>
                  <a:lnTo>
                    <a:pt x="523" y="139"/>
                  </a:lnTo>
                  <a:lnTo>
                    <a:pt x="525" y="139"/>
                  </a:lnTo>
                  <a:lnTo>
                    <a:pt x="525" y="137"/>
                  </a:lnTo>
                  <a:lnTo>
                    <a:pt x="527" y="137"/>
                  </a:lnTo>
                  <a:lnTo>
                    <a:pt x="529" y="137"/>
                  </a:lnTo>
                  <a:lnTo>
                    <a:pt x="531" y="135"/>
                  </a:lnTo>
                  <a:lnTo>
                    <a:pt x="532" y="135"/>
                  </a:lnTo>
                  <a:lnTo>
                    <a:pt x="532" y="133"/>
                  </a:lnTo>
                  <a:lnTo>
                    <a:pt x="536" y="133"/>
                  </a:lnTo>
                  <a:lnTo>
                    <a:pt x="538" y="133"/>
                  </a:lnTo>
                  <a:lnTo>
                    <a:pt x="542" y="133"/>
                  </a:lnTo>
                  <a:lnTo>
                    <a:pt x="545" y="135"/>
                  </a:lnTo>
                  <a:lnTo>
                    <a:pt x="547" y="135"/>
                  </a:lnTo>
                  <a:lnTo>
                    <a:pt x="551" y="139"/>
                  </a:lnTo>
                  <a:lnTo>
                    <a:pt x="553" y="142"/>
                  </a:lnTo>
                  <a:lnTo>
                    <a:pt x="553" y="144"/>
                  </a:lnTo>
                  <a:lnTo>
                    <a:pt x="555" y="146"/>
                  </a:lnTo>
                  <a:lnTo>
                    <a:pt x="555" y="150"/>
                  </a:lnTo>
                  <a:lnTo>
                    <a:pt x="555" y="152"/>
                  </a:lnTo>
                  <a:lnTo>
                    <a:pt x="553" y="152"/>
                  </a:lnTo>
                  <a:lnTo>
                    <a:pt x="555" y="157"/>
                  </a:lnTo>
                  <a:lnTo>
                    <a:pt x="560" y="157"/>
                  </a:lnTo>
                  <a:lnTo>
                    <a:pt x="562" y="157"/>
                  </a:lnTo>
                  <a:lnTo>
                    <a:pt x="564" y="159"/>
                  </a:lnTo>
                  <a:lnTo>
                    <a:pt x="564" y="161"/>
                  </a:lnTo>
                  <a:lnTo>
                    <a:pt x="564" y="165"/>
                  </a:lnTo>
                  <a:lnTo>
                    <a:pt x="564" y="166"/>
                  </a:lnTo>
                  <a:lnTo>
                    <a:pt x="566" y="166"/>
                  </a:lnTo>
                  <a:lnTo>
                    <a:pt x="566" y="168"/>
                  </a:lnTo>
                  <a:lnTo>
                    <a:pt x="566" y="170"/>
                  </a:lnTo>
                  <a:lnTo>
                    <a:pt x="564" y="172"/>
                  </a:lnTo>
                  <a:lnTo>
                    <a:pt x="566" y="174"/>
                  </a:lnTo>
                  <a:lnTo>
                    <a:pt x="566" y="172"/>
                  </a:lnTo>
                  <a:lnTo>
                    <a:pt x="568" y="172"/>
                  </a:lnTo>
                  <a:lnTo>
                    <a:pt x="569" y="170"/>
                  </a:lnTo>
                  <a:lnTo>
                    <a:pt x="571" y="168"/>
                  </a:lnTo>
                  <a:lnTo>
                    <a:pt x="573" y="166"/>
                  </a:lnTo>
                  <a:lnTo>
                    <a:pt x="575" y="166"/>
                  </a:lnTo>
                  <a:lnTo>
                    <a:pt x="577" y="166"/>
                  </a:lnTo>
                  <a:lnTo>
                    <a:pt x="577" y="165"/>
                  </a:lnTo>
                  <a:lnTo>
                    <a:pt x="579" y="165"/>
                  </a:lnTo>
                  <a:lnTo>
                    <a:pt x="581" y="165"/>
                  </a:lnTo>
                  <a:lnTo>
                    <a:pt x="582" y="163"/>
                  </a:lnTo>
                  <a:lnTo>
                    <a:pt x="584" y="163"/>
                  </a:lnTo>
                  <a:lnTo>
                    <a:pt x="586" y="163"/>
                  </a:lnTo>
                  <a:lnTo>
                    <a:pt x="588" y="163"/>
                  </a:lnTo>
                  <a:lnTo>
                    <a:pt x="588" y="161"/>
                  </a:lnTo>
                  <a:lnTo>
                    <a:pt x="590" y="161"/>
                  </a:lnTo>
                  <a:lnTo>
                    <a:pt x="592" y="161"/>
                  </a:lnTo>
                  <a:lnTo>
                    <a:pt x="593" y="161"/>
                  </a:lnTo>
                  <a:lnTo>
                    <a:pt x="595" y="161"/>
                  </a:lnTo>
                  <a:lnTo>
                    <a:pt x="595" y="159"/>
                  </a:lnTo>
                  <a:lnTo>
                    <a:pt x="597" y="159"/>
                  </a:lnTo>
                  <a:lnTo>
                    <a:pt x="599" y="159"/>
                  </a:lnTo>
                  <a:lnTo>
                    <a:pt x="601" y="159"/>
                  </a:lnTo>
                  <a:lnTo>
                    <a:pt x="601" y="157"/>
                  </a:lnTo>
                  <a:lnTo>
                    <a:pt x="601" y="155"/>
                  </a:lnTo>
                  <a:lnTo>
                    <a:pt x="603" y="155"/>
                  </a:lnTo>
                  <a:lnTo>
                    <a:pt x="603" y="153"/>
                  </a:lnTo>
                  <a:lnTo>
                    <a:pt x="605" y="153"/>
                  </a:lnTo>
                  <a:lnTo>
                    <a:pt x="605" y="152"/>
                  </a:lnTo>
                  <a:lnTo>
                    <a:pt x="606" y="152"/>
                  </a:lnTo>
                  <a:lnTo>
                    <a:pt x="606" y="150"/>
                  </a:lnTo>
                  <a:lnTo>
                    <a:pt x="608" y="150"/>
                  </a:lnTo>
                  <a:lnTo>
                    <a:pt x="608" y="148"/>
                  </a:lnTo>
                  <a:lnTo>
                    <a:pt x="610" y="148"/>
                  </a:lnTo>
                  <a:lnTo>
                    <a:pt x="612" y="148"/>
                  </a:lnTo>
                  <a:lnTo>
                    <a:pt x="612" y="146"/>
                  </a:lnTo>
                  <a:lnTo>
                    <a:pt x="614" y="146"/>
                  </a:lnTo>
                  <a:lnTo>
                    <a:pt x="614" y="144"/>
                  </a:lnTo>
                  <a:lnTo>
                    <a:pt x="616" y="144"/>
                  </a:lnTo>
                  <a:lnTo>
                    <a:pt x="616" y="142"/>
                  </a:lnTo>
                  <a:lnTo>
                    <a:pt x="618" y="142"/>
                  </a:lnTo>
                  <a:lnTo>
                    <a:pt x="619" y="142"/>
                  </a:lnTo>
                  <a:lnTo>
                    <a:pt x="621" y="142"/>
                  </a:lnTo>
                  <a:lnTo>
                    <a:pt x="621" y="144"/>
                  </a:lnTo>
                  <a:lnTo>
                    <a:pt x="623" y="144"/>
                  </a:lnTo>
                  <a:lnTo>
                    <a:pt x="625" y="144"/>
                  </a:lnTo>
                  <a:lnTo>
                    <a:pt x="627" y="144"/>
                  </a:lnTo>
                  <a:lnTo>
                    <a:pt x="627" y="146"/>
                  </a:lnTo>
                  <a:lnTo>
                    <a:pt x="629" y="146"/>
                  </a:lnTo>
                  <a:lnTo>
                    <a:pt x="630" y="146"/>
                  </a:lnTo>
                  <a:lnTo>
                    <a:pt x="632" y="146"/>
                  </a:lnTo>
                  <a:lnTo>
                    <a:pt x="632" y="144"/>
                  </a:lnTo>
                  <a:lnTo>
                    <a:pt x="634" y="144"/>
                  </a:lnTo>
                  <a:lnTo>
                    <a:pt x="634" y="142"/>
                  </a:lnTo>
                  <a:lnTo>
                    <a:pt x="636" y="142"/>
                  </a:lnTo>
                  <a:lnTo>
                    <a:pt x="638" y="142"/>
                  </a:lnTo>
                  <a:lnTo>
                    <a:pt x="638" y="140"/>
                  </a:lnTo>
                  <a:lnTo>
                    <a:pt x="640" y="140"/>
                  </a:lnTo>
                  <a:lnTo>
                    <a:pt x="642" y="140"/>
                  </a:lnTo>
                  <a:lnTo>
                    <a:pt x="642" y="139"/>
                  </a:lnTo>
                  <a:lnTo>
                    <a:pt x="642" y="137"/>
                  </a:lnTo>
                  <a:lnTo>
                    <a:pt x="643" y="137"/>
                  </a:lnTo>
                  <a:lnTo>
                    <a:pt x="643" y="135"/>
                  </a:lnTo>
                  <a:lnTo>
                    <a:pt x="645" y="135"/>
                  </a:lnTo>
                  <a:lnTo>
                    <a:pt x="647" y="135"/>
                  </a:lnTo>
                  <a:lnTo>
                    <a:pt x="649" y="135"/>
                  </a:lnTo>
                  <a:lnTo>
                    <a:pt x="651" y="135"/>
                  </a:lnTo>
                  <a:lnTo>
                    <a:pt x="653" y="137"/>
                  </a:lnTo>
                  <a:lnTo>
                    <a:pt x="654" y="137"/>
                  </a:lnTo>
                  <a:lnTo>
                    <a:pt x="656" y="137"/>
                  </a:lnTo>
                  <a:lnTo>
                    <a:pt x="658" y="137"/>
                  </a:lnTo>
                  <a:lnTo>
                    <a:pt x="660" y="137"/>
                  </a:lnTo>
                  <a:lnTo>
                    <a:pt x="662" y="135"/>
                  </a:lnTo>
                  <a:lnTo>
                    <a:pt x="664" y="135"/>
                  </a:lnTo>
                  <a:lnTo>
                    <a:pt x="664" y="137"/>
                  </a:lnTo>
                  <a:lnTo>
                    <a:pt x="664" y="135"/>
                  </a:lnTo>
                  <a:lnTo>
                    <a:pt x="666" y="135"/>
                  </a:lnTo>
                  <a:lnTo>
                    <a:pt x="667" y="135"/>
                  </a:lnTo>
                  <a:lnTo>
                    <a:pt x="667" y="137"/>
                  </a:lnTo>
                  <a:lnTo>
                    <a:pt x="669" y="137"/>
                  </a:lnTo>
                  <a:lnTo>
                    <a:pt x="669" y="135"/>
                  </a:lnTo>
                  <a:lnTo>
                    <a:pt x="671" y="135"/>
                  </a:lnTo>
                  <a:lnTo>
                    <a:pt x="671" y="137"/>
                  </a:lnTo>
                  <a:lnTo>
                    <a:pt x="673" y="135"/>
                  </a:lnTo>
                  <a:lnTo>
                    <a:pt x="675" y="135"/>
                  </a:lnTo>
                  <a:lnTo>
                    <a:pt x="675" y="133"/>
                  </a:lnTo>
                  <a:lnTo>
                    <a:pt x="675" y="135"/>
                  </a:lnTo>
                  <a:lnTo>
                    <a:pt x="677" y="135"/>
                  </a:lnTo>
                  <a:lnTo>
                    <a:pt x="677" y="133"/>
                  </a:lnTo>
                  <a:lnTo>
                    <a:pt x="679" y="135"/>
                  </a:lnTo>
                  <a:lnTo>
                    <a:pt x="679" y="137"/>
                  </a:lnTo>
                  <a:lnTo>
                    <a:pt x="679" y="139"/>
                  </a:lnTo>
                  <a:lnTo>
                    <a:pt x="677" y="139"/>
                  </a:lnTo>
                  <a:lnTo>
                    <a:pt x="677" y="140"/>
                  </a:lnTo>
                  <a:lnTo>
                    <a:pt x="677" y="142"/>
                  </a:lnTo>
                  <a:lnTo>
                    <a:pt x="675" y="142"/>
                  </a:lnTo>
                  <a:lnTo>
                    <a:pt x="675" y="144"/>
                  </a:lnTo>
                  <a:lnTo>
                    <a:pt x="675" y="146"/>
                  </a:lnTo>
                  <a:lnTo>
                    <a:pt x="675" y="148"/>
                  </a:lnTo>
                  <a:lnTo>
                    <a:pt x="677" y="148"/>
                  </a:lnTo>
                  <a:lnTo>
                    <a:pt x="675" y="148"/>
                  </a:lnTo>
                  <a:lnTo>
                    <a:pt x="677" y="150"/>
                  </a:lnTo>
                  <a:lnTo>
                    <a:pt x="680" y="152"/>
                  </a:lnTo>
                  <a:lnTo>
                    <a:pt x="682" y="152"/>
                  </a:lnTo>
                  <a:lnTo>
                    <a:pt x="684" y="153"/>
                  </a:lnTo>
                  <a:lnTo>
                    <a:pt x="686" y="153"/>
                  </a:lnTo>
                  <a:lnTo>
                    <a:pt x="688" y="153"/>
                  </a:lnTo>
                  <a:lnTo>
                    <a:pt x="690" y="153"/>
                  </a:lnTo>
                  <a:lnTo>
                    <a:pt x="691" y="153"/>
                  </a:lnTo>
                  <a:lnTo>
                    <a:pt x="691" y="155"/>
                  </a:lnTo>
                  <a:lnTo>
                    <a:pt x="693" y="153"/>
                  </a:lnTo>
                  <a:lnTo>
                    <a:pt x="695" y="153"/>
                  </a:lnTo>
                  <a:lnTo>
                    <a:pt x="695" y="155"/>
                  </a:lnTo>
                  <a:lnTo>
                    <a:pt x="697" y="155"/>
                  </a:lnTo>
                  <a:lnTo>
                    <a:pt x="697" y="157"/>
                  </a:lnTo>
                  <a:lnTo>
                    <a:pt x="695" y="157"/>
                  </a:lnTo>
                  <a:lnTo>
                    <a:pt x="697" y="157"/>
                  </a:lnTo>
                  <a:lnTo>
                    <a:pt x="697" y="159"/>
                  </a:lnTo>
                  <a:lnTo>
                    <a:pt x="697" y="161"/>
                  </a:lnTo>
                  <a:lnTo>
                    <a:pt x="699" y="161"/>
                  </a:lnTo>
                  <a:lnTo>
                    <a:pt x="701" y="163"/>
                  </a:lnTo>
                  <a:lnTo>
                    <a:pt x="701" y="165"/>
                  </a:lnTo>
                  <a:lnTo>
                    <a:pt x="703" y="166"/>
                  </a:lnTo>
                  <a:lnTo>
                    <a:pt x="704" y="168"/>
                  </a:lnTo>
                  <a:lnTo>
                    <a:pt x="706" y="168"/>
                  </a:lnTo>
                  <a:lnTo>
                    <a:pt x="708" y="170"/>
                  </a:lnTo>
                  <a:lnTo>
                    <a:pt x="708" y="172"/>
                  </a:lnTo>
                  <a:lnTo>
                    <a:pt x="710" y="172"/>
                  </a:lnTo>
                  <a:lnTo>
                    <a:pt x="712" y="172"/>
                  </a:lnTo>
                  <a:lnTo>
                    <a:pt x="712" y="174"/>
                  </a:lnTo>
                  <a:lnTo>
                    <a:pt x="714" y="174"/>
                  </a:lnTo>
                  <a:lnTo>
                    <a:pt x="715" y="176"/>
                  </a:lnTo>
                  <a:lnTo>
                    <a:pt x="715" y="177"/>
                  </a:lnTo>
                  <a:lnTo>
                    <a:pt x="717" y="177"/>
                  </a:lnTo>
                  <a:lnTo>
                    <a:pt x="719" y="177"/>
                  </a:lnTo>
                  <a:lnTo>
                    <a:pt x="719" y="181"/>
                  </a:lnTo>
                  <a:lnTo>
                    <a:pt x="719" y="185"/>
                  </a:lnTo>
                  <a:lnTo>
                    <a:pt x="721" y="183"/>
                  </a:lnTo>
                  <a:lnTo>
                    <a:pt x="727" y="185"/>
                  </a:lnTo>
                  <a:lnTo>
                    <a:pt x="730" y="185"/>
                  </a:lnTo>
                  <a:lnTo>
                    <a:pt x="732" y="185"/>
                  </a:lnTo>
                  <a:lnTo>
                    <a:pt x="732" y="187"/>
                  </a:lnTo>
                  <a:lnTo>
                    <a:pt x="734" y="187"/>
                  </a:lnTo>
                  <a:lnTo>
                    <a:pt x="736" y="187"/>
                  </a:lnTo>
                  <a:lnTo>
                    <a:pt x="740" y="187"/>
                  </a:lnTo>
                  <a:lnTo>
                    <a:pt x="741" y="187"/>
                  </a:lnTo>
                  <a:lnTo>
                    <a:pt x="743" y="187"/>
                  </a:lnTo>
                  <a:lnTo>
                    <a:pt x="745" y="187"/>
                  </a:lnTo>
                  <a:lnTo>
                    <a:pt x="747" y="187"/>
                  </a:lnTo>
                  <a:lnTo>
                    <a:pt x="747" y="189"/>
                  </a:lnTo>
                  <a:lnTo>
                    <a:pt x="749" y="189"/>
                  </a:lnTo>
                  <a:lnTo>
                    <a:pt x="751" y="189"/>
                  </a:lnTo>
                  <a:lnTo>
                    <a:pt x="752" y="189"/>
                  </a:lnTo>
                  <a:lnTo>
                    <a:pt x="756" y="190"/>
                  </a:lnTo>
                  <a:lnTo>
                    <a:pt x="756" y="192"/>
                  </a:lnTo>
                  <a:lnTo>
                    <a:pt x="756" y="194"/>
                  </a:lnTo>
                  <a:lnTo>
                    <a:pt x="758" y="196"/>
                  </a:lnTo>
                  <a:lnTo>
                    <a:pt x="758" y="200"/>
                  </a:lnTo>
                  <a:lnTo>
                    <a:pt x="760" y="202"/>
                  </a:lnTo>
                  <a:lnTo>
                    <a:pt x="760" y="205"/>
                  </a:lnTo>
                  <a:lnTo>
                    <a:pt x="762" y="207"/>
                  </a:lnTo>
                  <a:lnTo>
                    <a:pt x="762" y="209"/>
                  </a:lnTo>
                  <a:lnTo>
                    <a:pt x="767" y="209"/>
                  </a:lnTo>
                  <a:lnTo>
                    <a:pt x="769" y="209"/>
                  </a:lnTo>
                  <a:lnTo>
                    <a:pt x="771" y="207"/>
                  </a:lnTo>
                  <a:lnTo>
                    <a:pt x="773" y="207"/>
                  </a:lnTo>
                  <a:lnTo>
                    <a:pt x="773" y="209"/>
                  </a:lnTo>
                  <a:lnTo>
                    <a:pt x="773" y="213"/>
                  </a:lnTo>
                  <a:lnTo>
                    <a:pt x="775" y="214"/>
                  </a:lnTo>
                  <a:lnTo>
                    <a:pt x="775" y="216"/>
                  </a:lnTo>
                  <a:lnTo>
                    <a:pt x="776" y="220"/>
                  </a:lnTo>
                  <a:lnTo>
                    <a:pt x="776" y="222"/>
                  </a:lnTo>
                  <a:lnTo>
                    <a:pt x="778" y="222"/>
                  </a:lnTo>
                  <a:lnTo>
                    <a:pt x="780" y="222"/>
                  </a:lnTo>
                  <a:lnTo>
                    <a:pt x="782" y="222"/>
                  </a:lnTo>
                  <a:lnTo>
                    <a:pt x="782" y="224"/>
                  </a:lnTo>
                  <a:lnTo>
                    <a:pt x="784" y="224"/>
                  </a:lnTo>
                  <a:lnTo>
                    <a:pt x="786" y="224"/>
                  </a:lnTo>
                  <a:lnTo>
                    <a:pt x="786" y="226"/>
                  </a:lnTo>
                  <a:lnTo>
                    <a:pt x="788" y="226"/>
                  </a:lnTo>
                  <a:lnTo>
                    <a:pt x="789" y="226"/>
                  </a:lnTo>
                  <a:lnTo>
                    <a:pt x="791" y="226"/>
                  </a:lnTo>
                  <a:lnTo>
                    <a:pt x="793" y="226"/>
                  </a:lnTo>
                  <a:lnTo>
                    <a:pt x="795" y="226"/>
                  </a:lnTo>
                  <a:lnTo>
                    <a:pt x="797" y="226"/>
                  </a:lnTo>
                  <a:lnTo>
                    <a:pt x="799" y="226"/>
                  </a:lnTo>
                  <a:lnTo>
                    <a:pt x="799" y="227"/>
                  </a:lnTo>
                  <a:lnTo>
                    <a:pt x="797" y="229"/>
                  </a:lnTo>
                  <a:lnTo>
                    <a:pt x="797" y="237"/>
                  </a:lnTo>
                  <a:lnTo>
                    <a:pt x="797" y="239"/>
                  </a:lnTo>
                  <a:lnTo>
                    <a:pt x="799" y="240"/>
                  </a:lnTo>
                  <a:lnTo>
                    <a:pt x="799" y="244"/>
                  </a:lnTo>
                  <a:lnTo>
                    <a:pt x="801" y="246"/>
                  </a:lnTo>
                  <a:lnTo>
                    <a:pt x="799" y="250"/>
                  </a:lnTo>
                  <a:lnTo>
                    <a:pt x="797" y="250"/>
                  </a:lnTo>
                  <a:lnTo>
                    <a:pt x="797" y="251"/>
                  </a:lnTo>
                  <a:lnTo>
                    <a:pt x="793" y="255"/>
                  </a:lnTo>
                  <a:lnTo>
                    <a:pt x="799" y="255"/>
                  </a:lnTo>
                  <a:lnTo>
                    <a:pt x="802" y="255"/>
                  </a:lnTo>
                  <a:lnTo>
                    <a:pt x="806" y="255"/>
                  </a:lnTo>
                  <a:lnTo>
                    <a:pt x="808" y="257"/>
                  </a:lnTo>
                  <a:lnTo>
                    <a:pt x="810" y="257"/>
                  </a:lnTo>
                  <a:lnTo>
                    <a:pt x="812" y="257"/>
                  </a:lnTo>
                  <a:lnTo>
                    <a:pt x="813" y="257"/>
                  </a:lnTo>
                  <a:lnTo>
                    <a:pt x="815" y="257"/>
                  </a:lnTo>
                  <a:lnTo>
                    <a:pt x="821" y="257"/>
                  </a:lnTo>
                  <a:lnTo>
                    <a:pt x="825" y="257"/>
                  </a:lnTo>
                  <a:lnTo>
                    <a:pt x="826" y="255"/>
                  </a:lnTo>
                  <a:lnTo>
                    <a:pt x="830" y="253"/>
                  </a:lnTo>
                  <a:lnTo>
                    <a:pt x="828" y="259"/>
                  </a:lnTo>
                  <a:lnTo>
                    <a:pt x="834" y="255"/>
                  </a:lnTo>
                  <a:lnTo>
                    <a:pt x="836" y="255"/>
                  </a:lnTo>
                  <a:lnTo>
                    <a:pt x="837" y="259"/>
                  </a:lnTo>
                  <a:lnTo>
                    <a:pt x="839" y="259"/>
                  </a:lnTo>
                  <a:lnTo>
                    <a:pt x="843" y="263"/>
                  </a:lnTo>
                  <a:lnTo>
                    <a:pt x="845" y="264"/>
                  </a:lnTo>
                  <a:lnTo>
                    <a:pt x="849" y="266"/>
                  </a:lnTo>
                  <a:lnTo>
                    <a:pt x="850" y="266"/>
                  </a:lnTo>
                  <a:lnTo>
                    <a:pt x="852" y="268"/>
                  </a:lnTo>
                  <a:lnTo>
                    <a:pt x="852" y="270"/>
                  </a:lnTo>
                  <a:lnTo>
                    <a:pt x="854" y="272"/>
                  </a:lnTo>
                  <a:lnTo>
                    <a:pt x="856" y="274"/>
                  </a:lnTo>
                  <a:lnTo>
                    <a:pt x="858" y="274"/>
                  </a:lnTo>
                  <a:lnTo>
                    <a:pt x="860" y="274"/>
                  </a:lnTo>
                  <a:lnTo>
                    <a:pt x="862" y="274"/>
                  </a:lnTo>
                  <a:lnTo>
                    <a:pt x="863" y="276"/>
                  </a:lnTo>
                  <a:lnTo>
                    <a:pt x="865" y="276"/>
                  </a:lnTo>
                  <a:lnTo>
                    <a:pt x="867" y="276"/>
                  </a:lnTo>
                  <a:lnTo>
                    <a:pt x="869" y="276"/>
                  </a:lnTo>
                  <a:lnTo>
                    <a:pt x="871" y="276"/>
                  </a:lnTo>
                  <a:lnTo>
                    <a:pt x="873" y="276"/>
                  </a:lnTo>
                  <a:lnTo>
                    <a:pt x="874" y="276"/>
                  </a:lnTo>
                  <a:lnTo>
                    <a:pt x="876" y="276"/>
                  </a:lnTo>
                  <a:lnTo>
                    <a:pt x="878" y="276"/>
                  </a:lnTo>
                  <a:lnTo>
                    <a:pt x="878" y="274"/>
                  </a:lnTo>
                  <a:lnTo>
                    <a:pt x="880" y="274"/>
                  </a:lnTo>
                  <a:lnTo>
                    <a:pt x="880" y="276"/>
                  </a:lnTo>
                  <a:lnTo>
                    <a:pt x="882" y="274"/>
                  </a:lnTo>
                  <a:lnTo>
                    <a:pt x="884" y="274"/>
                  </a:lnTo>
                  <a:lnTo>
                    <a:pt x="886" y="274"/>
                  </a:lnTo>
                  <a:lnTo>
                    <a:pt x="887" y="274"/>
                  </a:lnTo>
                  <a:lnTo>
                    <a:pt x="889" y="274"/>
                  </a:lnTo>
                  <a:lnTo>
                    <a:pt x="891" y="274"/>
                  </a:lnTo>
                  <a:lnTo>
                    <a:pt x="891" y="276"/>
                  </a:lnTo>
                  <a:lnTo>
                    <a:pt x="893" y="276"/>
                  </a:lnTo>
                  <a:lnTo>
                    <a:pt x="895" y="276"/>
                  </a:lnTo>
                  <a:lnTo>
                    <a:pt x="897" y="276"/>
                  </a:lnTo>
                  <a:lnTo>
                    <a:pt x="898" y="277"/>
                  </a:lnTo>
                  <a:lnTo>
                    <a:pt x="908" y="276"/>
                  </a:lnTo>
                  <a:lnTo>
                    <a:pt x="910" y="274"/>
                  </a:lnTo>
                  <a:lnTo>
                    <a:pt x="911" y="274"/>
                  </a:lnTo>
                  <a:lnTo>
                    <a:pt x="913" y="274"/>
                  </a:lnTo>
                  <a:lnTo>
                    <a:pt x="913" y="272"/>
                  </a:lnTo>
                  <a:lnTo>
                    <a:pt x="915" y="272"/>
                  </a:lnTo>
                  <a:lnTo>
                    <a:pt x="917" y="272"/>
                  </a:lnTo>
                  <a:lnTo>
                    <a:pt x="919" y="272"/>
                  </a:lnTo>
                  <a:lnTo>
                    <a:pt x="921" y="272"/>
                  </a:lnTo>
                  <a:lnTo>
                    <a:pt x="923" y="272"/>
                  </a:lnTo>
                  <a:lnTo>
                    <a:pt x="924" y="272"/>
                  </a:lnTo>
                  <a:lnTo>
                    <a:pt x="926" y="272"/>
                  </a:lnTo>
                  <a:lnTo>
                    <a:pt x="928" y="272"/>
                  </a:lnTo>
                  <a:lnTo>
                    <a:pt x="930" y="272"/>
                  </a:lnTo>
                  <a:lnTo>
                    <a:pt x="932" y="272"/>
                  </a:lnTo>
                  <a:lnTo>
                    <a:pt x="934" y="272"/>
                  </a:lnTo>
                  <a:lnTo>
                    <a:pt x="935" y="272"/>
                  </a:lnTo>
                  <a:lnTo>
                    <a:pt x="937" y="272"/>
                  </a:lnTo>
                  <a:lnTo>
                    <a:pt x="939" y="272"/>
                  </a:lnTo>
                  <a:lnTo>
                    <a:pt x="941" y="272"/>
                  </a:lnTo>
                  <a:lnTo>
                    <a:pt x="943" y="272"/>
                  </a:lnTo>
                  <a:lnTo>
                    <a:pt x="945" y="272"/>
                  </a:lnTo>
                  <a:lnTo>
                    <a:pt x="947" y="272"/>
                  </a:lnTo>
                  <a:lnTo>
                    <a:pt x="948" y="272"/>
                  </a:lnTo>
                  <a:lnTo>
                    <a:pt x="950" y="272"/>
                  </a:lnTo>
                  <a:lnTo>
                    <a:pt x="950" y="274"/>
                  </a:lnTo>
                  <a:lnTo>
                    <a:pt x="950" y="276"/>
                  </a:lnTo>
                  <a:lnTo>
                    <a:pt x="950" y="277"/>
                  </a:lnTo>
                  <a:lnTo>
                    <a:pt x="948" y="277"/>
                  </a:lnTo>
                  <a:lnTo>
                    <a:pt x="948" y="279"/>
                  </a:lnTo>
                  <a:lnTo>
                    <a:pt x="948" y="281"/>
                  </a:lnTo>
                  <a:lnTo>
                    <a:pt x="947" y="281"/>
                  </a:lnTo>
                  <a:lnTo>
                    <a:pt x="947" y="283"/>
                  </a:lnTo>
                  <a:lnTo>
                    <a:pt x="947" y="285"/>
                  </a:lnTo>
                  <a:lnTo>
                    <a:pt x="947" y="287"/>
                  </a:lnTo>
                  <a:lnTo>
                    <a:pt x="948" y="287"/>
                  </a:lnTo>
                  <a:lnTo>
                    <a:pt x="948" y="288"/>
                  </a:lnTo>
                  <a:lnTo>
                    <a:pt x="950" y="288"/>
                  </a:lnTo>
                  <a:lnTo>
                    <a:pt x="952" y="288"/>
                  </a:lnTo>
                  <a:lnTo>
                    <a:pt x="952" y="290"/>
                  </a:lnTo>
                  <a:lnTo>
                    <a:pt x="954" y="290"/>
                  </a:lnTo>
                  <a:lnTo>
                    <a:pt x="956" y="290"/>
                  </a:lnTo>
                  <a:lnTo>
                    <a:pt x="958" y="290"/>
                  </a:lnTo>
                  <a:lnTo>
                    <a:pt x="959" y="290"/>
                  </a:lnTo>
                  <a:lnTo>
                    <a:pt x="959" y="292"/>
                  </a:lnTo>
                  <a:lnTo>
                    <a:pt x="961" y="290"/>
                  </a:lnTo>
                  <a:lnTo>
                    <a:pt x="961" y="292"/>
                  </a:lnTo>
                  <a:lnTo>
                    <a:pt x="961" y="294"/>
                  </a:lnTo>
                  <a:lnTo>
                    <a:pt x="961" y="296"/>
                  </a:lnTo>
                  <a:lnTo>
                    <a:pt x="963" y="296"/>
                  </a:lnTo>
                  <a:lnTo>
                    <a:pt x="963" y="298"/>
                  </a:lnTo>
                  <a:lnTo>
                    <a:pt x="965" y="296"/>
                  </a:lnTo>
                  <a:lnTo>
                    <a:pt x="967" y="296"/>
                  </a:lnTo>
                  <a:lnTo>
                    <a:pt x="969" y="296"/>
                  </a:lnTo>
                  <a:lnTo>
                    <a:pt x="971" y="296"/>
                  </a:lnTo>
                  <a:lnTo>
                    <a:pt x="971" y="298"/>
                  </a:lnTo>
                  <a:lnTo>
                    <a:pt x="972" y="298"/>
                  </a:lnTo>
                  <a:lnTo>
                    <a:pt x="972" y="300"/>
                  </a:lnTo>
                  <a:lnTo>
                    <a:pt x="972" y="301"/>
                  </a:lnTo>
                  <a:lnTo>
                    <a:pt x="972" y="303"/>
                  </a:lnTo>
                  <a:lnTo>
                    <a:pt x="974" y="305"/>
                  </a:lnTo>
                  <a:lnTo>
                    <a:pt x="972" y="307"/>
                  </a:lnTo>
                  <a:lnTo>
                    <a:pt x="972" y="309"/>
                  </a:lnTo>
                  <a:lnTo>
                    <a:pt x="971" y="309"/>
                  </a:lnTo>
                  <a:lnTo>
                    <a:pt x="971" y="311"/>
                  </a:lnTo>
                  <a:lnTo>
                    <a:pt x="969" y="313"/>
                  </a:lnTo>
                  <a:lnTo>
                    <a:pt x="969" y="314"/>
                  </a:lnTo>
                  <a:lnTo>
                    <a:pt x="967" y="316"/>
                  </a:lnTo>
                  <a:lnTo>
                    <a:pt x="969" y="318"/>
                  </a:lnTo>
                  <a:lnTo>
                    <a:pt x="971" y="322"/>
                  </a:lnTo>
                  <a:lnTo>
                    <a:pt x="972" y="322"/>
                  </a:lnTo>
                  <a:lnTo>
                    <a:pt x="974" y="322"/>
                  </a:lnTo>
                  <a:lnTo>
                    <a:pt x="976" y="322"/>
                  </a:lnTo>
                  <a:lnTo>
                    <a:pt x="978" y="322"/>
                  </a:lnTo>
                  <a:lnTo>
                    <a:pt x="980" y="322"/>
                  </a:lnTo>
                  <a:lnTo>
                    <a:pt x="980" y="324"/>
                  </a:lnTo>
                  <a:lnTo>
                    <a:pt x="982" y="324"/>
                  </a:lnTo>
                  <a:lnTo>
                    <a:pt x="984" y="324"/>
                  </a:lnTo>
                  <a:lnTo>
                    <a:pt x="985" y="325"/>
                  </a:lnTo>
                  <a:lnTo>
                    <a:pt x="987" y="325"/>
                  </a:lnTo>
                  <a:lnTo>
                    <a:pt x="989" y="325"/>
                  </a:lnTo>
                  <a:lnTo>
                    <a:pt x="989" y="327"/>
                  </a:lnTo>
                  <a:lnTo>
                    <a:pt x="987" y="327"/>
                  </a:lnTo>
                  <a:lnTo>
                    <a:pt x="987" y="329"/>
                  </a:lnTo>
                  <a:lnTo>
                    <a:pt x="985" y="331"/>
                  </a:lnTo>
                  <a:lnTo>
                    <a:pt x="985" y="333"/>
                  </a:lnTo>
                  <a:lnTo>
                    <a:pt x="985" y="335"/>
                  </a:lnTo>
                  <a:lnTo>
                    <a:pt x="984" y="335"/>
                  </a:lnTo>
                  <a:lnTo>
                    <a:pt x="984" y="337"/>
                  </a:lnTo>
                  <a:lnTo>
                    <a:pt x="982" y="337"/>
                  </a:lnTo>
                  <a:lnTo>
                    <a:pt x="978" y="338"/>
                  </a:lnTo>
                  <a:lnTo>
                    <a:pt x="976" y="340"/>
                  </a:lnTo>
                  <a:lnTo>
                    <a:pt x="974" y="340"/>
                  </a:lnTo>
                  <a:lnTo>
                    <a:pt x="974" y="342"/>
                  </a:lnTo>
                  <a:lnTo>
                    <a:pt x="972" y="342"/>
                  </a:lnTo>
                  <a:lnTo>
                    <a:pt x="971" y="344"/>
                  </a:lnTo>
                  <a:lnTo>
                    <a:pt x="969" y="344"/>
                  </a:lnTo>
                  <a:lnTo>
                    <a:pt x="967" y="346"/>
                  </a:lnTo>
                  <a:lnTo>
                    <a:pt x="965" y="348"/>
                  </a:lnTo>
                  <a:lnTo>
                    <a:pt x="963" y="348"/>
                  </a:lnTo>
                  <a:lnTo>
                    <a:pt x="963" y="349"/>
                  </a:lnTo>
                  <a:lnTo>
                    <a:pt x="963" y="351"/>
                  </a:lnTo>
                  <a:lnTo>
                    <a:pt x="963" y="353"/>
                  </a:lnTo>
                  <a:lnTo>
                    <a:pt x="963" y="355"/>
                  </a:lnTo>
                  <a:lnTo>
                    <a:pt x="961" y="355"/>
                  </a:lnTo>
                  <a:lnTo>
                    <a:pt x="961" y="357"/>
                  </a:lnTo>
                  <a:lnTo>
                    <a:pt x="959" y="357"/>
                  </a:lnTo>
                  <a:lnTo>
                    <a:pt x="959" y="359"/>
                  </a:lnTo>
                  <a:lnTo>
                    <a:pt x="959" y="361"/>
                  </a:lnTo>
                  <a:lnTo>
                    <a:pt x="958" y="362"/>
                  </a:lnTo>
                  <a:lnTo>
                    <a:pt x="958" y="364"/>
                  </a:lnTo>
                  <a:lnTo>
                    <a:pt x="956" y="368"/>
                  </a:lnTo>
                  <a:lnTo>
                    <a:pt x="954" y="372"/>
                  </a:lnTo>
                  <a:lnTo>
                    <a:pt x="956" y="372"/>
                  </a:lnTo>
                  <a:lnTo>
                    <a:pt x="956" y="374"/>
                  </a:lnTo>
                  <a:lnTo>
                    <a:pt x="958" y="374"/>
                  </a:lnTo>
                  <a:lnTo>
                    <a:pt x="959" y="375"/>
                  </a:lnTo>
                  <a:lnTo>
                    <a:pt x="961" y="375"/>
                  </a:lnTo>
                  <a:lnTo>
                    <a:pt x="963" y="375"/>
                  </a:lnTo>
                  <a:lnTo>
                    <a:pt x="967" y="375"/>
                  </a:lnTo>
                  <a:lnTo>
                    <a:pt x="969" y="375"/>
                  </a:lnTo>
                  <a:lnTo>
                    <a:pt x="974" y="375"/>
                  </a:lnTo>
                  <a:lnTo>
                    <a:pt x="976" y="375"/>
                  </a:lnTo>
                  <a:lnTo>
                    <a:pt x="980" y="375"/>
                  </a:lnTo>
                  <a:lnTo>
                    <a:pt x="982" y="375"/>
                  </a:lnTo>
                  <a:lnTo>
                    <a:pt x="984" y="374"/>
                  </a:lnTo>
                  <a:lnTo>
                    <a:pt x="985" y="374"/>
                  </a:lnTo>
                  <a:lnTo>
                    <a:pt x="989" y="372"/>
                  </a:lnTo>
                  <a:lnTo>
                    <a:pt x="991" y="372"/>
                  </a:lnTo>
                  <a:lnTo>
                    <a:pt x="995" y="372"/>
                  </a:lnTo>
                  <a:lnTo>
                    <a:pt x="996" y="374"/>
                  </a:lnTo>
                  <a:lnTo>
                    <a:pt x="987" y="377"/>
                  </a:lnTo>
                  <a:lnTo>
                    <a:pt x="984" y="379"/>
                  </a:lnTo>
                  <a:lnTo>
                    <a:pt x="982" y="379"/>
                  </a:lnTo>
                  <a:lnTo>
                    <a:pt x="978" y="379"/>
                  </a:lnTo>
                  <a:lnTo>
                    <a:pt x="976" y="381"/>
                  </a:lnTo>
                  <a:lnTo>
                    <a:pt x="972" y="381"/>
                  </a:lnTo>
                  <a:lnTo>
                    <a:pt x="971" y="383"/>
                  </a:lnTo>
                  <a:lnTo>
                    <a:pt x="967" y="383"/>
                  </a:lnTo>
                  <a:lnTo>
                    <a:pt x="965" y="383"/>
                  </a:lnTo>
                  <a:lnTo>
                    <a:pt x="961" y="385"/>
                  </a:lnTo>
                  <a:lnTo>
                    <a:pt x="959" y="385"/>
                  </a:lnTo>
                  <a:lnTo>
                    <a:pt x="958" y="385"/>
                  </a:lnTo>
                  <a:lnTo>
                    <a:pt x="958" y="386"/>
                  </a:lnTo>
                  <a:lnTo>
                    <a:pt x="956" y="386"/>
                  </a:lnTo>
                  <a:lnTo>
                    <a:pt x="954" y="386"/>
                  </a:lnTo>
                  <a:lnTo>
                    <a:pt x="952" y="388"/>
                  </a:lnTo>
                  <a:lnTo>
                    <a:pt x="950" y="388"/>
                  </a:lnTo>
                  <a:lnTo>
                    <a:pt x="948" y="390"/>
                  </a:lnTo>
                  <a:lnTo>
                    <a:pt x="947" y="390"/>
                  </a:lnTo>
                  <a:lnTo>
                    <a:pt x="945" y="392"/>
                  </a:lnTo>
                  <a:lnTo>
                    <a:pt x="945" y="394"/>
                  </a:lnTo>
                  <a:lnTo>
                    <a:pt x="943" y="394"/>
                  </a:lnTo>
                  <a:lnTo>
                    <a:pt x="941" y="396"/>
                  </a:lnTo>
                  <a:lnTo>
                    <a:pt x="939" y="396"/>
                  </a:lnTo>
                  <a:lnTo>
                    <a:pt x="939" y="398"/>
                  </a:lnTo>
                  <a:lnTo>
                    <a:pt x="937" y="398"/>
                  </a:lnTo>
                  <a:lnTo>
                    <a:pt x="937" y="399"/>
                  </a:lnTo>
                  <a:lnTo>
                    <a:pt x="935" y="399"/>
                  </a:lnTo>
                  <a:lnTo>
                    <a:pt x="934" y="401"/>
                  </a:lnTo>
                  <a:lnTo>
                    <a:pt x="932" y="403"/>
                  </a:lnTo>
                  <a:lnTo>
                    <a:pt x="930" y="403"/>
                  </a:lnTo>
                  <a:lnTo>
                    <a:pt x="928" y="403"/>
                  </a:lnTo>
                  <a:lnTo>
                    <a:pt x="926" y="405"/>
                  </a:lnTo>
                  <a:lnTo>
                    <a:pt x="924" y="407"/>
                  </a:lnTo>
                  <a:lnTo>
                    <a:pt x="923" y="407"/>
                  </a:lnTo>
                  <a:lnTo>
                    <a:pt x="921" y="407"/>
                  </a:lnTo>
                  <a:lnTo>
                    <a:pt x="921" y="409"/>
                  </a:lnTo>
                  <a:lnTo>
                    <a:pt x="919" y="409"/>
                  </a:lnTo>
                  <a:lnTo>
                    <a:pt x="917" y="409"/>
                  </a:lnTo>
                  <a:lnTo>
                    <a:pt x="917" y="411"/>
                  </a:lnTo>
                  <a:lnTo>
                    <a:pt x="915" y="411"/>
                  </a:lnTo>
                  <a:lnTo>
                    <a:pt x="915" y="412"/>
                  </a:lnTo>
                  <a:lnTo>
                    <a:pt x="913" y="412"/>
                  </a:lnTo>
                  <a:lnTo>
                    <a:pt x="913" y="414"/>
                  </a:lnTo>
                  <a:lnTo>
                    <a:pt x="911" y="414"/>
                  </a:lnTo>
                  <a:lnTo>
                    <a:pt x="910" y="414"/>
                  </a:lnTo>
                  <a:lnTo>
                    <a:pt x="910" y="412"/>
                  </a:lnTo>
                  <a:lnTo>
                    <a:pt x="908" y="412"/>
                  </a:lnTo>
                  <a:lnTo>
                    <a:pt x="908" y="414"/>
                  </a:lnTo>
                  <a:lnTo>
                    <a:pt x="906" y="414"/>
                  </a:lnTo>
                  <a:lnTo>
                    <a:pt x="904" y="414"/>
                  </a:lnTo>
                  <a:lnTo>
                    <a:pt x="902" y="414"/>
                  </a:lnTo>
                  <a:lnTo>
                    <a:pt x="900" y="414"/>
                  </a:lnTo>
                  <a:lnTo>
                    <a:pt x="898" y="414"/>
                  </a:lnTo>
                  <a:lnTo>
                    <a:pt x="897" y="414"/>
                  </a:lnTo>
                  <a:lnTo>
                    <a:pt x="897" y="412"/>
                  </a:lnTo>
                  <a:lnTo>
                    <a:pt x="895" y="412"/>
                  </a:lnTo>
                  <a:lnTo>
                    <a:pt x="893" y="412"/>
                  </a:lnTo>
                  <a:lnTo>
                    <a:pt x="893" y="411"/>
                  </a:lnTo>
                  <a:lnTo>
                    <a:pt x="891" y="411"/>
                  </a:lnTo>
                  <a:lnTo>
                    <a:pt x="889" y="411"/>
                  </a:lnTo>
                  <a:lnTo>
                    <a:pt x="889" y="409"/>
                  </a:lnTo>
                  <a:lnTo>
                    <a:pt x="887" y="409"/>
                  </a:lnTo>
                  <a:lnTo>
                    <a:pt x="886" y="409"/>
                  </a:lnTo>
                  <a:lnTo>
                    <a:pt x="886" y="407"/>
                  </a:lnTo>
                  <a:lnTo>
                    <a:pt x="886" y="405"/>
                  </a:lnTo>
                  <a:lnTo>
                    <a:pt x="884" y="405"/>
                  </a:lnTo>
                  <a:lnTo>
                    <a:pt x="882" y="405"/>
                  </a:lnTo>
                  <a:lnTo>
                    <a:pt x="880" y="405"/>
                  </a:lnTo>
                  <a:lnTo>
                    <a:pt x="878" y="405"/>
                  </a:lnTo>
                  <a:lnTo>
                    <a:pt x="876" y="405"/>
                  </a:lnTo>
                  <a:lnTo>
                    <a:pt x="874" y="405"/>
                  </a:lnTo>
                  <a:lnTo>
                    <a:pt x="873" y="405"/>
                  </a:lnTo>
                  <a:lnTo>
                    <a:pt x="873" y="403"/>
                  </a:lnTo>
                  <a:lnTo>
                    <a:pt x="871" y="403"/>
                  </a:lnTo>
                  <a:lnTo>
                    <a:pt x="869" y="403"/>
                  </a:lnTo>
                  <a:lnTo>
                    <a:pt x="867" y="405"/>
                  </a:lnTo>
                  <a:lnTo>
                    <a:pt x="865" y="405"/>
                  </a:lnTo>
                  <a:lnTo>
                    <a:pt x="863" y="405"/>
                  </a:lnTo>
                  <a:lnTo>
                    <a:pt x="862" y="405"/>
                  </a:lnTo>
                  <a:lnTo>
                    <a:pt x="860" y="405"/>
                  </a:lnTo>
                  <a:lnTo>
                    <a:pt x="858" y="405"/>
                  </a:lnTo>
                  <a:lnTo>
                    <a:pt x="856" y="405"/>
                  </a:lnTo>
                  <a:lnTo>
                    <a:pt x="854" y="405"/>
                  </a:lnTo>
                  <a:lnTo>
                    <a:pt x="854" y="403"/>
                  </a:lnTo>
                  <a:lnTo>
                    <a:pt x="852" y="403"/>
                  </a:lnTo>
                  <a:lnTo>
                    <a:pt x="850" y="403"/>
                  </a:lnTo>
                  <a:lnTo>
                    <a:pt x="849" y="403"/>
                  </a:lnTo>
                  <a:lnTo>
                    <a:pt x="847" y="403"/>
                  </a:lnTo>
                  <a:lnTo>
                    <a:pt x="847" y="401"/>
                  </a:lnTo>
                  <a:lnTo>
                    <a:pt x="847" y="403"/>
                  </a:lnTo>
                  <a:lnTo>
                    <a:pt x="847" y="401"/>
                  </a:lnTo>
                  <a:lnTo>
                    <a:pt x="845" y="401"/>
                  </a:lnTo>
                  <a:lnTo>
                    <a:pt x="843" y="401"/>
                  </a:lnTo>
                  <a:lnTo>
                    <a:pt x="841" y="401"/>
                  </a:lnTo>
                  <a:lnTo>
                    <a:pt x="839" y="401"/>
                  </a:lnTo>
                  <a:lnTo>
                    <a:pt x="837" y="401"/>
                  </a:lnTo>
                  <a:lnTo>
                    <a:pt x="836" y="401"/>
                  </a:lnTo>
                  <a:lnTo>
                    <a:pt x="834" y="401"/>
                  </a:lnTo>
                  <a:lnTo>
                    <a:pt x="832" y="401"/>
                  </a:lnTo>
                  <a:lnTo>
                    <a:pt x="826" y="403"/>
                  </a:lnTo>
                  <a:lnTo>
                    <a:pt x="825" y="403"/>
                  </a:lnTo>
                  <a:lnTo>
                    <a:pt x="823" y="403"/>
                  </a:lnTo>
                  <a:lnTo>
                    <a:pt x="819" y="403"/>
                  </a:lnTo>
                  <a:lnTo>
                    <a:pt x="817" y="403"/>
                  </a:lnTo>
                  <a:lnTo>
                    <a:pt x="813" y="403"/>
                  </a:lnTo>
                  <a:lnTo>
                    <a:pt x="812" y="403"/>
                  </a:lnTo>
                  <a:lnTo>
                    <a:pt x="810" y="405"/>
                  </a:lnTo>
                  <a:lnTo>
                    <a:pt x="808" y="405"/>
                  </a:lnTo>
                  <a:lnTo>
                    <a:pt x="808" y="403"/>
                  </a:lnTo>
                  <a:lnTo>
                    <a:pt x="806" y="403"/>
                  </a:lnTo>
                  <a:lnTo>
                    <a:pt x="806" y="401"/>
                  </a:lnTo>
                  <a:lnTo>
                    <a:pt x="804" y="401"/>
                  </a:lnTo>
                  <a:lnTo>
                    <a:pt x="804" y="399"/>
                  </a:lnTo>
                  <a:lnTo>
                    <a:pt x="802" y="399"/>
                  </a:lnTo>
                  <a:lnTo>
                    <a:pt x="801" y="399"/>
                  </a:lnTo>
                  <a:lnTo>
                    <a:pt x="799" y="399"/>
                  </a:lnTo>
                  <a:lnTo>
                    <a:pt x="797" y="399"/>
                  </a:lnTo>
                  <a:lnTo>
                    <a:pt x="795" y="398"/>
                  </a:lnTo>
                  <a:lnTo>
                    <a:pt x="795" y="396"/>
                  </a:lnTo>
                  <a:lnTo>
                    <a:pt x="795" y="394"/>
                  </a:lnTo>
                  <a:lnTo>
                    <a:pt x="793" y="392"/>
                  </a:lnTo>
                  <a:lnTo>
                    <a:pt x="791" y="392"/>
                  </a:lnTo>
                  <a:lnTo>
                    <a:pt x="789" y="392"/>
                  </a:lnTo>
                  <a:lnTo>
                    <a:pt x="788" y="392"/>
                  </a:lnTo>
                  <a:lnTo>
                    <a:pt x="786" y="392"/>
                  </a:lnTo>
                  <a:lnTo>
                    <a:pt x="784" y="392"/>
                  </a:lnTo>
                  <a:lnTo>
                    <a:pt x="782" y="392"/>
                  </a:lnTo>
                  <a:lnTo>
                    <a:pt x="780" y="392"/>
                  </a:lnTo>
                  <a:lnTo>
                    <a:pt x="778" y="392"/>
                  </a:lnTo>
                  <a:lnTo>
                    <a:pt x="776" y="392"/>
                  </a:lnTo>
                  <a:lnTo>
                    <a:pt x="775" y="392"/>
                  </a:lnTo>
                  <a:lnTo>
                    <a:pt x="773" y="392"/>
                  </a:lnTo>
                  <a:lnTo>
                    <a:pt x="769" y="392"/>
                  </a:lnTo>
                  <a:lnTo>
                    <a:pt x="765" y="392"/>
                  </a:lnTo>
                  <a:lnTo>
                    <a:pt x="764" y="392"/>
                  </a:lnTo>
                  <a:lnTo>
                    <a:pt x="762" y="392"/>
                  </a:lnTo>
                  <a:lnTo>
                    <a:pt x="760" y="392"/>
                  </a:lnTo>
                  <a:lnTo>
                    <a:pt x="760" y="390"/>
                  </a:lnTo>
                  <a:lnTo>
                    <a:pt x="758" y="390"/>
                  </a:lnTo>
                  <a:lnTo>
                    <a:pt x="756" y="390"/>
                  </a:lnTo>
                  <a:lnTo>
                    <a:pt x="756" y="392"/>
                  </a:lnTo>
                  <a:lnTo>
                    <a:pt x="756" y="390"/>
                  </a:lnTo>
                  <a:lnTo>
                    <a:pt x="754" y="390"/>
                  </a:lnTo>
                  <a:lnTo>
                    <a:pt x="752" y="390"/>
                  </a:lnTo>
                  <a:lnTo>
                    <a:pt x="751" y="390"/>
                  </a:lnTo>
                  <a:lnTo>
                    <a:pt x="749" y="388"/>
                  </a:lnTo>
                  <a:lnTo>
                    <a:pt x="747" y="388"/>
                  </a:lnTo>
                  <a:lnTo>
                    <a:pt x="745" y="388"/>
                  </a:lnTo>
                  <a:lnTo>
                    <a:pt x="745" y="390"/>
                  </a:lnTo>
                  <a:lnTo>
                    <a:pt x="743" y="390"/>
                  </a:lnTo>
                  <a:lnTo>
                    <a:pt x="741" y="392"/>
                  </a:lnTo>
                  <a:lnTo>
                    <a:pt x="740" y="394"/>
                  </a:lnTo>
                  <a:lnTo>
                    <a:pt x="738" y="394"/>
                  </a:lnTo>
                  <a:lnTo>
                    <a:pt x="738" y="396"/>
                  </a:lnTo>
                  <a:lnTo>
                    <a:pt x="736" y="396"/>
                  </a:lnTo>
                  <a:lnTo>
                    <a:pt x="734" y="396"/>
                  </a:lnTo>
                  <a:lnTo>
                    <a:pt x="734" y="398"/>
                  </a:lnTo>
                  <a:lnTo>
                    <a:pt x="732" y="398"/>
                  </a:lnTo>
                  <a:lnTo>
                    <a:pt x="732" y="399"/>
                  </a:lnTo>
                  <a:lnTo>
                    <a:pt x="730" y="399"/>
                  </a:lnTo>
                  <a:lnTo>
                    <a:pt x="728" y="399"/>
                  </a:lnTo>
                  <a:lnTo>
                    <a:pt x="727" y="399"/>
                  </a:lnTo>
                  <a:lnTo>
                    <a:pt x="727" y="401"/>
                  </a:lnTo>
                  <a:lnTo>
                    <a:pt x="725" y="401"/>
                  </a:lnTo>
                  <a:lnTo>
                    <a:pt x="723" y="401"/>
                  </a:lnTo>
                  <a:lnTo>
                    <a:pt x="721" y="401"/>
                  </a:lnTo>
                  <a:lnTo>
                    <a:pt x="719" y="401"/>
                  </a:lnTo>
                  <a:lnTo>
                    <a:pt x="719" y="403"/>
                  </a:lnTo>
                  <a:lnTo>
                    <a:pt x="717" y="403"/>
                  </a:lnTo>
                  <a:lnTo>
                    <a:pt x="715" y="403"/>
                  </a:lnTo>
                  <a:lnTo>
                    <a:pt x="714" y="403"/>
                  </a:lnTo>
                  <a:lnTo>
                    <a:pt x="712" y="405"/>
                  </a:lnTo>
                  <a:lnTo>
                    <a:pt x="710" y="405"/>
                  </a:lnTo>
                  <a:lnTo>
                    <a:pt x="708" y="407"/>
                  </a:lnTo>
                  <a:lnTo>
                    <a:pt x="706" y="407"/>
                  </a:lnTo>
                  <a:lnTo>
                    <a:pt x="704" y="407"/>
                  </a:lnTo>
                  <a:lnTo>
                    <a:pt x="703" y="407"/>
                  </a:lnTo>
                  <a:lnTo>
                    <a:pt x="701" y="409"/>
                  </a:lnTo>
                  <a:lnTo>
                    <a:pt x="701" y="407"/>
                  </a:lnTo>
                  <a:lnTo>
                    <a:pt x="699" y="407"/>
                  </a:lnTo>
                  <a:lnTo>
                    <a:pt x="697" y="407"/>
                  </a:lnTo>
                  <a:lnTo>
                    <a:pt x="695" y="407"/>
                  </a:lnTo>
                  <a:lnTo>
                    <a:pt x="693" y="407"/>
                  </a:lnTo>
                  <a:lnTo>
                    <a:pt x="691" y="407"/>
                  </a:lnTo>
                  <a:lnTo>
                    <a:pt x="690" y="409"/>
                  </a:lnTo>
                  <a:lnTo>
                    <a:pt x="688" y="412"/>
                  </a:lnTo>
                  <a:lnTo>
                    <a:pt x="686" y="414"/>
                  </a:lnTo>
                  <a:lnTo>
                    <a:pt x="684" y="414"/>
                  </a:lnTo>
                  <a:lnTo>
                    <a:pt x="684" y="416"/>
                  </a:lnTo>
                  <a:lnTo>
                    <a:pt x="682" y="420"/>
                  </a:lnTo>
                  <a:lnTo>
                    <a:pt x="680" y="422"/>
                  </a:lnTo>
                  <a:lnTo>
                    <a:pt x="679" y="422"/>
                  </a:lnTo>
                  <a:lnTo>
                    <a:pt x="677" y="423"/>
                  </a:lnTo>
                  <a:lnTo>
                    <a:pt x="675" y="425"/>
                  </a:lnTo>
                  <a:lnTo>
                    <a:pt x="673" y="425"/>
                  </a:lnTo>
                  <a:lnTo>
                    <a:pt x="673" y="427"/>
                  </a:lnTo>
                  <a:lnTo>
                    <a:pt x="671" y="427"/>
                  </a:lnTo>
                  <a:lnTo>
                    <a:pt x="669" y="429"/>
                  </a:lnTo>
                  <a:lnTo>
                    <a:pt x="667" y="431"/>
                  </a:lnTo>
                  <a:lnTo>
                    <a:pt x="666" y="435"/>
                  </a:lnTo>
                  <a:lnTo>
                    <a:pt x="664" y="436"/>
                  </a:lnTo>
                  <a:lnTo>
                    <a:pt x="662" y="438"/>
                  </a:lnTo>
                  <a:lnTo>
                    <a:pt x="660" y="438"/>
                  </a:lnTo>
                  <a:lnTo>
                    <a:pt x="658" y="440"/>
                  </a:lnTo>
                  <a:lnTo>
                    <a:pt x="654" y="440"/>
                  </a:lnTo>
                  <a:lnTo>
                    <a:pt x="653" y="440"/>
                  </a:lnTo>
                  <a:lnTo>
                    <a:pt x="653" y="442"/>
                  </a:lnTo>
                  <a:lnTo>
                    <a:pt x="649" y="444"/>
                  </a:lnTo>
                  <a:lnTo>
                    <a:pt x="647" y="444"/>
                  </a:lnTo>
                  <a:lnTo>
                    <a:pt x="645" y="444"/>
                  </a:lnTo>
                  <a:lnTo>
                    <a:pt x="643" y="444"/>
                  </a:lnTo>
                  <a:lnTo>
                    <a:pt x="642" y="444"/>
                  </a:lnTo>
                  <a:lnTo>
                    <a:pt x="640" y="444"/>
                  </a:lnTo>
                  <a:lnTo>
                    <a:pt x="638" y="444"/>
                  </a:lnTo>
                  <a:lnTo>
                    <a:pt x="636" y="446"/>
                  </a:lnTo>
                  <a:lnTo>
                    <a:pt x="634" y="446"/>
                  </a:lnTo>
                  <a:lnTo>
                    <a:pt x="632" y="446"/>
                  </a:lnTo>
                  <a:lnTo>
                    <a:pt x="630" y="446"/>
                  </a:lnTo>
                  <a:lnTo>
                    <a:pt x="629" y="448"/>
                  </a:lnTo>
                  <a:lnTo>
                    <a:pt x="627" y="448"/>
                  </a:lnTo>
                  <a:lnTo>
                    <a:pt x="625" y="448"/>
                  </a:lnTo>
                  <a:lnTo>
                    <a:pt x="623" y="448"/>
                  </a:lnTo>
                  <a:lnTo>
                    <a:pt x="621" y="448"/>
                  </a:lnTo>
                  <a:lnTo>
                    <a:pt x="619" y="448"/>
                  </a:lnTo>
                  <a:lnTo>
                    <a:pt x="619" y="449"/>
                  </a:lnTo>
                  <a:lnTo>
                    <a:pt x="618" y="449"/>
                  </a:lnTo>
                  <a:lnTo>
                    <a:pt x="614" y="449"/>
                  </a:lnTo>
                  <a:lnTo>
                    <a:pt x="612" y="449"/>
                  </a:lnTo>
                  <a:lnTo>
                    <a:pt x="610" y="451"/>
                  </a:lnTo>
                  <a:lnTo>
                    <a:pt x="608" y="451"/>
                  </a:lnTo>
                  <a:lnTo>
                    <a:pt x="606" y="451"/>
                  </a:lnTo>
                  <a:lnTo>
                    <a:pt x="605" y="449"/>
                  </a:lnTo>
                  <a:lnTo>
                    <a:pt x="603" y="449"/>
                  </a:lnTo>
                  <a:lnTo>
                    <a:pt x="599" y="449"/>
                  </a:lnTo>
                  <a:lnTo>
                    <a:pt x="595" y="448"/>
                  </a:lnTo>
                  <a:lnTo>
                    <a:pt x="593" y="448"/>
                  </a:lnTo>
                  <a:lnTo>
                    <a:pt x="593" y="446"/>
                  </a:lnTo>
                  <a:lnTo>
                    <a:pt x="592" y="446"/>
                  </a:lnTo>
                  <a:lnTo>
                    <a:pt x="590" y="446"/>
                  </a:lnTo>
                  <a:lnTo>
                    <a:pt x="588" y="444"/>
                  </a:lnTo>
                  <a:lnTo>
                    <a:pt x="586" y="444"/>
                  </a:lnTo>
                  <a:lnTo>
                    <a:pt x="584" y="444"/>
                  </a:lnTo>
                  <a:lnTo>
                    <a:pt x="584" y="446"/>
                  </a:lnTo>
                  <a:lnTo>
                    <a:pt x="582" y="446"/>
                  </a:lnTo>
                  <a:lnTo>
                    <a:pt x="581" y="446"/>
                  </a:lnTo>
                  <a:lnTo>
                    <a:pt x="581" y="448"/>
                  </a:lnTo>
                  <a:lnTo>
                    <a:pt x="577" y="448"/>
                  </a:lnTo>
                  <a:lnTo>
                    <a:pt x="573" y="449"/>
                  </a:lnTo>
                  <a:lnTo>
                    <a:pt x="569" y="448"/>
                  </a:lnTo>
                  <a:lnTo>
                    <a:pt x="564" y="448"/>
                  </a:lnTo>
                  <a:lnTo>
                    <a:pt x="562" y="448"/>
                  </a:lnTo>
                  <a:lnTo>
                    <a:pt x="560" y="448"/>
                  </a:lnTo>
                  <a:lnTo>
                    <a:pt x="558" y="448"/>
                  </a:lnTo>
                  <a:lnTo>
                    <a:pt x="557" y="448"/>
                  </a:lnTo>
                  <a:lnTo>
                    <a:pt x="555" y="448"/>
                  </a:lnTo>
                  <a:lnTo>
                    <a:pt x="553" y="446"/>
                  </a:lnTo>
                  <a:lnTo>
                    <a:pt x="551" y="446"/>
                  </a:lnTo>
                  <a:lnTo>
                    <a:pt x="549" y="444"/>
                  </a:lnTo>
                  <a:lnTo>
                    <a:pt x="547" y="444"/>
                  </a:lnTo>
                  <a:lnTo>
                    <a:pt x="545" y="442"/>
                  </a:lnTo>
                  <a:lnTo>
                    <a:pt x="532" y="442"/>
                  </a:lnTo>
                  <a:lnTo>
                    <a:pt x="523" y="440"/>
                  </a:lnTo>
                  <a:lnTo>
                    <a:pt x="523" y="438"/>
                  </a:lnTo>
                  <a:lnTo>
                    <a:pt x="521" y="438"/>
                  </a:lnTo>
                  <a:lnTo>
                    <a:pt x="520" y="438"/>
                  </a:lnTo>
                  <a:lnTo>
                    <a:pt x="518" y="440"/>
                  </a:lnTo>
                  <a:lnTo>
                    <a:pt x="516" y="440"/>
                  </a:lnTo>
                  <a:lnTo>
                    <a:pt x="514" y="440"/>
                  </a:lnTo>
                  <a:lnTo>
                    <a:pt x="512" y="440"/>
                  </a:lnTo>
                  <a:lnTo>
                    <a:pt x="512" y="438"/>
                  </a:lnTo>
                  <a:lnTo>
                    <a:pt x="510" y="438"/>
                  </a:lnTo>
                  <a:lnTo>
                    <a:pt x="510" y="436"/>
                  </a:lnTo>
                  <a:lnTo>
                    <a:pt x="508" y="435"/>
                  </a:lnTo>
                  <a:lnTo>
                    <a:pt x="510" y="433"/>
                  </a:lnTo>
                  <a:lnTo>
                    <a:pt x="512" y="431"/>
                  </a:lnTo>
                  <a:lnTo>
                    <a:pt x="512" y="429"/>
                  </a:lnTo>
                  <a:lnTo>
                    <a:pt x="514" y="429"/>
                  </a:lnTo>
                  <a:lnTo>
                    <a:pt x="512" y="429"/>
                  </a:lnTo>
                  <a:lnTo>
                    <a:pt x="510" y="427"/>
                  </a:lnTo>
                  <a:lnTo>
                    <a:pt x="508" y="427"/>
                  </a:lnTo>
                  <a:lnTo>
                    <a:pt x="507" y="427"/>
                  </a:lnTo>
                  <a:lnTo>
                    <a:pt x="505" y="427"/>
                  </a:lnTo>
                  <a:lnTo>
                    <a:pt x="503" y="427"/>
                  </a:lnTo>
                  <a:lnTo>
                    <a:pt x="501" y="427"/>
                  </a:lnTo>
                  <a:lnTo>
                    <a:pt x="499" y="427"/>
                  </a:lnTo>
                  <a:lnTo>
                    <a:pt x="497" y="427"/>
                  </a:lnTo>
                  <a:lnTo>
                    <a:pt x="496" y="427"/>
                  </a:lnTo>
                  <a:lnTo>
                    <a:pt x="494" y="427"/>
                  </a:lnTo>
                  <a:lnTo>
                    <a:pt x="492" y="427"/>
                  </a:lnTo>
                  <a:lnTo>
                    <a:pt x="490" y="427"/>
                  </a:lnTo>
                  <a:lnTo>
                    <a:pt x="488" y="427"/>
                  </a:lnTo>
                  <a:lnTo>
                    <a:pt x="486" y="427"/>
                  </a:lnTo>
                  <a:lnTo>
                    <a:pt x="484" y="429"/>
                  </a:lnTo>
                  <a:lnTo>
                    <a:pt x="481" y="427"/>
                  </a:lnTo>
                  <a:lnTo>
                    <a:pt x="479" y="427"/>
                  </a:lnTo>
                  <a:lnTo>
                    <a:pt x="477" y="429"/>
                  </a:lnTo>
                  <a:lnTo>
                    <a:pt x="475" y="429"/>
                  </a:lnTo>
                  <a:lnTo>
                    <a:pt x="473" y="429"/>
                  </a:lnTo>
                  <a:lnTo>
                    <a:pt x="471" y="429"/>
                  </a:lnTo>
                  <a:lnTo>
                    <a:pt x="470" y="429"/>
                  </a:lnTo>
                  <a:lnTo>
                    <a:pt x="468" y="429"/>
                  </a:lnTo>
                  <a:lnTo>
                    <a:pt x="466" y="431"/>
                  </a:lnTo>
                  <a:lnTo>
                    <a:pt x="466" y="429"/>
                  </a:lnTo>
                  <a:lnTo>
                    <a:pt x="464" y="431"/>
                  </a:lnTo>
                  <a:lnTo>
                    <a:pt x="460" y="429"/>
                  </a:lnTo>
                  <a:lnTo>
                    <a:pt x="459" y="429"/>
                  </a:lnTo>
                  <a:lnTo>
                    <a:pt x="457" y="429"/>
                  </a:lnTo>
                  <a:lnTo>
                    <a:pt x="455" y="429"/>
                  </a:lnTo>
                  <a:lnTo>
                    <a:pt x="453" y="429"/>
                  </a:lnTo>
                  <a:lnTo>
                    <a:pt x="451" y="431"/>
                  </a:lnTo>
                  <a:lnTo>
                    <a:pt x="449" y="433"/>
                  </a:lnTo>
                  <a:lnTo>
                    <a:pt x="451" y="433"/>
                  </a:lnTo>
                  <a:lnTo>
                    <a:pt x="453" y="433"/>
                  </a:lnTo>
                  <a:lnTo>
                    <a:pt x="455" y="435"/>
                  </a:lnTo>
                  <a:lnTo>
                    <a:pt x="457" y="435"/>
                  </a:lnTo>
                  <a:lnTo>
                    <a:pt x="459" y="436"/>
                  </a:lnTo>
                  <a:lnTo>
                    <a:pt x="457" y="436"/>
                  </a:lnTo>
                  <a:lnTo>
                    <a:pt x="455" y="438"/>
                  </a:lnTo>
                  <a:lnTo>
                    <a:pt x="453" y="440"/>
                  </a:lnTo>
                  <a:lnTo>
                    <a:pt x="451" y="440"/>
                  </a:lnTo>
                  <a:lnTo>
                    <a:pt x="451" y="442"/>
                  </a:lnTo>
                  <a:lnTo>
                    <a:pt x="451" y="444"/>
                  </a:lnTo>
                  <a:lnTo>
                    <a:pt x="453" y="444"/>
                  </a:lnTo>
                  <a:lnTo>
                    <a:pt x="453" y="446"/>
                  </a:lnTo>
                  <a:lnTo>
                    <a:pt x="453" y="448"/>
                  </a:lnTo>
                  <a:lnTo>
                    <a:pt x="455" y="448"/>
                  </a:lnTo>
                  <a:lnTo>
                    <a:pt x="457" y="448"/>
                  </a:lnTo>
                  <a:lnTo>
                    <a:pt x="457" y="446"/>
                  </a:lnTo>
                  <a:lnTo>
                    <a:pt x="459" y="448"/>
                  </a:lnTo>
                  <a:lnTo>
                    <a:pt x="459" y="449"/>
                  </a:lnTo>
                  <a:lnTo>
                    <a:pt x="459" y="451"/>
                  </a:lnTo>
                  <a:lnTo>
                    <a:pt x="459" y="453"/>
                  </a:lnTo>
                  <a:lnTo>
                    <a:pt x="459" y="451"/>
                  </a:lnTo>
                  <a:lnTo>
                    <a:pt x="457" y="451"/>
                  </a:lnTo>
                  <a:lnTo>
                    <a:pt x="457" y="453"/>
                  </a:lnTo>
                  <a:lnTo>
                    <a:pt x="457" y="455"/>
                  </a:lnTo>
                  <a:lnTo>
                    <a:pt x="457" y="457"/>
                  </a:lnTo>
                  <a:lnTo>
                    <a:pt x="457" y="459"/>
                  </a:lnTo>
                  <a:lnTo>
                    <a:pt x="457" y="460"/>
                  </a:lnTo>
                  <a:lnTo>
                    <a:pt x="457" y="462"/>
                  </a:lnTo>
                  <a:lnTo>
                    <a:pt x="457" y="464"/>
                  </a:lnTo>
                  <a:lnTo>
                    <a:pt x="457" y="466"/>
                  </a:lnTo>
                  <a:lnTo>
                    <a:pt x="457" y="468"/>
                  </a:lnTo>
                  <a:lnTo>
                    <a:pt x="457" y="470"/>
                  </a:lnTo>
                  <a:lnTo>
                    <a:pt x="455" y="472"/>
                  </a:lnTo>
                  <a:lnTo>
                    <a:pt x="453" y="472"/>
                  </a:lnTo>
                  <a:lnTo>
                    <a:pt x="451" y="472"/>
                  </a:lnTo>
                  <a:lnTo>
                    <a:pt x="449" y="473"/>
                  </a:lnTo>
                  <a:lnTo>
                    <a:pt x="447" y="473"/>
                  </a:lnTo>
                  <a:lnTo>
                    <a:pt x="446" y="473"/>
                  </a:lnTo>
                  <a:lnTo>
                    <a:pt x="446" y="475"/>
                  </a:lnTo>
                  <a:lnTo>
                    <a:pt x="444" y="475"/>
                  </a:lnTo>
                  <a:lnTo>
                    <a:pt x="442" y="475"/>
                  </a:lnTo>
                  <a:lnTo>
                    <a:pt x="440" y="475"/>
                  </a:lnTo>
                  <a:lnTo>
                    <a:pt x="438" y="475"/>
                  </a:lnTo>
                  <a:lnTo>
                    <a:pt x="438" y="477"/>
                  </a:lnTo>
                  <a:lnTo>
                    <a:pt x="436" y="477"/>
                  </a:lnTo>
                  <a:lnTo>
                    <a:pt x="435" y="479"/>
                  </a:lnTo>
                  <a:lnTo>
                    <a:pt x="433" y="479"/>
                  </a:lnTo>
                  <a:lnTo>
                    <a:pt x="431" y="479"/>
                  </a:lnTo>
                  <a:lnTo>
                    <a:pt x="431" y="481"/>
                  </a:lnTo>
                  <a:lnTo>
                    <a:pt x="429" y="481"/>
                  </a:lnTo>
                  <a:lnTo>
                    <a:pt x="429" y="483"/>
                  </a:lnTo>
                  <a:lnTo>
                    <a:pt x="427" y="483"/>
                  </a:lnTo>
                  <a:lnTo>
                    <a:pt x="427" y="485"/>
                  </a:lnTo>
                  <a:lnTo>
                    <a:pt x="427" y="486"/>
                  </a:lnTo>
                  <a:lnTo>
                    <a:pt x="425" y="488"/>
                  </a:lnTo>
                  <a:lnTo>
                    <a:pt x="425" y="490"/>
                  </a:lnTo>
                  <a:lnTo>
                    <a:pt x="425" y="492"/>
                  </a:lnTo>
                  <a:lnTo>
                    <a:pt x="427" y="492"/>
                  </a:lnTo>
                  <a:lnTo>
                    <a:pt x="427" y="494"/>
                  </a:lnTo>
                  <a:lnTo>
                    <a:pt x="429" y="494"/>
                  </a:lnTo>
                  <a:lnTo>
                    <a:pt x="429" y="496"/>
                  </a:lnTo>
                  <a:lnTo>
                    <a:pt x="427" y="496"/>
                  </a:lnTo>
                  <a:lnTo>
                    <a:pt x="427" y="497"/>
                  </a:lnTo>
                  <a:lnTo>
                    <a:pt x="425" y="497"/>
                  </a:lnTo>
                  <a:lnTo>
                    <a:pt x="425" y="499"/>
                  </a:lnTo>
                  <a:lnTo>
                    <a:pt x="423" y="499"/>
                  </a:lnTo>
                  <a:lnTo>
                    <a:pt x="422" y="501"/>
                  </a:lnTo>
                  <a:lnTo>
                    <a:pt x="422" y="503"/>
                  </a:lnTo>
                  <a:lnTo>
                    <a:pt x="422" y="505"/>
                  </a:lnTo>
                  <a:lnTo>
                    <a:pt x="422" y="507"/>
                  </a:lnTo>
                  <a:lnTo>
                    <a:pt x="422" y="509"/>
                  </a:lnTo>
                  <a:lnTo>
                    <a:pt x="423" y="509"/>
                  </a:lnTo>
                  <a:lnTo>
                    <a:pt x="425" y="509"/>
                  </a:lnTo>
                  <a:lnTo>
                    <a:pt x="425" y="507"/>
                  </a:lnTo>
                  <a:lnTo>
                    <a:pt x="427" y="507"/>
                  </a:lnTo>
                  <a:lnTo>
                    <a:pt x="429" y="507"/>
                  </a:lnTo>
                  <a:lnTo>
                    <a:pt x="431" y="507"/>
                  </a:lnTo>
                  <a:lnTo>
                    <a:pt x="433" y="509"/>
                  </a:lnTo>
                  <a:lnTo>
                    <a:pt x="433" y="510"/>
                  </a:lnTo>
                  <a:lnTo>
                    <a:pt x="431" y="512"/>
                  </a:lnTo>
                  <a:lnTo>
                    <a:pt x="429" y="512"/>
                  </a:lnTo>
                  <a:lnTo>
                    <a:pt x="431" y="512"/>
                  </a:lnTo>
                  <a:lnTo>
                    <a:pt x="433" y="514"/>
                  </a:lnTo>
                  <a:lnTo>
                    <a:pt x="435" y="518"/>
                  </a:lnTo>
                  <a:lnTo>
                    <a:pt x="436" y="522"/>
                  </a:lnTo>
                  <a:lnTo>
                    <a:pt x="438" y="523"/>
                  </a:lnTo>
                  <a:lnTo>
                    <a:pt x="438" y="525"/>
                  </a:lnTo>
                  <a:lnTo>
                    <a:pt x="436" y="525"/>
                  </a:lnTo>
                  <a:lnTo>
                    <a:pt x="435" y="525"/>
                  </a:lnTo>
                  <a:lnTo>
                    <a:pt x="433" y="525"/>
                  </a:lnTo>
                  <a:lnTo>
                    <a:pt x="433" y="527"/>
                  </a:lnTo>
                  <a:lnTo>
                    <a:pt x="431" y="527"/>
                  </a:lnTo>
                  <a:lnTo>
                    <a:pt x="429" y="529"/>
                  </a:lnTo>
                  <a:lnTo>
                    <a:pt x="427" y="529"/>
                  </a:lnTo>
                  <a:lnTo>
                    <a:pt x="425" y="529"/>
                  </a:lnTo>
                  <a:lnTo>
                    <a:pt x="423" y="531"/>
                  </a:lnTo>
                  <a:lnTo>
                    <a:pt x="422" y="531"/>
                  </a:lnTo>
                  <a:lnTo>
                    <a:pt x="420" y="531"/>
                  </a:lnTo>
                  <a:lnTo>
                    <a:pt x="418" y="531"/>
                  </a:lnTo>
                  <a:lnTo>
                    <a:pt x="418" y="533"/>
                  </a:lnTo>
                  <a:lnTo>
                    <a:pt x="416" y="534"/>
                  </a:lnTo>
                  <a:lnTo>
                    <a:pt x="416" y="533"/>
                  </a:lnTo>
                  <a:lnTo>
                    <a:pt x="414" y="533"/>
                  </a:lnTo>
                  <a:lnTo>
                    <a:pt x="412" y="533"/>
                  </a:lnTo>
                  <a:lnTo>
                    <a:pt x="410" y="531"/>
                  </a:lnTo>
                  <a:lnTo>
                    <a:pt x="409" y="531"/>
                  </a:lnTo>
                  <a:lnTo>
                    <a:pt x="407" y="531"/>
                  </a:lnTo>
                  <a:lnTo>
                    <a:pt x="405" y="531"/>
                  </a:lnTo>
                  <a:lnTo>
                    <a:pt x="403" y="531"/>
                  </a:lnTo>
                  <a:lnTo>
                    <a:pt x="401" y="531"/>
                  </a:lnTo>
                  <a:lnTo>
                    <a:pt x="399" y="531"/>
                  </a:lnTo>
                  <a:lnTo>
                    <a:pt x="398" y="531"/>
                  </a:lnTo>
                  <a:lnTo>
                    <a:pt x="396" y="531"/>
                  </a:lnTo>
                  <a:lnTo>
                    <a:pt x="394" y="531"/>
                  </a:lnTo>
                  <a:lnTo>
                    <a:pt x="392" y="531"/>
                  </a:lnTo>
                  <a:lnTo>
                    <a:pt x="390" y="531"/>
                  </a:lnTo>
                  <a:lnTo>
                    <a:pt x="390" y="533"/>
                  </a:lnTo>
                  <a:lnTo>
                    <a:pt x="388" y="533"/>
                  </a:lnTo>
                  <a:lnTo>
                    <a:pt x="386" y="533"/>
                  </a:lnTo>
                  <a:lnTo>
                    <a:pt x="385" y="533"/>
                  </a:lnTo>
                  <a:lnTo>
                    <a:pt x="383" y="534"/>
                  </a:lnTo>
                  <a:lnTo>
                    <a:pt x="381" y="534"/>
                  </a:lnTo>
                  <a:lnTo>
                    <a:pt x="379" y="536"/>
                  </a:lnTo>
                  <a:lnTo>
                    <a:pt x="377" y="536"/>
                  </a:lnTo>
                  <a:lnTo>
                    <a:pt x="375" y="534"/>
                  </a:lnTo>
                  <a:lnTo>
                    <a:pt x="374" y="534"/>
                  </a:lnTo>
                  <a:lnTo>
                    <a:pt x="372" y="534"/>
                  </a:lnTo>
                  <a:lnTo>
                    <a:pt x="370" y="534"/>
                  </a:lnTo>
                  <a:lnTo>
                    <a:pt x="368" y="534"/>
                  </a:lnTo>
                  <a:lnTo>
                    <a:pt x="366" y="534"/>
                  </a:lnTo>
                  <a:lnTo>
                    <a:pt x="364" y="534"/>
                  </a:lnTo>
                  <a:lnTo>
                    <a:pt x="362" y="534"/>
                  </a:lnTo>
                  <a:lnTo>
                    <a:pt x="362" y="536"/>
                  </a:lnTo>
                  <a:lnTo>
                    <a:pt x="361" y="536"/>
                  </a:lnTo>
                  <a:lnTo>
                    <a:pt x="361" y="538"/>
                  </a:lnTo>
                  <a:lnTo>
                    <a:pt x="359" y="538"/>
                  </a:lnTo>
                  <a:lnTo>
                    <a:pt x="359" y="540"/>
                  </a:lnTo>
                  <a:lnTo>
                    <a:pt x="357" y="540"/>
                  </a:lnTo>
                  <a:lnTo>
                    <a:pt x="357" y="542"/>
                  </a:lnTo>
                  <a:lnTo>
                    <a:pt x="357" y="544"/>
                  </a:lnTo>
                  <a:lnTo>
                    <a:pt x="357" y="546"/>
                  </a:lnTo>
                  <a:lnTo>
                    <a:pt x="355" y="546"/>
                  </a:lnTo>
                  <a:lnTo>
                    <a:pt x="353" y="546"/>
                  </a:lnTo>
                  <a:lnTo>
                    <a:pt x="351" y="546"/>
                  </a:lnTo>
                  <a:lnTo>
                    <a:pt x="349" y="546"/>
                  </a:lnTo>
                  <a:lnTo>
                    <a:pt x="346" y="546"/>
                  </a:lnTo>
                  <a:lnTo>
                    <a:pt x="344" y="546"/>
                  </a:lnTo>
                  <a:lnTo>
                    <a:pt x="344" y="544"/>
                  </a:lnTo>
                  <a:lnTo>
                    <a:pt x="344" y="542"/>
                  </a:lnTo>
                  <a:lnTo>
                    <a:pt x="342" y="542"/>
                  </a:lnTo>
                  <a:lnTo>
                    <a:pt x="342" y="540"/>
                  </a:lnTo>
                  <a:lnTo>
                    <a:pt x="344" y="538"/>
                  </a:lnTo>
                  <a:lnTo>
                    <a:pt x="346" y="536"/>
                  </a:lnTo>
                  <a:lnTo>
                    <a:pt x="344" y="536"/>
                  </a:lnTo>
                  <a:lnTo>
                    <a:pt x="344" y="534"/>
                  </a:lnTo>
                  <a:lnTo>
                    <a:pt x="344" y="533"/>
                  </a:lnTo>
                  <a:lnTo>
                    <a:pt x="342" y="531"/>
                  </a:lnTo>
                  <a:lnTo>
                    <a:pt x="340" y="529"/>
                  </a:lnTo>
                  <a:lnTo>
                    <a:pt x="338" y="531"/>
                  </a:lnTo>
                  <a:lnTo>
                    <a:pt x="337" y="533"/>
                  </a:lnTo>
                  <a:lnTo>
                    <a:pt x="335" y="533"/>
                  </a:lnTo>
                  <a:lnTo>
                    <a:pt x="333" y="533"/>
                  </a:lnTo>
                  <a:lnTo>
                    <a:pt x="333" y="531"/>
                  </a:lnTo>
                  <a:lnTo>
                    <a:pt x="333" y="529"/>
                  </a:lnTo>
                  <a:lnTo>
                    <a:pt x="333" y="527"/>
                  </a:lnTo>
                  <a:lnTo>
                    <a:pt x="333" y="525"/>
                  </a:lnTo>
                  <a:lnTo>
                    <a:pt x="333" y="523"/>
                  </a:lnTo>
                  <a:lnTo>
                    <a:pt x="331" y="525"/>
                  </a:lnTo>
                  <a:lnTo>
                    <a:pt x="327" y="527"/>
                  </a:lnTo>
                  <a:lnTo>
                    <a:pt x="325" y="527"/>
                  </a:lnTo>
                  <a:lnTo>
                    <a:pt x="324" y="529"/>
                  </a:lnTo>
                  <a:lnTo>
                    <a:pt x="320" y="531"/>
                  </a:lnTo>
                  <a:lnTo>
                    <a:pt x="318" y="531"/>
                  </a:lnTo>
                  <a:lnTo>
                    <a:pt x="316" y="531"/>
                  </a:lnTo>
                  <a:lnTo>
                    <a:pt x="314" y="533"/>
                  </a:lnTo>
                  <a:lnTo>
                    <a:pt x="313" y="533"/>
                  </a:lnTo>
                  <a:lnTo>
                    <a:pt x="309" y="533"/>
                  </a:lnTo>
                  <a:lnTo>
                    <a:pt x="307" y="533"/>
                  </a:lnTo>
                  <a:lnTo>
                    <a:pt x="305" y="534"/>
                  </a:lnTo>
                  <a:lnTo>
                    <a:pt x="303" y="536"/>
                  </a:lnTo>
                  <a:lnTo>
                    <a:pt x="301" y="538"/>
                  </a:lnTo>
                  <a:lnTo>
                    <a:pt x="301" y="540"/>
                  </a:lnTo>
                  <a:lnTo>
                    <a:pt x="303" y="542"/>
                  </a:lnTo>
                  <a:lnTo>
                    <a:pt x="301" y="544"/>
                  </a:lnTo>
                  <a:lnTo>
                    <a:pt x="301" y="546"/>
                  </a:lnTo>
                  <a:lnTo>
                    <a:pt x="301" y="549"/>
                  </a:lnTo>
                  <a:lnTo>
                    <a:pt x="301" y="551"/>
                  </a:lnTo>
                  <a:lnTo>
                    <a:pt x="303" y="551"/>
                  </a:lnTo>
                  <a:lnTo>
                    <a:pt x="303" y="553"/>
                  </a:lnTo>
                  <a:lnTo>
                    <a:pt x="303" y="557"/>
                  </a:lnTo>
                  <a:lnTo>
                    <a:pt x="303" y="559"/>
                  </a:lnTo>
                  <a:lnTo>
                    <a:pt x="301" y="560"/>
                  </a:lnTo>
                  <a:lnTo>
                    <a:pt x="300" y="560"/>
                  </a:lnTo>
                  <a:lnTo>
                    <a:pt x="300" y="562"/>
                  </a:lnTo>
                  <a:lnTo>
                    <a:pt x="298" y="562"/>
                  </a:lnTo>
                  <a:lnTo>
                    <a:pt x="296" y="562"/>
                  </a:lnTo>
                  <a:lnTo>
                    <a:pt x="296" y="564"/>
                  </a:lnTo>
                  <a:lnTo>
                    <a:pt x="294" y="564"/>
                  </a:lnTo>
                  <a:lnTo>
                    <a:pt x="292" y="564"/>
                  </a:lnTo>
                  <a:lnTo>
                    <a:pt x="290" y="564"/>
                  </a:lnTo>
                  <a:lnTo>
                    <a:pt x="288" y="566"/>
                  </a:lnTo>
                  <a:lnTo>
                    <a:pt x="287" y="568"/>
                  </a:lnTo>
                  <a:lnTo>
                    <a:pt x="287" y="570"/>
                  </a:lnTo>
                  <a:lnTo>
                    <a:pt x="283" y="573"/>
                  </a:lnTo>
                  <a:lnTo>
                    <a:pt x="283" y="575"/>
                  </a:lnTo>
                  <a:lnTo>
                    <a:pt x="285" y="577"/>
                  </a:lnTo>
                  <a:lnTo>
                    <a:pt x="283" y="577"/>
                  </a:lnTo>
                  <a:lnTo>
                    <a:pt x="281" y="581"/>
                  </a:lnTo>
                  <a:lnTo>
                    <a:pt x="279" y="584"/>
                  </a:lnTo>
                  <a:lnTo>
                    <a:pt x="274" y="594"/>
                  </a:lnTo>
                  <a:lnTo>
                    <a:pt x="272" y="601"/>
                  </a:lnTo>
                  <a:lnTo>
                    <a:pt x="268" y="605"/>
                  </a:lnTo>
                  <a:lnTo>
                    <a:pt x="268" y="608"/>
                  </a:lnTo>
                  <a:lnTo>
                    <a:pt x="264" y="616"/>
                  </a:lnTo>
                  <a:lnTo>
                    <a:pt x="259" y="623"/>
                  </a:lnTo>
                  <a:lnTo>
                    <a:pt x="257" y="625"/>
                  </a:lnTo>
                  <a:lnTo>
                    <a:pt x="255" y="629"/>
                  </a:lnTo>
                  <a:lnTo>
                    <a:pt x="248" y="631"/>
                  </a:lnTo>
                  <a:lnTo>
                    <a:pt x="244" y="631"/>
                  </a:lnTo>
                  <a:lnTo>
                    <a:pt x="240" y="633"/>
                  </a:lnTo>
                  <a:lnTo>
                    <a:pt x="235" y="633"/>
                  </a:lnTo>
                  <a:lnTo>
                    <a:pt x="231" y="634"/>
                  </a:lnTo>
                  <a:lnTo>
                    <a:pt x="226" y="634"/>
                  </a:lnTo>
                  <a:lnTo>
                    <a:pt x="216" y="634"/>
                  </a:lnTo>
                  <a:lnTo>
                    <a:pt x="215" y="644"/>
                  </a:lnTo>
                  <a:lnTo>
                    <a:pt x="215" y="645"/>
                  </a:lnTo>
                  <a:lnTo>
                    <a:pt x="215" y="647"/>
                  </a:lnTo>
                  <a:lnTo>
                    <a:pt x="213" y="649"/>
                  </a:lnTo>
                  <a:lnTo>
                    <a:pt x="211" y="651"/>
                  </a:lnTo>
                  <a:lnTo>
                    <a:pt x="209" y="653"/>
                  </a:lnTo>
                  <a:lnTo>
                    <a:pt x="209" y="655"/>
                  </a:lnTo>
                  <a:lnTo>
                    <a:pt x="207" y="655"/>
                  </a:lnTo>
                  <a:lnTo>
                    <a:pt x="209" y="657"/>
                  </a:lnTo>
                  <a:lnTo>
                    <a:pt x="207" y="658"/>
                  </a:lnTo>
                  <a:lnTo>
                    <a:pt x="207" y="660"/>
                  </a:lnTo>
                  <a:lnTo>
                    <a:pt x="205" y="662"/>
                  </a:lnTo>
                  <a:lnTo>
                    <a:pt x="205" y="664"/>
                  </a:lnTo>
                  <a:lnTo>
                    <a:pt x="203" y="664"/>
                  </a:lnTo>
                  <a:lnTo>
                    <a:pt x="203" y="666"/>
                  </a:lnTo>
                  <a:lnTo>
                    <a:pt x="203" y="668"/>
                  </a:lnTo>
                  <a:lnTo>
                    <a:pt x="202" y="668"/>
                  </a:lnTo>
                  <a:lnTo>
                    <a:pt x="202" y="670"/>
                  </a:lnTo>
                  <a:lnTo>
                    <a:pt x="198" y="670"/>
                  </a:lnTo>
                  <a:lnTo>
                    <a:pt x="198" y="671"/>
                  </a:lnTo>
                  <a:lnTo>
                    <a:pt x="196" y="673"/>
                  </a:lnTo>
                  <a:lnTo>
                    <a:pt x="194" y="673"/>
                  </a:lnTo>
                  <a:lnTo>
                    <a:pt x="194" y="671"/>
                  </a:lnTo>
                  <a:lnTo>
                    <a:pt x="192" y="671"/>
                  </a:lnTo>
                  <a:lnTo>
                    <a:pt x="191" y="671"/>
                  </a:lnTo>
                  <a:lnTo>
                    <a:pt x="189" y="670"/>
                  </a:lnTo>
                  <a:lnTo>
                    <a:pt x="187" y="668"/>
                  </a:lnTo>
                  <a:lnTo>
                    <a:pt x="185" y="666"/>
                  </a:lnTo>
                  <a:lnTo>
                    <a:pt x="185" y="664"/>
                  </a:lnTo>
                  <a:lnTo>
                    <a:pt x="183" y="662"/>
                  </a:lnTo>
                  <a:lnTo>
                    <a:pt x="183" y="660"/>
                  </a:lnTo>
                  <a:lnTo>
                    <a:pt x="181" y="660"/>
                  </a:lnTo>
                  <a:lnTo>
                    <a:pt x="181" y="658"/>
                  </a:lnTo>
                  <a:lnTo>
                    <a:pt x="179" y="658"/>
                  </a:lnTo>
                  <a:lnTo>
                    <a:pt x="176" y="658"/>
                  </a:lnTo>
                  <a:lnTo>
                    <a:pt x="172" y="657"/>
                  </a:lnTo>
                  <a:lnTo>
                    <a:pt x="168" y="657"/>
                  </a:lnTo>
                  <a:lnTo>
                    <a:pt x="168" y="658"/>
                  </a:lnTo>
                  <a:lnTo>
                    <a:pt x="166" y="657"/>
                  </a:lnTo>
                  <a:lnTo>
                    <a:pt x="166" y="658"/>
                  </a:lnTo>
                  <a:lnTo>
                    <a:pt x="165" y="658"/>
                  </a:lnTo>
                  <a:lnTo>
                    <a:pt x="163" y="658"/>
                  </a:lnTo>
                  <a:lnTo>
                    <a:pt x="161" y="660"/>
                  </a:lnTo>
                  <a:lnTo>
                    <a:pt x="159" y="657"/>
                  </a:lnTo>
                  <a:lnTo>
                    <a:pt x="157" y="657"/>
                  </a:lnTo>
                  <a:lnTo>
                    <a:pt x="157" y="655"/>
                  </a:lnTo>
                  <a:lnTo>
                    <a:pt x="161" y="653"/>
                  </a:lnTo>
                  <a:lnTo>
                    <a:pt x="157" y="649"/>
                  </a:lnTo>
                  <a:lnTo>
                    <a:pt x="155" y="649"/>
                  </a:lnTo>
                  <a:lnTo>
                    <a:pt x="157" y="647"/>
                  </a:lnTo>
                  <a:lnTo>
                    <a:pt x="155" y="647"/>
                  </a:lnTo>
                  <a:lnTo>
                    <a:pt x="155" y="645"/>
                  </a:lnTo>
                  <a:lnTo>
                    <a:pt x="146" y="651"/>
                  </a:lnTo>
                  <a:lnTo>
                    <a:pt x="141" y="651"/>
                  </a:lnTo>
                  <a:lnTo>
                    <a:pt x="141" y="653"/>
                  </a:lnTo>
                  <a:lnTo>
                    <a:pt x="139" y="658"/>
                  </a:lnTo>
                  <a:lnTo>
                    <a:pt x="141" y="658"/>
                  </a:lnTo>
                  <a:lnTo>
                    <a:pt x="139" y="660"/>
                  </a:lnTo>
                  <a:lnTo>
                    <a:pt x="137" y="671"/>
                  </a:lnTo>
                  <a:lnTo>
                    <a:pt x="135" y="673"/>
                  </a:lnTo>
                  <a:lnTo>
                    <a:pt x="131" y="675"/>
                  </a:lnTo>
                  <a:lnTo>
                    <a:pt x="124" y="682"/>
                  </a:lnTo>
                  <a:lnTo>
                    <a:pt x="118" y="686"/>
                  </a:lnTo>
                  <a:lnTo>
                    <a:pt x="117" y="688"/>
                  </a:lnTo>
                  <a:lnTo>
                    <a:pt x="109" y="692"/>
                  </a:lnTo>
                  <a:lnTo>
                    <a:pt x="105" y="694"/>
                  </a:lnTo>
                  <a:lnTo>
                    <a:pt x="107" y="694"/>
                  </a:lnTo>
                  <a:lnTo>
                    <a:pt x="105" y="695"/>
                  </a:lnTo>
                  <a:lnTo>
                    <a:pt x="104" y="695"/>
                  </a:lnTo>
                  <a:lnTo>
                    <a:pt x="102" y="695"/>
                  </a:lnTo>
                  <a:lnTo>
                    <a:pt x="102" y="697"/>
                  </a:lnTo>
                  <a:lnTo>
                    <a:pt x="100" y="699"/>
                  </a:lnTo>
                  <a:lnTo>
                    <a:pt x="98" y="701"/>
                  </a:lnTo>
                  <a:lnTo>
                    <a:pt x="96" y="703"/>
                  </a:lnTo>
                  <a:lnTo>
                    <a:pt x="96" y="705"/>
                  </a:lnTo>
                  <a:lnTo>
                    <a:pt x="94" y="703"/>
                  </a:lnTo>
                  <a:lnTo>
                    <a:pt x="93" y="703"/>
                  </a:lnTo>
                  <a:lnTo>
                    <a:pt x="94" y="705"/>
                  </a:lnTo>
                  <a:lnTo>
                    <a:pt x="93" y="705"/>
                  </a:lnTo>
                  <a:lnTo>
                    <a:pt x="91" y="706"/>
                  </a:lnTo>
                  <a:lnTo>
                    <a:pt x="89" y="708"/>
                  </a:lnTo>
                  <a:lnTo>
                    <a:pt x="85" y="710"/>
                  </a:lnTo>
                  <a:lnTo>
                    <a:pt x="83" y="710"/>
                  </a:lnTo>
                  <a:lnTo>
                    <a:pt x="81" y="710"/>
                  </a:lnTo>
                  <a:lnTo>
                    <a:pt x="78" y="714"/>
                  </a:lnTo>
                  <a:lnTo>
                    <a:pt x="76" y="714"/>
                  </a:lnTo>
                  <a:lnTo>
                    <a:pt x="74" y="714"/>
                  </a:lnTo>
                  <a:lnTo>
                    <a:pt x="72" y="714"/>
                  </a:lnTo>
                  <a:lnTo>
                    <a:pt x="68" y="716"/>
                  </a:lnTo>
                  <a:lnTo>
                    <a:pt x="67" y="718"/>
                  </a:lnTo>
                  <a:lnTo>
                    <a:pt x="65" y="719"/>
                  </a:lnTo>
                  <a:lnTo>
                    <a:pt x="63" y="719"/>
                  </a:lnTo>
                  <a:lnTo>
                    <a:pt x="61" y="721"/>
                  </a:lnTo>
                  <a:lnTo>
                    <a:pt x="59" y="719"/>
                  </a:lnTo>
                  <a:lnTo>
                    <a:pt x="59" y="718"/>
                  </a:lnTo>
                  <a:lnTo>
                    <a:pt x="59" y="716"/>
                  </a:lnTo>
                  <a:lnTo>
                    <a:pt x="54" y="712"/>
                  </a:lnTo>
                  <a:lnTo>
                    <a:pt x="56" y="705"/>
                  </a:lnTo>
                  <a:lnTo>
                    <a:pt x="54" y="703"/>
                  </a:lnTo>
                  <a:lnTo>
                    <a:pt x="50" y="699"/>
                  </a:lnTo>
                  <a:lnTo>
                    <a:pt x="50" y="692"/>
                  </a:lnTo>
                  <a:lnTo>
                    <a:pt x="48" y="690"/>
                  </a:lnTo>
                  <a:lnTo>
                    <a:pt x="44" y="673"/>
                  </a:lnTo>
                  <a:lnTo>
                    <a:pt x="32" y="684"/>
                  </a:lnTo>
                  <a:lnTo>
                    <a:pt x="30" y="690"/>
                  </a:lnTo>
                  <a:lnTo>
                    <a:pt x="28" y="690"/>
                  </a:lnTo>
                  <a:lnTo>
                    <a:pt x="26" y="690"/>
                  </a:lnTo>
                  <a:lnTo>
                    <a:pt x="24" y="690"/>
                  </a:lnTo>
                  <a:lnTo>
                    <a:pt x="22" y="690"/>
                  </a:lnTo>
                  <a:lnTo>
                    <a:pt x="20" y="688"/>
                  </a:lnTo>
                  <a:lnTo>
                    <a:pt x="19" y="688"/>
                  </a:lnTo>
                  <a:lnTo>
                    <a:pt x="17" y="688"/>
                  </a:lnTo>
                  <a:lnTo>
                    <a:pt x="15" y="688"/>
                  </a:lnTo>
                  <a:lnTo>
                    <a:pt x="13" y="688"/>
                  </a:lnTo>
                  <a:lnTo>
                    <a:pt x="11" y="688"/>
                  </a:lnTo>
                  <a:lnTo>
                    <a:pt x="9" y="688"/>
                  </a:lnTo>
                  <a:lnTo>
                    <a:pt x="7" y="688"/>
                  </a:lnTo>
                  <a:lnTo>
                    <a:pt x="6" y="686"/>
                  </a:lnTo>
                  <a:lnTo>
                    <a:pt x="6" y="688"/>
                  </a:lnTo>
                  <a:lnTo>
                    <a:pt x="6" y="686"/>
                  </a:lnTo>
                  <a:lnTo>
                    <a:pt x="4" y="686"/>
                  </a:lnTo>
                  <a:lnTo>
                    <a:pt x="4" y="684"/>
                  </a:lnTo>
                  <a:lnTo>
                    <a:pt x="2" y="682"/>
                  </a:lnTo>
                  <a:lnTo>
                    <a:pt x="2" y="681"/>
                  </a:lnTo>
                  <a:lnTo>
                    <a:pt x="2" y="679"/>
                  </a:lnTo>
                  <a:lnTo>
                    <a:pt x="0" y="679"/>
                  </a:lnTo>
                  <a:lnTo>
                    <a:pt x="2" y="679"/>
                  </a:lnTo>
                  <a:lnTo>
                    <a:pt x="2" y="677"/>
                  </a:lnTo>
                  <a:lnTo>
                    <a:pt x="4" y="677"/>
                  </a:lnTo>
                  <a:lnTo>
                    <a:pt x="4" y="675"/>
                  </a:lnTo>
                  <a:lnTo>
                    <a:pt x="6" y="675"/>
                  </a:lnTo>
                  <a:lnTo>
                    <a:pt x="7" y="675"/>
                  </a:lnTo>
                  <a:lnTo>
                    <a:pt x="7" y="673"/>
                  </a:lnTo>
                  <a:lnTo>
                    <a:pt x="9" y="673"/>
                  </a:lnTo>
                  <a:lnTo>
                    <a:pt x="9" y="671"/>
                  </a:lnTo>
                  <a:lnTo>
                    <a:pt x="11" y="671"/>
                  </a:lnTo>
                  <a:lnTo>
                    <a:pt x="13" y="671"/>
                  </a:lnTo>
                  <a:lnTo>
                    <a:pt x="15" y="670"/>
                  </a:lnTo>
                  <a:lnTo>
                    <a:pt x="17" y="668"/>
                  </a:lnTo>
                  <a:lnTo>
                    <a:pt x="19" y="668"/>
                  </a:lnTo>
                  <a:lnTo>
                    <a:pt x="20" y="666"/>
                  </a:lnTo>
                  <a:lnTo>
                    <a:pt x="22" y="666"/>
                  </a:lnTo>
                  <a:lnTo>
                    <a:pt x="24" y="664"/>
                  </a:lnTo>
                  <a:lnTo>
                    <a:pt x="26" y="664"/>
                  </a:lnTo>
                  <a:lnTo>
                    <a:pt x="28" y="662"/>
                  </a:lnTo>
                  <a:lnTo>
                    <a:pt x="30" y="662"/>
                  </a:lnTo>
                  <a:lnTo>
                    <a:pt x="30" y="660"/>
                  </a:lnTo>
                  <a:lnTo>
                    <a:pt x="32" y="660"/>
                  </a:lnTo>
                  <a:lnTo>
                    <a:pt x="33" y="660"/>
                  </a:lnTo>
                  <a:lnTo>
                    <a:pt x="33" y="658"/>
                  </a:lnTo>
                  <a:lnTo>
                    <a:pt x="35" y="658"/>
                  </a:lnTo>
                  <a:lnTo>
                    <a:pt x="35" y="657"/>
                  </a:lnTo>
                  <a:lnTo>
                    <a:pt x="35" y="655"/>
                  </a:lnTo>
                  <a:lnTo>
                    <a:pt x="35" y="653"/>
                  </a:lnTo>
                  <a:lnTo>
                    <a:pt x="35" y="651"/>
                  </a:lnTo>
                  <a:lnTo>
                    <a:pt x="37" y="651"/>
                  </a:lnTo>
                  <a:lnTo>
                    <a:pt x="37" y="649"/>
                  </a:lnTo>
                  <a:lnTo>
                    <a:pt x="39" y="649"/>
                  </a:lnTo>
                  <a:lnTo>
                    <a:pt x="41" y="649"/>
                  </a:lnTo>
                  <a:lnTo>
                    <a:pt x="41" y="651"/>
                  </a:lnTo>
                  <a:lnTo>
                    <a:pt x="43" y="651"/>
                  </a:lnTo>
                  <a:lnTo>
                    <a:pt x="44" y="651"/>
                  </a:lnTo>
                  <a:lnTo>
                    <a:pt x="44" y="649"/>
                  </a:lnTo>
                  <a:lnTo>
                    <a:pt x="46" y="649"/>
                  </a:lnTo>
                  <a:lnTo>
                    <a:pt x="48" y="649"/>
                  </a:lnTo>
                  <a:lnTo>
                    <a:pt x="48" y="647"/>
                  </a:lnTo>
                  <a:lnTo>
                    <a:pt x="48" y="645"/>
                  </a:lnTo>
                  <a:lnTo>
                    <a:pt x="46" y="645"/>
                  </a:lnTo>
                  <a:lnTo>
                    <a:pt x="46" y="644"/>
                  </a:lnTo>
                  <a:lnTo>
                    <a:pt x="46" y="642"/>
                  </a:lnTo>
                  <a:lnTo>
                    <a:pt x="46" y="640"/>
                  </a:lnTo>
                  <a:lnTo>
                    <a:pt x="46" y="638"/>
                  </a:lnTo>
                  <a:lnTo>
                    <a:pt x="48" y="638"/>
                  </a:lnTo>
                  <a:lnTo>
                    <a:pt x="48" y="636"/>
                  </a:lnTo>
                  <a:lnTo>
                    <a:pt x="48" y="634"/>
                  </a:lnTo>
                  <a:lnTo>
                    <a:pt x="50" y="634"/>
                  </a:lnTo>
                  <a:lnTo>
                    <a:pt x="50" y="633"/>
                  </a:lnTo>
                  <a:lnTo>
                    <a:pt x="52" y="633"/>
                  </a:lnTo>
                  <a:lnTo>
                    <a:pt x="52" y="631"/>
                  </a:lnTo>
                  <a:lnTo>
                    <a:pt x="54" y="629"/>
                  </a:lnTo>
                  <a:lnTo>
                    <a:pt x="54" y="627"/>
                  </a:lnTo>
                  <a:lnTo>
                    <a:pt x="54" y="625"/>
                  </a:lnTo>
                  <a:lnTo>
                    <a:pt x="56" y="625"/>
                  </a:lnTo>
                  <a:lnTo>
                    <a:pt x="56" y="623"/>
                  </a:lnTo>
                  <a:lnTo>
                    <a:pt x="56" y="621"/>
                  </a:lnTo>
                  <a:lnTo>
                    <a:pt x="56" y="620"/>
                  </a:lnTo>
                  <a:lnTo>
                    <a:pt x="57" y="618"/>
                  </a:lnTo>
                  <a:lnTo>
                    <a:pt x="59" y="618"/>
                  </a:lnTo>
                  <a:lnTo>
                    <a:pt x="61" y="618"/>
                  </a:lnTo>
                  <a:lnTo>
                    <a:pt x="61" y="616"/>
                  </a:lnTo>
                  <a:lnTo>
                    <a:pt x="63" y="614"/>
                  </a:lnTo>
                  <a:lnTo>
                    <a:pt x="63" y="612"/>
                  </a:lnTo>
                  <a:lnTo>
                    <a:pt x="65" y="612"/>
                  </a:lnTo>
                  <a:lnTo>
                    <a:pt x="67" y="612"/>
                  </a:lnTo>
                  <a:lnTo>
                    <a:pt x="67" y="610"/>
                  </a:lnTo>
                  <a:lnTo>
                    <a:pt x="68" y="610"/>
                  </a:lnTo>
                  <a:lnTo>
                    <a:pt x="68" y="608"/>
                  </a:lnTo>
                  <a:lnTo>
                    <a:pt x="70" y="608"/>
                  </a:lnTo>
                  <a:lnTo>
                    <a:pt x="70" y="607"/>
                  </a:lnTo>
                  <a:lnTo>
                    <a:pt x="72" y="607"/>
                  </a:lnTo>
                  <a:lnTo>
                    <a:pt x="72" y="605"/>
                  </a:lnTo>
                  <a:lnTo>
                    <a:pt x="74" y="605"/>
                  </a:lnTo>
                  <a:lnTo>
                    <a:pt x="74" y="603"/>
                  </a:lnTo>
                  <a:lnTo>
                    <a:pt x="76" y="603"/>
                  </a:lnTo>
                  <a:lnTo>
                    <a:pt x="78" y="603"/>
                  </a:lnTo>
                  <a:lnTo>
                    <a:pt x="78" y="601"/>
                  </a:lnTo>
                  <a:lnTo>
                    <a:pt x="80" y="601"/>
                  </a:lnTo>
                  <a:lnTo>
                    <a:pt x="81" y="599"/>
                  </a:lnTo>
                  <a:lnTo>
                    <a:pt x="83" y="599"/>
                  </a:lnTo>
                  <a:lnTo>
                    <a:pt x="83" y="597"/>
                  </a:lnTo>
                  <a:lnTo>
                    <a:pt x="85" y="597"/>
                  </a:lnTo>
                  <a:lnTo>
                    <a:pt x="85" y="596"/>
                  </a:lnTo>
                  <a:lnTo>
                    <a:pt x="87" y="594"/>
                  </a:lnTo>
                  <a:lnTo>
                    <a:pt x="89" y="594"/>
                  </a:lnTo>
                  <a:lnTo>
                    <a:pt x="89" y="592"/>
                  </a:lnTo>
                  <a:lnTo>
                    <a:pt x="91" y="592"/>
                  </a:lnTo>
                  <a:lnTo>
                    <a:pt x="93" y="592"/>
                  </a:lnTo>
                  <a:lnTo>
                    <a:pt x="94" y="590"/>
                  </a:lnTo>
                  <a:lnTo>
                    <a:pt x="94" y="586"/>
                  </a:lnTo>
                  <a:lnTo>
                    <a:pt x="96" y="586"/>
                  </a:lnTo>
                  <a:lnTo>
                    <a:pt x="96" y="584"/>
                  </a:lnTo>
                  <a:lnTo>
                    <a:pt x="98" y="583"/>
                  </a:lnTo>
                  <a:lnTo>
                    <a:pt x="100" y="583"/>
                  </a:lnTo>
                  <a:lnTo>
                    <a:pt x="102" y="583"/>
                  </a:lnTo>
                  <a:lnTo>
                    <a:pt x="107" y="581"/>
                  </a:lnTo>
                  <a:lnTo>
                    <a:pt x="109" y="579"/>
                  </a:lnTo>
                  <a:lnTo>
                    <a:pt x="111" y="579"/>
                  </a:lnTo>
                  <a:lnTo>
                    <a:pt x="113" y="579"/>
                  </a:lnTo>
                  <a:lnTo>
                    <a:pt x="115" y="577"/>
                  </a:lnTo>
                  <a:lnTo>
                    <a:pt x="117" y="575"/>
                  </a:lnTo>
                  <a:lnTo>
                    <a:pt x="118" y="573"/>
                  </a:lnTo>
                  <a:lnTo>
                    <a:pt x="118" y="571"/>
                  </a:lnTo>
                  <a:lnTo>
                    <a:pt x="120" y="571"/>
                  </a:lnTo>
                  <a:lnTo>
                    <a:pt x="120" y="570"/>
                  </a:lnTo>
                  <a:lnTo>
                    <a:pt x="122" y="568"/>
                  </a:lnTo>
                  <a:lnTo>
                    <a:pt x="122" y="566"/>
                  </a:lnTo>
                  <a:lnTo>
                    <a:pt x="122" y="564"/>
                  </a:lnTo>
                  <a:lnTo>
                    <a:pt x="122" y="562"/>
                  </a:lnTo>
                  <a:lnTo>
                    <a:pt x="124" y="562"/>
                  </a:lnTo>
                  <a:lnTo>
                    <a:pt x="124" y="560"/>
                  </a:lnTo>
                  <a:lnTo>
                    <a:pt x="126" y="560"/>
                  </a:lnTo>
                  <a:lnTo>
                    <a:pt x="126" y="559"/>
                  </a:lnTo>
                  <a:lnTo>
                    <a:pt x="128" y="559"/>
                  </a:lnTo>
                  <a:lnTo>
                    <a:pt x="129" y="559"/>
                  </a:lnTo>
                  <a:lnTo>
                    <a:pt x="131" y="557"/>
                  </a:lnTo>
                  <a:lnTo>
                    <a:pt x="133" y="559"/>
                  </a:lnTo>
                  <a:lnTo>
                    <a:pt x="135" y="559"/>
                  </a:lnTo>
                  <a:lnTo>
                    <a:pt x="137" y="559"/>
                  </a:lnTo>
                  <a:lnTo>
                    <a:pt x="139" y="559"/>
                  </a:lnTo>
                  <a:lnTo>
                    <a:pt x="139" y="557"/>
                  </a:lnTo>
                  <a:lnTo>
                    <a:pt x="141" y="557"/>
                  </a:lnTo>
                  <a:lnTo>
                    <a:pt x="141" y="555"/>
                  </a:lnTo>
                  <a:lnTo>
                    <a:pt x="142" y="555"/>
                  </a:lnTo>
                  <a:lnTo>
                    <a:pt x="142" y="553"/>
                  </a:lnTo>
                  <a:lnTo>
                    <a:pt x="142" y="549"/>
                  </a:lnTo>
                  <a:lnTo>
                    <a:pt x="144" y="549"/>
                  </a:lnTo>
                  <a:lnTo>
                    <a:pt x="144" y="547"/>
                  </a:lnTo>
                  <a:lnTo>
                    <a:pt x="144" y="546"/>
                  </a:lnTo>
                  <a:lnTo>
                    <a:pt x="144" y="544"/>
                  </a:lnTo>
                  <a:lnTo>
                    <a:pt x="142" y="544"/>
                  </a:lnTo>
                  <a:lnTo>
                    <a:pt x="144" y="544"/>
                  </a:lnTo>
                  <a:lnTo>
                    <a:pt x="146" y="542"/>
                  </a:lnTo>
                  <a:lnTo>
                    <a:pt x="148" y="542"/>
                  </a:lnTo>
                  <a:lnTo>
                    <a:pt x="150" y="540"/>
                  </a:lnTo>
                  <a:lnTo>
                    <a:pt x="152" y="540"/>
                  </a:lnTo>
                  <a:lnTo>
                    <a:pt x="152" y="538"/>
                  </a:lnTo>
                  <a:lnTo>
                    <a:pt x="154" y="538"/>
                  </a:lnTo>
                  <a:lnTo>
                    <a:pt x="154" y="536"/>
                  </a:lnTo>
                  <a:lnTo>
                    <a:pt x="155" y="536"/>
                  </a:lnTo>
                  <a:lnTo>
                    <a:pt x="155" y="534"/>
                  </a:lnTo>
                  <a:lnTo>
                    <a:pt x="157" y="534"/>
                  </a:lnTo>
                  <a:lnTo>
                    <a:pt x="159" y="534"/>
                  </a:lnTo>
                  <a:lnTo>
                    <a:pt x="161" y="534"/>
                  </a:lnTo>
                  <a:lnTo>
                    <a:pt x="161" y="533"/>
                  </a:lnTo>
                  <a:lnTo>
                    <a:pt x="161" y="531"/>
                  </a:lnTo>
                  <a:lnTo>
                    <a:pt x="159" y="529"/>
                  </a:lnTo>
                  <a:lnTo>
                    <a:pt x="159" y="527"/>
                  </a:lnTo>
                  <a:lnTo>
                    <a:pt x="157" y="527"/>
                  </a:lnTo>
                  <a:lnTo>
                    <a:pt x="157" y="523"/>
                  </a:lnTo>
                  <a:lnTo>
                    <a:pt x="155" y="523"/>
                  </a:lnTo>
                  <a:lnTo>
                    <a:pt x="154" y="522"/>
                  </a:lnTo>
                  <a:lnTo>
                    <a:pt x="152" y="522"/>
                  </a:lnTo>
                  <a:lnTo>
                    <a:pt x="152" y="520"/>
                  </a:lnTo>
                  <a:lnTo>
                    <a:pt x="150" y="518"/>
                  </a:lnTo>
                  <a:lnTo>
                    <a:pt x="150" y="516"/>
                  </a:lnTo>
                  <a:lnTo>
                    <a:pt x="150" y="514"/>
                  </a:lnTo>
                  <a:lnTo>
                    <a:pt x="150" y="512"/>
                  </a:lnTo>
                  <a:lnTo>
                    <a:pt x="150" y="510"/>
                  </a:lnTo>
                  <a:lnTo>
                    <a:pt x="148" y="510"/>
                  </a:lnTo>
                  <a:lnTo>
                    <a:pt x="150" y="510"/>
                  </a:lnTo>
                  <a:lnTo>
                    <a:pt x="150" y="509"/>
                  </a:lnTo>
                  <a:lnTo>
                    <a:pt x="152" y="507"/>
                  </a:lnTo>
                  <a:lnTo>
                    <a:pt x="154" y="505"/>
                  </a:lnTo>
                  <a:lnTo>
                    <a:pt x="154" y="503"/>
                  </a:lnTo>
                  <a:lnTo>
                    <a:pt x="154" y="501"/>
                  </a:lnTo>
                  <a:lnTo>
                    <a:pt x="155" y="499"/>
                  </a:lnTo>
                  <a:lnTo>
                    <a:pt x="155" y="497"/>
                  </a:lnTo>
                  <a:lnTo>
                    <a:pt x="155" y="496"/>
                  </a:lnTo>
                  <a:lnTo>
                    <a:pt x="155" y="494"/>
                  </a:lnTo>
                  <a:lnTo>
                    <a:pt x="155" y="492"/>
                  </a:lnTo>
                  <a:lnTo>
                    <a:pt x="155" y="490"/>
                  </a:lnTo>
                  <a:lnTo>
                    <a:pt x="155" y="488"/>
                  </a:lnTo>
                  <a:lnTo>
                    <a:pt x="154" y="488"/>
                  </a:lnTo>
                  <a:lnTo>
                    <a:pt x="154" y="486"/>
                  </a:lnTo>
                  <a:lnTo>
                    <a:pt x="154" y="485"/>
                  </a:lnTo>
                  <a:lnTo>
                    <a:pt x="155" y="483"/>
                  </a:lnTo>
                  <a:lnTo>
                    <a:pt x="155" y="481"/>
                  </a:lnTo>
                  <a:lnTo>
                    <a:pt x="157" y="481"/>
                  </a:lnTo>
                  <a:lnTo>
                    <a:pt x="157" y="479"/>
                  </a:lnTo>
                  <a:lnTo>
                    <a:pt x="157" y="477"/>
                  </a:lnTo>
                  <a:lnTo>
                    <a:pt x="155" y="477"/>
                  </a:lnTo>
                  <a:lnTo>
                    <a:pt x="155" y="475"/>
                  </a:lnTo>
                  <a:lnTo>
                    <a:pt x="155" y="473"/>
                  </a:lnTo>
                  <a:lnTo>
                    <a:pt x="154" y="473"/>
                  </a:lnTo>
                  <a:lnTo>
                    <a:pt x="154" y="472"/>
                  </a:lnTo>
                  <a:lnTo>
                    <a:pt x="154" y="470"/>
                  </a:lnTo>
                  <a:lnTo>
                    <a:pt x="152" y="470"/>
                  </a:lnTo>
                  <a:lnTo>
                    <a:pt x="152" y="468"/>
                  </a:lnTo>
                  <a:lnTo>
                    <a:pt x="150" y="464"/>
                  </a:lnTo>
                  <a:lnTo>
                    <a:pt x="150" y="462"/>
                  </a:lnTo>
                  <a:lnTo>
                    <a:pt x="148" y="462"/>
                  </a:lnTo>
                  <a:lnTo>
                    <a:pt x="148" y="460"/>
                  </a:lnTo>
                  <a:lnTo>
                    <a:pt x="148" y="459"/>
                  </a:lnTo>
                  <a:lnTo>
                    <a:pt x="148" y="457"/>
                  </a:lnTo>
                  <a:lnTo>
                    <a:pt x="148" y="455"/>
                  </a:lnTo>
                  <a:lnTo>
                    <a:pt x="146" y="455"/>
                  </a:lnTo>
                  <a:lnTo>
                    <a:pt x="146" y="453"/>
                  </a:lnTo>
                  <a:lnTo>
                    <a:pt x="146" y="451"/>
                  </a:lnTo>
                  <a:lnTo>
                    <a:pt x="144" y="451"/>
                  </a:lnTo>
                  <a:lnTo>
                    <a:pt x="144" y="449"/>
                  </a:lnTo>
                  <a:lnTo>
                    <a:pt x="142" y="449"/>
                  </a:lnTo>
                  <a:lnTo>
                    <a:pt x="142" y="448"/>
                  </a:lnTo>
                  <a:lnTo>
                    <a:pt x="141" y="448"/>
                  </a:lnTo>
                  <a:lnTo>
                    <a:pt x="141" y="446"/>
                  </a:lnTo>
                  <a:lnTo>
                    <a:pt x="141" y="444"/>
                  </a:lnTo>
                  <a:lnTo>
                    <a:pt x="142" y="444"/>
                  </a:lnTo>
                  <a:lnTo>
                    <a:pt x="144" y="442"/>
                  </a:lnTo>
                  <a:lnTo>
                    <a:pt x="146" y="440"/>
                  </a:lnTo>
                  <a:lnTo>
                    <a:pt x="148" y="438"/>
                  </a:lnTo>
                  <a:lnTo>
                    <a:pt x="150" y="436"/>
                  </a:lnTo>
                  <a:lnTo>
                    <a:pt x="152" y="435"/>
                  </a:lnTo>
                  <a:lnTo>
                    <a:pt x="154" y="435"/>
                  </a:lnTo>
                  <a:lnTo>
                    <a:pt x="154" y="433"/>
                  </a:lnTo>
                  <a:lnTo>
                    <a:pt x="155" y="433"/>
                  </a:lnTo>
                  <a:lnTo>
                    <a:pt x="157" y="433"/>
                  </a:lnTo>
                  <a:lnTo>
                    <a:pt x="159" y="433"/>
                  </a:lnTo>
                  <a:lnTo>
                    <a:pt x="161" y="433"/>
                  </a:lnTo>
                  <a:lnTo>
                    <a:pt x="163" y="433"/>
                  </a:lnTo>
                  <a:lnTo>
                    <a:pt x="165" y="433"/>
                  </a:lnTo>
                  <a:lnTo>
                    <a:pt x="166" y="433"/>
                  </a:lnTo>
                  <a:lnTo>
                    <a:pt x="166" y="435"/>
                  </a:lnTo>
                  <a:lnTo>
                    <a:pt x="168" y="435"/>
                  </a:lnTo>
                  <a:lnTo>
                    <a:pt x="170" y="435"/>
                  </a:lnTo>
                  <a:lnTo>
                    <a:pt x="172" y="435"/>
                  </a:lnTo>
                  <a:lnTo>
                    <a:pt x="174" y="433"/>
                  </a:lnTo>
                  <a:lnTo>
                    <a:pt x="176" y="433"/>
                  </a:lnTo>
                  <a:lnTo>
                    <a:pt x="178" y="433"/>
                  </a:lnTo>
                  <a:lnTo>
                    <a:pt x="179" y="431"/>
                  </a:lnTo>
                  <a:lnTo>
                    <a:pt x="181" y="433"/>
                  </a:lnTo>
                  <a:lnTo>
                    <a:pt x="183" y="433"/>
                  </a:lnTo>
                  <a:lnTo>
                    <a:pt x="185" y="435"/>
                  </a:lnTo>
                  <a:lnTo>
                    <a:pt x="187" y="435"/>
                  </a:lnTo>
                  <a:lnTo>
                    <a:pt x="189" y="433"/>
                  </a:lnTo>
                  <a:lnTo>
                    <a:pt x="191" y="431"/>
                  </a:lnTo>
                  <a:lnTo>
                    <a:pt x="191" y="429"/>
                  </a:lnTo>
                  <a:lnTo>
                    <a:pt x="191" y="427"/>
                  </a:lnTo>
                  <a:lnTo>
                    <a:pt x="191" y="425"/>
                  </a:lnTo>
                  <a:lnTo>
                    <a:pt x="191" y="423"/>
                  </a:lnTo>
                  <a:lnTo>
                    <a:pt x="192" y="423"/>
                  </a:lnTo>
                  <a:lnTo>
                    <a:pt x="194" y="423"/>
                  </a:lnTo>
                  <a:lnTo>
                    <a:pt x="196" y="425"/>
                  </a:lnTo>
                  <a:lnTo>
                    <a:pt x="198" y="425"/>
                  </a:lnTo>
                  <a:lnTo>
                    <a:pt x="198" y="427"/>
                  </a:lnTo>
                  <a:lnTo>
                    <a:pt x="200" y="427"/>
                  </a:lnTo>
                  <a:lnTo>
                    <a:pt x="202" y="425"/>
                  </a:lnTo>
                  <a:lnTo>
                    <a:pt x="203" y="425"/>
                  </a:lnTo>
                  <a:lnTo>
                    <a:pt x="205" y="425"/>
                  </a:lnTo>
                  <a:lnTo>
                    <a:pt x="205" y="423"/>
                  </a:lnTo>
                  <a:lnTo>
                    <a:pt x="207" y="423"/>
                  </a:lnTo>
                  <a:lnTo>
                    <a:pt x="209" y="423"/>
                  </a:lnTo>
                  <a:lnTo>
                    <a:pt x="211" y="423"/>
                  </a:lnTo>
                  <a:lnTo>
                    <a:pt x="213" y="423"/>
                  </a:lnTo>
                  <a:lnTo>
                    <a:pt x="213" y="425"/>
                  </a:lnTo>
                  <a:lnTo>
                    <a:pt x="215" y="425"/>
                  </a:lnTo>
                  <a:lnTo>
                    <a:pt x="216" y="425"/>
                  </a:lnTo>
                  <a:lnTo>
                    <a:pt x="218" y="425"/>
                  </a:lnTo>
                  <a:lnTo>
                    <a:pt x="220" y="423"/>
                  </a:lnTo>
                  <a:lnTo>
                    <a:pt x="222" y="423"/>
                  </a:lnTo>
                  <a:lnTo>
                    <a:pt x="222" y="422"/>
                  </a:lnTo>
                  <a:lnTo>
                    <a:pt x="224" y="420"/>
                  </a:lnTo>
                  <a:lnTo>
                    <a:pt x="224" y="418"/>
                  </a:lnTo>
                  <a:lnTo>
                    <a:pt x="226" y="418"/>
                  </a:lnTo>
                  <a:lnTo>
                    <a:pt x="226" y="416"/>
                  </a:lnTo>
                  <a:lnTo>
                    <a:pt x="227" y="416"/>
                  </a:lnTo>
                  <a:lnTo>
                    <a:pt x="227" y="414"/>
                  </a:lnTo>
                  <a:lnTo>
                    <a:pt x="229" y="414"/>
                  </a:lnTo>
                  <a:lnTo>
                    <a:pt x="231" y="414"/>
                  </a:lnTo>
                  <a:lnTo>
                    <a:pt x="233" y="414"/>
                  </a:lnTo>
                  <a:lnTo>
                    <a:pt x="235" y="414"/>
                  </a:lnTo>
                  <a:lnTo>
                    <a:pt x="237" y="412"/>
                  </a:lnTo>
                  <a:lnTo>
                    <a:pt x="237" y="411"/>
                  </a:lnTo>
                  <a:lnTo>
                    <a:pt x="237" y="409"/>
                  </a:lnTo>
                  <a:lnTo>
                    <a:pt x="239" y="407"/>
                  </a:lnTo>
                  <a:lnTo>
                    <a:pt x="239" y="405"/>
                  </a:lnTo>
                  <a:lnTo>
                    <a:pt x="239" y="403"/>
                  </a:lnTo>
                  <a:lnTo>
                    <a:pt x="239" y="401"/>
                  </a:lnTo>
                  <a:lnTo>
                    <a:pt x="239" y="399"/>
                  </a:lnTo>
                  <a:lnTo>
                    <a:pt x="240" y="399"/>
                  </a:lnTo>
                  <a:lnTo>
                    <a:pt x="242" y="398"/>
                  </a:lnTo>
                  <a:lnTo>
                    <a:pt x="242" y="396"/>
                  </a:lnTo>
                  <a:lnTo>
                    <a:pt x="244" y="396"/>
                  </a:lnTo>
                  <a:lnTo>
                    <a:pt x="244" y="394"/>
                  </a:lnTo>
                  <a:lnTo>
                    <a:pt x="244" y="392"/>
                  </a:lnTo>
                  <a:lnTo>
                    <a:pt x="246" y="390"/>
                  </a:lnTo>
                  <a:lnTo>
                    <a:pt x="246" y="388"/>
                  </a:lnTo>
                  <a:lnTo>
                    <a:pt x="246" y="386"/>
                  </a:lnTo>
                  <a:lnTo>
                    <a:pt x="246" y="385"/>
                  </a:lnTo>
                  <a:lnTo>
                    <a:pt x="244" y="383"/>
                  </a:lnTo>
                  <a:lnTo>
                    <a:pt x="244" y="381"/>
                  </a:lnTo>
                  <a:lnTo>
                    <a:pt x="244" y="379"/>
                  </a:lnTo>
                  <a:lnTo>
                    <a:pt x="242" y="379"/>
                  </a:lnTo>
                  <a:lnTo>
                    <a:pt x="242" y="377"/>
                  </a:lnTo>
                  <a:lnTo>
                    <a:pt x="242" y="375"/>
                  </a:lnTo>
                  <a:lnTo>
                    <a:pt x="239" y="375"/>
                  </a:lnTo>
                  <a:lnTo>
                    <a:pt x="237" y="375"/>
                  </a:lnTo>
                  <a:lnTo>
                    <a:pt x="237" y="374"/>
                  </a:lnTo>
                  <a:lnTo>
                    <a:pt x="237" y="370"/>
                  </a:lnTo>
                  <a:lnTo>
                    <a:pt x="237" y="366"/>
                  </a:lnTo>
                  <a:lnTo>
                    <a:pt x="239" y="366"/>
                  </a:lnTo>
                  <a:lnTo>
                    <a:pt x="240" y="366"/>
                  </a:lnTo>
                  <a:lnTo>
                    <a:pt x="242" y="366"/>
                  </a:lnTo>
                  <a:lnTo>
                    <a:pt x="244" y="366"/>
                  </a:lnTo>
                  <a:lnTo>
                    <a:pt x="246" y="366"/>
                  </a:lnTo>
                  <a:lnTo>
                    <a:pt x="248" y="366"/>
                  </a:lnTo>
                  <a:lnTo>
                    <a:pt x="250" y="366"/>
                  </a:lnTo>
                  <a:lnTo>
                    <a:pt x="250" y="364"/>
                  </a:lnTo>
                  <a:lnTo>
                    <a:pt x="252" y="364"/>
                  </a:lnTo>
                  <a:lnTo>
                    <a:pt x="253" y="364"/>
                  </a:lnTo>
                  <a:lnTo>
                    <a:pt x="255" y="364"/>
                  </a:lnTo>
                  <a:lnTo>
                    <a:pt x="257" y="364"/>
                  </a:lnTo>
                  <a:lnTo>
                    <a:pt x="259" y="364"/>
                  </a:lnTo>
                  <a:lnTo>
                    <a:pt x="261" y="364"/>
                  </a:lnTo>
                  <a:lnTo>
                    <a:pt x="263" y="362"/>
                  </a:lnTo>
                  <a:lnTo>
                    <a:pt x="264" y="362"/>
                  </a:lnTo>
                  <a:lnTo>
                    <a:pt x="266" y="362"/>
                  </a:lnTo>
                  <a:lnTo>
                    <a:pt x="266" y="361"/>
                  </a:lnTo>
                  <a:lnTo>
                    <a:pt x="268" y="361"/>
                  </a:lnTo>
                  <a:lnTo>
                    <a:pt x="270" y="361"/>
                  </a:lnTo>
                  <a:lnTo>
                    <a:pt x="270" y="359"/>
                  </a:lnTo>
                  <a:lnTo>
                    <a:pt x="272" y="359"/>
                  </a:lnTo>
                  <a:lnTo>
                    <a:pt x="274" y="361"/>
                  </a:lnTo>
                  <a:lnTo>
                    <a:pt x="276" y="361"/>
                  </a:lnTo>
                  <a:lnTo>
                    <a:pt x="281" y="362"/>
                  </a:lnTo>
                  <a:lnTo>
                    <a:pt x="283" y="362"/>
                  </a:lnTo>
                  <a:lnTo>
                    <a:pt x="283" y="364"/>
                  </a:lnTo>
                  <a:lnTo>
                    <a:pt x="285" y="364"/>
                  </a:lnTo>
                  <a:lnTo>
                    <a:pt x="287" y="364"/>
                  </a:lnTo>
                  <a:lnTo>
                    <a:pt x="287" y="362"/>
                  </a:lnTo>
                  <a:lnTo>
                    <a:pt x="288" y="361"/>
                  </a:lnTo>
                  <a:lnTo>
                    <a:pt x="294" y="357"/>
                  </a:lnTo>
                  <a:lnTo>
                    <a:pt x="296" y="355"/>
                  </a:lnTo>
                  <a:lnTo>
                    <a:pt x="298" y="353"/>
                  </a:lnTo>
                  <a:lnTo>
                    <a:pt x="300" y="349"/>
                  </a:lnTo>
                  <a:lnTo>
                    <a:pt x="301" y="348"/>
                  </a:lnTo>
                  <a:lnTo>
                    <a:pt x="303" y="348"/>
                  </a:lnTo>
                  <a:lnTo>
                    <a:pt x="301" y="348"/>
                  </a:lnTo>
                  <a:lnTo>
                    <a:pt x="301" y="346"/>
                  </a:lnTo>
                  <a:lnTo>
                    <a:pt x="300" y="346"/>
                  </a:lnTo>
                  <a:lnTo>
                    <a:pt x="298" y="346"/>
                  </a:lnTo>
                  <a:lnTo>
                    <a:pt x="298" y="344"/>
                  </a:lnTo>
                  <a:lnTo>
                    <a:pt x="298" y="342"/>
                  </a:lnTo>
                  <a:lnTo>
                    <a:pt x="300" y="342"/>
                  </a:lnTo>
                  <a:lnTo>
                    <a:pt x="300" y="340"/>
                  </a:lnTo>
                  <a:lnTo>
                    <a:pt x="300" y="338"/>
                  </a:lnTo>
                  <a:lnTo>
                    <a:pt x="301" y="338"/>
                  </a:lnTo>
                  <a:lnTo>
                    <a:pt x="303" y="338"/>
                  </a:lnTo>
                  <a:lnTo>
                    <a:pt x="305" y="337"/>
                  </a:lnTo>
                  <a:lnTo>
                    <a:pt x="307" y="337"/>
                  </a:lnTo>
                  <a:lnTo>
                    <a:pt x="307" y="335"/>
                  </a:lnTo>
                  <a:lnTo>
                    <a:pt x="311" y="327"/>
                  </a:lnTo>
                  <a:lnTo>
                    <a:pt x="309" y="327"/>
                  </a:lnTo>
                  <a:lnTo>
                    <a:pt x="309" y="325"/>
                  </a:lnTo>
                  <a:lnTo>
                    <a:pt x="307" y="325"/>
                  </a:lnTo>
                  <a:lnTo>
                    <a:pt x="305" y="324"/>
                  </a:lnTo>
                  <a:lnTo>
                    <a:pt x="303" y="324"/>
                  </a:lnTo>
                  <a:lnTo>
                    <a:pt x="303" y="322"/>
                  </a:lnTo>
                  <a:lnTo>
                    <a:pt x="301" y="322"/>
                  </a:lnTo>
                  <a:lnTo>
                    <a:pt x="301" y="320"/>
                  </a:lnTo>
                  <a:lnTo>
                    <a:pt x="300" y="320"/>
                  </a:lnTo>
                  <a:lnTo>
                    <a:pt x="298" y="320"/>
                  </a:lnTo>
                  <a:lnTo>
                    <a:pt x="296" y="320"/>
                  </a:lnTo>
                  <a:lnTo>
                    <a:pt x="294" y="320"/>
                  </a:lnTo>
                  <a:lnTo>
                    <a:pt x="292" y="320"/>
                  </a:lnTo>
                  <a:lnTo>
                    <a:pt x="294" y="318"/>
                  </a:lnTo>
                  <a:lnTo>
                    <a:pt x="294" y="316"/>
                  </a:lnTo>
                  <a:lnTo>
                    <a:pt x="294" y="314"/>
                  </a:lnTo>
                  <a:lnTo>
                    <a:pt x="296" y="314"/>
                  </a:lnTo>
                  <a:lnTo>
                    <a:pt x="298" y="313"/>
                  </a:lnTo>
                  <a:lnTo>
                    <a:pt x="298" y="311"/>
                  </a:lnTo>
                  <a:lnTo>
                    <a:pt x="296" y="309"/>
                  </a:lnTo>
                  <a:lnTo>
                    <a:pt x="296" y="307"/>
                  </a:lnTo>
                  <a:lnTo>
                    <a:pt x="296" y="305"/>
                  </a:lnTo>
                  <a:lnTo>
                    <a:pt x="296" y="303"/>
                  </a:lnTo>
                  <a:lnTo>
                    <a:pt x="296" y="301"/>
                  </a:lnTo>
                  <a:lnTo>
                    <a:pt x="294" y="300"/>
                  </a:lnTo>
                  <a:lnTo>
                    <a:pt x="294" y="298"/>
                  </a:lnTo>
                  <a:lnTo>
                    <a:pt x="294" y="296"/>
                  </a:lnTo>
                  <a:lnTo>
                    <a:pt x="294" y="294"/>
                  </a:lnTo>
                  <a:lnTo>
                    <a:pt x="294" y="292"/>
                  </a:lnTo>
                  <a:lnTo>
                    <a:pt x="292" y="292"/>
                  </a:lnTo>
                  <a:lnTo>
                    <a:pt x="292" y="290"/>
                  </a:lnTo>
                  <a:lnTo>
                    <a:pt x="290" y="290"/>
                  </a:lnTo>
                  <a:lnTo>
                    <a:pt x="288" y="290"/>
                  </a:lnTo>
                  <a:lnTo>
                    <a:pt x="288" y="288"/>
                  </a:lnTo>
                  <a:lnTo>
                    <a:pt x="287" y="288"/>
                  </a:lnTo>
                  <a:lnTo>
                    <a:pt x="287" y="287"/>
                  </a:lnTo>
                  <a:lnTo>
                    <a:pt x="285" y="287"/>
                  </a:lnTo>
                  <a:lnTo>
                    <a:pt x="283" y="287"/>
                  </a:lnTo>
                  <a:lnTo>
                    <a:pt x="281" y="287"/>
                  </a:lnTo>
                  <a:lnTo>
                    <a:pt x="279" y="287"/>
                  </a:lnTo>
                  <a:lnTo>
                    <a:pt x="277" y="287"/>
                  </a:lnTo>
                  <a:lnTo>
                    <a:pt x="276" y="287"/>
                  </a:lnTo>
                  <a:lnTo>
                    <a:pt x="274" y="288"/>
                  </a:lnTo>
                  <a:lnTo>
                    <a:pt x="272" y="288"/>
                  </a:lnTo>
                  <a:lnTo>
                    <a:pt x="272" y="287"/>
                  </a:lnTo>
                  <a:lnTo>
                    <a:pt x="272" y="285"/>
                  </a:lnTo>
                  <a:lnTo>
                    <a:pt x="272" y="283"/>
                  </a:lnTo>
                  <a:lnTo>
                    <a:pt x="272" y="281"/>
                  </a:lnTo>
                  <a:lnTo>
                    <a:pt x="272" y="279"/>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42" name="Freeform 203"/>
            <p:cNvSpPr>
              <a:spLocks/>
            </p:cNvSpPr>
            <p:nvPr/>
          </p:nvSpPr>
          <p:spPr bwMode="auto">
            <a:xfrm>
              <a:off x="5367554" y="3593761"/>
              <a:ext cx="811041" cy="991388"/>
            </a:xfrm>
            <a:custGeom>
              <a:avLst/>
              <a:gdLst>
                <a:gd name="T0" fmla="*/ 218 w 778"/>
                <a:gd name="T1" fmla="*/ 109 h 951"/>
                <a:gd name="T2" fmla="*/ 214 w 778"/>
                <a:gd name="T3" fmla="*/ 63 h 951"/>
                <a:gd name="T4" fmla="*/ 238 w 778"/>
                <a:gd name="T5" fmla="*/ 24 h 951"/>
                <a:gd name="T6" fmla="*/ 329 w 778"/>
                <a:gd name="T7" fmla="*/ 89 h 951"/>
                <a:gd name="T8" fmla="*/ 370 w 778"/>
                <a:gd name="T9" fmla="*/ 98 h 951"/>
                <a:gd name="T10" fmla="*/ 410 w 778"/>
                <a:gd name="T11" fmla="*/ 100 h 951"/>
                <a:gd name="T12" fmla="*/ 429 w 778"/>
                <a:gd name="T13" fmla="*/ 152 h 951"/>
                <a:gd name="T14" fmla="*/ 460 w 778"/>
                <a:gd name="T15" fmla="*/ 128 h 951"/>
                <a:gd name="T16" fmla="*/ 499 w 778"/>
                <a:gd name="T17" fmla="*/ 111 h 951"/>
                <a:gd name="T18" fmla="*/ 545 w 778"/>
                <a:gd name="T19" fmla="*/ 120 h 951"/>
                <a:gd name="T20" fmla="*/ 597 w 778"/>
                <a:gd name="T21" fmla="*/ 128 h 951"/>
                <a:gd name="T22" fmla="*/ 627 w 778"/>
                <a:gd name="T23" fmla="*/ 163 h 951"/>
                <a:gd name="T24" fmla="*/ 643 w 778"/>
                <a:gd name="T25" fmla="*/ 200 h 951"/>
                <a:gd name="T26" fmla="*/ 695 w 778"/>
                <a:gd name="T27" fmla="*/ 170 h 951"/>
                <a:gd name="T28" fmla="*/ 728 w 778"/>
                <a:gd name="T29" fmla="*/ 150 h 951"/>
                <a:gd name="T30" fmla="*/ 767 w 778"/>
                <a:gd name="T31" fmla="*/ 178 h 951"/>
                <a:gd name="T32" fmla="*/ 750 w 778"/>
                <a:gd name="T33" fmla="*/ 246 h 951"/>
                <a:gd name="T34" fmla="*/ 706 w 778"/>
                <a:gd name="T35" fmla="*/ 266 h 951"/>
                <a:gd name="T36" fmla="*/ 664 w 778"/>
                <a:gd name="T37" fmla="*/ 298 h 951"/>
                <a:gd name="T38" fmla="*/ 658 w 778"/>
                <a:gd name="T39" fmla="*/ 374 h 951"/>
                <a:gd name="T40" fmla="*/ 628 w 778"/>
                <a:gd name="T41" fmla="*/ 401 h 951"/>
                <a:gd name="T42" fmla="*/ 603 w 778"/>
                <a:gd name="T43" fmla="*/ 425 h 951"/>
                <a:gd name="T44" fmla="*/ 590 w 778"/>
                <a:gd name="T45" fmla="*/ 464 h 951"/>
                <a:gd name="T46" fmla="*/ 580 w 778"/>
                <a:gd name="T47" fmla="*/ 518 h 951"/>
                <a:gd name="T48" fmla="*/ 534 w 778"/>
                <a:gd name="T49" fmla="*/ 529 h 951"/>
                <a:gd name="T50" fmla="*/ 505 w 778"/>
                <a:gd name="T51" fmla="*/ 509 h 951"/>
                <a:gd name="T52" fmla="*/ 471 w 778"/>
                <a:gd name="T53" fmla="*/ 570 h 951"/>
                <a:gd name="T54" fmla="*/ 433 w 778"/>
                <a:gd name="T55" fmla="*/ 594 h 951"/>
                <a:gd name="T56" fmla="*/ 388 w 778"/>
                <a:gd name="T57" fmla="*/ 620 h 951"/>
                <a:gd name="T58" fmla="*/ 368 w 778"/>
                <a:gd name="T59" fmla="*/ 703 h 951"/>
                <a:gd name="T60" fmla="*/ 370 w 778"/>
                <a:gd name="T61" fmla="*/ 747 h 951"/>
                <a:gd name="T62" fmla="*/ 396 w 778"/>
                <a:gd name="T63" fmla="*/ 794 h 951"/>
                <a:gd name="T64" fmla="*/ 372 w 778"/>
                <a:gd name="T65" fmla="*/ 858 h 951"/>
                <a:gd name="T66" fmla="*/ 331 w 778"/>
                <a:gd name="T67" fmla="*/ 869 h 951"/>
                <a:gd name="T68" fmla="*/ 303 w 778"/>
                <a:gd name="T69" fmla="*/ 853 h 951"/>
                <a:gd name="T70" fmla="*/ 253 w 778"/>
                <a:gd name="T71" fmla="*/ 838 h 951"/>
                <a:gd name="T72" fmla="*/ 205 w 778"/>
                <a:gd name="T73" fmla="*/ 832 h 951"/>
                <a:gd name="T74" fmla="*/ 176 w 778"/>
                <a:gd name="T75" fmla="*/ 858 h 951"/>
                <a:gd name="T76" fmla="*/ 174 w 778"/>
                <a:gd name="T77" fmla="*/ 914 h 951"/>
                <a:gd name="T78" fmla="*/ 144 w 778"/>
                <a:gd name="T79" fmla="*/ 936 h 951"/>
                <a:gd name="T80" fmla="*/ 98 w 778"/>
                <a:gd name="T81" fmla="*/ 934 h 951"/>
                <a:gd name="T82" fmla="*/ 61 w 778"/>
                <a:gd name="T83" fmla="*/ 927 h 951"/>
                <a:gd name="T84" fmla="*/ 35 w 778"/>
                <a:gd name="T85" fmla="*/ 881 h 951"/>
                <a:gd name="T86" fmla="*/ 20 w 778"/>
                <a:gd name="T87" fmla="*/ 810 h 951"/>
                <a:gd name="T88" fmla="*/ 37 w 778"/>
                <a:gd name="T89" fmla="*/ 749 h 951"/>
                <a:gd name="T90" fmla="*/ 18 w 778"/>
                <a:gd name="T91" fmla="*/ 686 h 951"/>
                <a:gd name="T92" fmla="*/ 4 w 778"/>
                <a:gd name="T93" fmla="*/ 647 h 951"/>
                <a:gd name="T94" fmla="*/ 26 w 778"/>
                <a:gd name="T95" fmla="*/ 623 h 951"/>
                <a:gd name="T96" fmla="*/ 78 w 778"/>
                <a:gd name="T97" fmla="*/ 623 h 951"/>
                <a:gd name="T98" fmla="*/ 76 w 778"/>
                <a:gd name="T99" fmla="*/ 577 h 951"/>
                <a:gd name="T100" fmla="*/ 61 w 778"/>
                <a:gd name="T101" fmla="*/ 520 h 951"/>
                <a:gd name="T102" fmla="*/ 67 w 778"/>
                <a:gd name="T103" fmla="*/ 485 h 951"/>
                <a:gd name="T104" fmla="*/ 111 w 778"/>
                <a:gd name="T105" fmla="*/ 461 h 951"/>
                <a:gd name="T106" fmla="*/ 115 w 778"/>
                <a:gd name="T107" fmla="*/ 411 h 951"/>
                <a:gd name="T108" fmla="*/ 118 w 778"/>
                <a:gd name="T109" fmla="*/ 385 h 951"/>
                <a:gd name="T110" fmla="*/ 122 w 778"/>
                <a:gd name="T111" fmla="*/ 331 h 951"/>
                <a:gd name="T112" fmla="*/ 148 w 778"/>
                <a:gd name="T113" fmla="*/ 302 h 951"/>
                <a:gd name="T114" fmla="*/ 111 w 778"/>
                <a:gd name="T115" fmla="*/ 279 h 951"/>
                <a:gd name="T116" fmla="*/ 98 w 778"/>
                <a:gd name="T117" fmla="*/ 250 h 951"/>
                <a:gd name="T118" fmla="*/ 102 w 778"/>
                <a:gd name="T119" fmla="*/ 207 h 951"/>
                <a:gd name="T120" fmla="*/ 92 w 778"/>
                <a:gd name="T121" fmla="*/ 181 h 951"/>
                <a:gd name="T122" fmla="*/ 126 w 778"/>
                <a:gd name="T123" fmla="*/ 154 h 951"/>
                <a:gd name="T124" fmla="*/ 161 w 778"/>
                <a:gd name="T125" fmla="*/ 152 h 9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778" h="951">
                  <a:moveTo>
                    <a:pt x="200" y="135"/>
                  </a:moveTo>
                  <a:lnTo>
                    <a:pt x="200" y="133"/>
                  </a:lnTo>
                  <a:lnTo>
                    <a:pt x="200" y="131"/>
                  </a:lnTo>
                  <a:lnTo>
                    <a:pt x="200" y="130"/>
                  </a:lnTo>
                  <a:lnTo>
                    <a:pt x="201" y="130"/>
                  </a:lnTo>
                  <a:lnTo>
                    <a:pt x="201" y="128"/>
                  </a:lnTo>
                  <a:lnTo>
                    <a:pt x="203" y="128"/>
                  </a:lnTo>
                  <a:lnTo>
                    <a:pt x="203" y="126"/>
                  </a:lnTo>
                  <a:lnTo>
                    <a:pt x="203" y="124"/>
                  </a:lnTo>
                  <a:lnTo>
                    <a:pt x="203" y="122"/>
                  </a:lnTo>
                  <a:lnTo>
                    <a:pt x="203" y="120"/>
                  </a:lnTo>
                  <a:lnTo>
                    <a:pt x="205" y="120"/>
                  </a:lnTo>
                  <a:lnTo>
                    <a:pt x="203" y="118"/>
                  </a:lnTo>
                  <a:lnTo>
                    <a:pt x="201" y="118"/>
                  </a:lnTo>
                  <a:lnTo>
                    <a:pt x="201" y="117"/>
                  </a:lnTo>
                  <a:lnTo>
                    <a:pt x="200" y="115"/>
                  </a:lnTo>
                  <a:lnTo>
                    <a:pt x="200" y="113"/>
                  </a:lnTo>
                  <a:lnTo>
                    <a:pt x="200" y="111"/>
                  </a:lnTo>
                  <a:lnTo>
                    <a:pt x="198" y="111"/>
                  </a:lnTo>
                  <a:lnTo>
                    <a:pt x="200" y="111"/>
                  </a:lnTo>
                  <a:lnTo>
                    <a:pt x="203" y="111"/>
                  </a:lnTo>
                  <a:lnTo>
                    <a:pt x="205" y="113"/>
                  </a:lnTo>
                  <a:lnTo>
                    <a:pt x="207" y="111"/>
                  </a:lnTo>
                  <a:lnTo>
                    <a:pt x="211" y="111"/>
                  </a:lnTo>
                  <a:lnTo>
                    <a:pt x="214" y="111"/>
                  </a:lnTo>
                  <a:lnTo>
                    <a:pt x="214" y="109"/>
                  </a:lnTo>
                  <a:lnTo>
                    <a:pt x="216" y="111"/>
                  </a:lnTo>
                  <a:lnTo>
                    <a:pt x="218" y="111"/>
                  </a:lnTo>
                  <a:lnTo>
                    <a:pt x="218" y="109"/>
                  </a:lnTo>
                  <a:lnTo>
                    <a:pt x="220" y="109"/>
                  </a:lnTo>
                  <a:lnTo>
                    <a:pt x="220" y="107"/>
                  </a:lnTo>
                  <a:lnTo>
                    <a:pt x="218" y="107"/>
                  </a:lnTo>
                  <a:lnTo>
                    <a:pt x="216" y="107"/>
                  </a:lnTo>
                  <a:lnTo>
                    <a:pt x="214" y="107"/>
                  </a:lnTo>
                  <a:lnTo>
                    <a:pt x="214" y="105"/>
                  </a:lnTo>
                  <a:lnTo>
                    <a:pt x="216" y="104"/>
                  </a:lnTo>
                  <a:lnTo>
                    <a:pt x="216" y="102"/>
                  </a:lnTo>
                  <a:lnTo>
                    <a:pt x="216" y="100"/>
                  </a:lnTo>
                  <a:lnTo>
                    <a:pt x="216" y="98"/>
                  </a:lnTo>
                  <a:lnTo>
                    <a:pt x="214" y="98"/>
                  </a:lnTo>
                  <a:lnTo>
                    <a:pt x="218" y="94"/>
                  </a:lnTo>
                  <a:lnTo>
                    <a:pt x="216" y="94"/>
                  </a:lnTo>
                  <a:lnTo>
                    <a:pt x="216" y="93"/>
                  </a:lnTo>
                  <a:lnTo>
                    <a:pt x="214" y="85"/>
                  </a:lnTo>
                  <a:lnTo>
                    <a:pt x="214" y="83"/>
                  </a:lnTo>
                  <a:lnTo>
                    <a:pt x="214" y="81"/>
                  </a:lnTo>
                  <a:lnTo>
                    <a:pt x="214" y="80"/>
                  </a:lnTo>
                  <a:lnTo>
                    <a:pt x="214" y="78"/>
                  </a:lnTo>
                  <a:lnTo>
                    <a:pt x="214" y="76"/>
                  </a:lnTo>
                  <a:lnTo>
                    <a:pt x="214" y="70"/>
                  </a:lnTo>
                  <a:lnTo>
                    <a:pt x="214" y="68"/>
                  </a:lnTo>
                  <a:lnTo>
                    <a:pt x="216" y="68"/>
                  </a:lnTo>
                  <a:lnTo>
                    <a:pt x="214" y="68"/>
                  </a:lnTo>
                  <a:lnTo>
                    <a:pt x="214" y="67"/>
                  </a:lnTo>
                  <a:lnTo>
                    <a:pt x="214" y="65"/>
                  </a:lnTo>
                  <a:lnTo>
                    <a:pt x="214" y="63"/>
                  </a:lnTo>
                  <a:lnTo>
                    <a:pt x="213" y="63"/>
                  </a:lnTo>
                  <a:lnTo>
                    <a:pt x="214" y="63"/>
                  </a:lnTo>
                  <a:lnTo>
                    <a:pt x="214" y="61"/>
                  </a:lnTo>
                  <a:lnTo>
                    <a:pt x="216" y="61"/>
                  </a:lnTo>
                  <a:lnTo>
                    <a:pt x="218" y="61"/>
                  </a:lnTo>
                  <a:lnTo>
                    <a:pt x="218" y="59"/>
                  </a:lnTo>
                  <a:lnTo>
                    <a:pt x="220" y="57"/>
                  </a:lnTo>
                  <a:lnTo>
                    <a:pt x="222" y="57"/>
                  </a:lnTo>
                  <a:lnTo>
                    <a:pt x="222" y="56"/>
                  </a:lnTo>
                  <a:lnTo>
                    <a:pt x="222" y="54"/>
                  </a:lnTo>
                  <a:lnTo>
                    <a:pt x="222" y="52"/>
                  </a:lnTo>
                  <a:lnTo>
                    <a:pt x="224" y="52"/>
                  </a:lnTo>
                  <a:lnTo>
                    <a:pt x="224" y="50"/>
                  </a:lnTo>
                  <a:lnTo>
                    <a:pt x="224" y="48"/>
                  </a:lnTo>
                  <a:lnTo>
                    <a:pt x="226" y="48"/>
                  </a:lnTo>
                  <a:lnTo>
                    <a:pt x="224" y="44"/>
                  </a:lnTo>
                  <a:lnTo>
                    <a:pt x="224" y="43"/>
                  </a:lnTo>
                  <a:lnTo>
                    <a:pt x="226" y="41"/>
                  </a:lnTo>
                  <a:lnTo>
                    <a:pt x="229" y="39"/>
                  </a:lnTo>
                  <a:lnTo>
                    <a:pt x="231" y="37"/>
                  </a:lnTo>
                  <a:lnTo>
                    <a:pt x="233" y="37"/>
                  </a:lnTo>
                  <a:lnTo>
                    <a:pt x="233" y="35"/>
                  </a:lnTo>
                  <a:lnTo>
                    <a:pt x="233" y="33"/>
                  </a:lnTo>
                  <a:lnTo>
                    <a:pt x="235" y="33"/>
                  </a:lnTo>
                  <a:lnTo>
                    <a:pt x="235" y="31"/>
                  </a:lnTo>
                  <a:lnTo>
                    <a:pt x="235" y="30"/>
                  </a:lnTo>
                  <a:lnTo>
                    <a:pt x="237" y="30"/>
                  </a:lnTo>
                  <a:lnTo>
                    <a:pt x="237" y="28"/>
                  </a:lnTo>
                  <a:lnTo>
                    <a:pt x="238" y="28"/>
                  </a:lnTo>
                  <a:lnTo>
                    <a:pt x="238" y="26"/>
                  </a:lnTo>
                  <a:lnTo>
                    <a:pt x="238" y="24"/>
                  </a:lnTo>
                  <a:lnTo>
                    <a:pt x="240" y="24"/>
                  </a:lnTo>
                  <a:lnTo>
                    <a:pt x="240" y="22"/>
                  </a:lnTo>
                  <a:lnTo>
                    <a:pt x="240" y="20"/>
                  </a:lnTo>
                  <a:lnTo>
                    <a:pt x="235" y="7"/>
                  </a:lnTo>
                  <a:lnTo>
                    <a:pt x="251" y="0"/>
                  </a:lnTo>
                  <a:lnTo>
                    <a:pt x="272" y="6"/>
                  </a:lnTo>
                  <a:lnTo>
                    <a:pt x="281" y="13"/>
                  </a:lnTo>
                  <a:lnTo>
                    <a:pt x="281" y="22"/>
                  </a:lnTo>
                  <a:lnTo>
                    <a:pt x="277" y="37"/>
                  </a:lnTo>
                  <a:lnTo>
                    <a:pt x="281" y="50"/>
                  </a:lnTo>
                  <a:lnTo>
                    <a:pt x="283" y="83"/>
                  </a:lnTo>
                  <a:lnTo>
                    <a:pt x="305" y="83"/>
                  </a:lnTo>
                  <a:lnTo>
                    <a:pt x="307" y="83"/>
                  </a:lnTo>
                  <a:lnTo>
                    <a:pt x="307" y="81"/>
                  </a:lnTo>
                  <a:lnTo>
                    <a:pt x="309" y="81"/>
                  </a:lnTo>
                  <a:lnTo>
                    <a:pt x="311" y="81"/>
                  </a:lnTo>
                  <a:lnTo>
                    <a:pt x="314" y="85"/>
                  </a:lnTo>
                  <a:lnTo>
                    <a:pt x="316" y="87"/>
                  </a:lnTo>
                  <a:lnTo>
                    <a:pt x="314" y="87"/>
                  </a:lnTo>
                  <a:lnTo>
                    <a:pt x="316" y="87"/>
                  </a:lnTo>
                  <a:lnTo>
                    <a:pt x="318" y="87"/>
                  </a:lnTo>
                  <a:lnTo>
                    <a:pt x="320" y="87"/>
                  </a:lnTo>
                  <a:lnTo>
                    <a:pt x="322" y="87"/>
                  </a:lnTo>
                  <a:lnTo>
                    <a:pt x="323" y="87"/>
                  </a:lnTo>
                  <a:lnTo>
                    <a:pt x="325" y="87"/>
                  </a:lnTo>
                  <a:lnTo>
                    <a:pt x="327" y="89"/>
                  </a:lnTo>
                  <a:lnTo>
                    <a:pt x="327" y="87"/>
                  </a:lnTo>
                  <a:lnTo>
                    <a:pt x="329" y="87"/>
                  </a:lnTo>
                  <a:lnTo>
                    <a:pt x="329" y="89"/>
                  </a:lnTo>
                  <a:lnTo>
                    <a:pt x="331" y="89"/>
                  </a:lnTo>
                  <a:lnTo>
                    <a:pt x="333" y="89"/>
                  </a:lnTo>
                  <a:lnTo>
                    <a:pt x="335" y="87"/>
                  </a:lnTo>
                  <a:lnTo>
                    <a:pt x="335" y="89"/>
                  </a:lnTo>
                  <a:lnTo>
                    <a:pt x="336" y="89"/>
                  </a:lnTo>
                  <a:lnTo>
                    <a:pt x="338" y="89"/>
                  </a:lnTo>
                  <a:lnTo>
                    <a:pt x="340" y="89"/>
                  </a:lnTo>
                  <a:lnTo>
                    <a:pt x="342" y="89"/>
                  </a:lnTo>
                  <a:lnTo>
                    <a:pt x="342" y="91"/>
                  </a:lnTo>
                  <a:lnTo>
                    <a:pt x="344" y="91"/>
                  </a:lnTo>
                  <a:lnTo>
                    <a:pt x="346" y="91"/>
                  </a:lnTo>
                  <a:lnTo>
                    <a:pt x="348" y="91"/>
                  </a:lnTo>
                  <a:lnTo>
                    <a:pt x="348" y="93"/>
                  </a:lnTo>
                  <a:lnTo>
                    <a:pt x="349" y="93"/>
                  </a:lnTo>
                  <a:lnTo>
                    <a:pt x="351" y="93"/>
                  </a:lnTo>
                  <a:lnTo>
                    <a:pt x="353" y="94"/>
                  </a:lnTo>
                  <a:lnTo>
                    <a:pt x="353" y="93"/>
                  </a:lnTo>
                  <a:lnTo>
                    <a:pt x="353" y="94"/>
                  </a:lnTo>
                  <a:lnTo>
                    <a:pt x="355" y="94"/>
                  </a:lnTo>
                  <a:lnTo>
                    <a:pt x="357" y="94"/>
                  </a:lnTo>
                  <a:lnTo>
                    <a:pt x="359" y="94"/>
                  </a:lnTo>
                  <a:lnTo>
                    <a:pt x="360" y="94"/>
                  </a:lnTo>
                  <a:lnTo>
                    <a:pt x="362" y="94"/>
                  </a:lnTo>
                  <a:lnTo>
                    <a:pt x="364" y="94"/>
                  </a:lnTo>
                  <a:lnTo>
                    <a:pt x="364" y="96"/>
                  </a:lnTo>
                  <a:lnTo>
                    <a:pt x="366" y="96"/>
                  </a:lnTo>
                  <a:lnTo>
                    <a:pt x="368" y="96"/>
                  </a:lnTo>
                  <a:lnTo>
                    <a:pt x="370" y="96"/>
                  </a:lnTo>
                  <a:lnTo>
                    <a:pt x="370" y="98"/>
                  </a:lnTo>
                  <a:lnTo>
                    <a:pt x="372" y="98"/>
                  </a:lnTo>
                  <a:lnTo>
                    <a:pt x="373" y="98"/>
                  </a:lnTo>
                  <a:lnTo>
                    <a:pt x="375" y="98"/>
                  </a:lnTo>
                  <a:lnTo>
                    <a:pt x="377" y="98"/>
                  </a:lnTo>
                  <a:lnTo>
                    <a:pt x="379" y="98"/>
                  </a:lnTo>
                  <a:lnTo>
                    <a:pt x="379" y="96"/>
                  </a:lnTo>
                  <a:lnTo>
                    <a:pt x="381" y="96"/>
                  </a:lnTo>
                  <a:lnTo>
                    <a:pt x="383" y="96"/>
                  </a:lnTo>
                  <a:lnTo>
                    <a:pt x="384" y="96"/>
                  </a:lnTo>
                  <a:lnTo>
                    <a:pt x="384" y="94"/>
                  </a:lnTo>
                  <a:lnTo>
                    <a:pt x="386" y="94"/>
                  </a:lnTo>
                  <a:lnTo>
                    <a:pt x="388" y="94"/>
                  </a:lnTo>
                  <a:lnTo>
                    <a:pt x="390" y="94"/>
                  </a:lnTo>
                  <a:lnTo>
                    <a:pt x="392" y="94"/>
                  </a:lnTo>
                  <a:lnTo>
                    <a:pt x="394" y="94"/>
                  </a:lnTo>
                  <a:lnTo>
                    <a:pt x="394" y="96"/>
                  </a:lnTo>
                  <a:lnTo>
                    <a:pt x="396" y="96"/>
                  </a:lnTo>
                  <a:lnTo>
                    <a:pt x="396" y="94"/>
                  </a:lnTo>
                  <a:lnTo>
                    <a:pt x="397" y="94"/>
                  </a:lnTo>
                  <a:lnTo>
                    <a:pt x="399" y="94"/>
                  </a:lnTo>
                  <a:lnTo>
                    <a:pt x="399" y="93"/>
                  </a:lnTo>
                  <a:lnTo>
                    <a:pt x="401" y="93"/>
                  </a:lnTo>
                  <a:lnTo>
                    <a:pt x="403" y="93"/>
                  </a:lnTo>
                  <a:lnTo>
                    <a:pt x="405" y="93"/>
                  </a:lnTo>
                  <a:lnTo>
                    <a:pt x="407" y="93"/>
                  </a:lnTo>
                  <a:lnTo>
                    <a:pt x="407" y="94"/>
                  </a:lnTo>
                  <a:lnTo>
                    <a:pt x="409" y="96"/>
                  </a:lnTo>
                  <a:lnTo>
                    <a:pt x="409" y="98"/>
                  </a:lnTo>
                  <a:lnTo>
                    <a:pt x="410" y="100"/>
                  </a:lnTo>
                  <a:lnTo>
                    <a:pt x="412" y="100"/>
                  </a:lnTo>
                  <a:lnTo>
                    <a:pt x="412" y="102"/>
                  </a:lnTo>
                  <a:lnTo>
                    <a:pt x="412" y="104"/>
                  </a:lnTo>
                  <a:lnTo>
                    <a:pt x="412" y="105"/>
                  </a:lnTo>
                  <a:lnTo>
                    <a:pt x="412" y="107"/>
                  </a:lnTo>
                  <a:lnTo>
                    <a:pt x="414" y="109"/>
                  </a:lnTo>
                  <a:lnTo>
                    <a:pt x="414" y="111"/>
                  </a:lnTo>
                  <a:lnTo>
                    <a:pt x="416" y="117"/>
                  </a:lnTo>
                  <a:lnTo>
                    <a:pt x="416" y="120"/>
                  </a:lnTo>
                  <a:lnTo>
                    <a:pt x="418" y="120"/>
                  </a:lnTo>
                  <a:lnTo>
                    <a:pt x="412" y="130"/>
                  </a:lnTo>
                  <a:lnTo>
                    <a:pt x="414" y="131"/>
                  </a:lnTo>
                  <a:lnTo>
                    <a:pt x="414" y="133"/>
                  </a:lnTo>
                  <a:lnTo>
                    <a:pt x="414" y="135"/>
                  </a:lnTo>
                  <a:lnTo>
                    <a:pt x="416" y="137"/>
                  </a:lnTo>
                  <a:lnTo>
                    <a:pt x="416" y="139"/>
                  </a:lnTo>
                  <a:lnTo>
                    <a:pt x="416" y="141"/>
                  </a:lnTo>
                  <a:lnTo>
                    <a:pt x="418" y="141"/>
                  </a:lnTo>
                  <a:lnTo>
                    <a:pt x="418" y="142"/>
                  </a:lnTo>
                  <a:lnTo>
                    <a:pt x="420" y="142"/>
                  </a:lnTo>
                  <a:lnTo>
                    <a:pt x="421" y="142"/>
                  </a:lnTo>
                  <a:lnTo>
                    <a:pt x="421" y="144"/>
                  </a:lnTo>
                  <a:lnTo>
                    <a:pt x="423" y="144"/>
                  </a:lnTo>
                  <a:lnTo>
                    <a:pt x="423" y="146"/>
                  </a:lnTo>
                  <a:lnTo>
                    <a:pt x="425" y="146"/>
                  </a:lnTo>
                  <a:lnTo>
                    <a:pt x="425" y="148"/>
                  </a:lnTo>
                  <a:lnTo>
                    <a:pt x="427" y="150"/>
                  </a:lnTo>
                  <a:lnTo>
                    <a:pt x="427" y="152"/>
                  </a:lnTo>
                  <a:lnTo>
                    <a:pt x="429" y="152"/>
                  </a:lnTo>
                  <a:lnTo>
                    <a:pt x="431" y="152"/>
                  </a:lnTo>
                  <a:lnTo>
                    <a:pt x="433" y="152"/>
                  </a:lnTo>
                  <a:lnTo>
                    <a:pt x="433" y="150"/>
                  </a:lnTo>
                  <a:lnTo>
                    <a:pt x="434" y="150"/>
                  </a:lnTo>
                  <a:lnTo>
                    <a:pt x="436" y="150"/>
                  </a:lnTo>
                  <a:lnTo>
                    <a:pt x="438" y="150"/>
                  </a:lnTo>
                  <a:lnTo>
                    <a:pt x="440" y="150"/>
                  </a:lnTo>
                  <a:lnTo>
                    <a:pt x="442" y="150"/>
                  </a:lnTo>
                  <a:lnTo>
                    <a:pt x="442" y="148"/>
                  </a:lnTo>
                  <a:lnTo>
                    <a:pt x="444" y="148"/>
                  </a:lnTo>
                  <a:lnTo>
                    <a:pt x="445" y="146"/>
                  </a:lnTo>
                  <a:lnTo>
                    <a:pt x="445" y="144"/>
                  </a:lnTo>
                  <a:lnTo>
                    <a:pt x="445" y="142"/>
                  </a:lnTo>
                  <a:lnTo>
                    <a:pt x="447" y="142"/>
                  </a:lnTo>
                  <a:lnTo>
                    <a:pt x="449" y="141"/>
                  </a:lnTo>
                  <a:lnTo>
                    <a:pt x="449" y="139"/>
                  </a:lnTo>
                  <a:lnTo>
                    <a:pt x="451" y="139"/>
                  </a:lnTo>
                  <a:lnTo>
                    <a:pt x="451" y="137"/>
                  </a:lnTo>
                  <a:lnTo>
                    <a:pt x="451" y="135"/>
                  </a:lnTo>
                  <a:lnTo>
                    <a:pt x="453" y="135"/>
                  </a:lnTo>
                  <a:lnTo>
                    <a:pt x="453" y="133"/>
                  </a:lnTo>
                  <a:lnTo>
                    <a:pt x="455" y="135"/>
                  </a:lnTo>
                  <a:lnTo>
                    <a:pt x="455" y="133"/>
                  </a:lnTo>
                  <a:lnTo>
                    <a:pt x="457" y="133"/>
                  </a:lnTo>
                  <a:lnTo>
                    <a:pt x="457" y="131"/>
                  </a:lnTo>
                  <a:lnTo>
                    <a:pt x="457" y="130"/>
                  </a:lnTo>
                  <a:lnTo>
                    <a:pt x="458" y="130"/>
                  </a:lnTo>
                  <a:lnTo>
                    <a:pt x="460" y="130"/>
                  </a:lnTo>
                  <a:lnTo>
                    <a:pt x="460" y="128"/>
                  </a:lnTo>
                  <a:lnTo>
                    <a:pt x="462" y="128"/>
                  </a:lnTo>
                  <a:lnTo>
                    <a:pt x="462" y="126"/>
                  </a:lnTo>
                  <a:lnTo>
                    <a:pt x="464" y="126"/>
                  </a:lnTo>
                  <a:lnTo>
                    <a:pt x="466" y="126"/>
                  </a:lnTo>
                  <a:lnTo>
                    <a:pt x="468" y="126"/>
                  </a:lnTo>
                  <a:lnTo>
                    <a:pt x="468" y="124"/>
                  </a:lnTo>
                  <a:lnTo>
                    <a:pt x="468" y="122"/>
                  </a:lnTo>
                  <a:lnTo>
                    <a:pt x="470" y="120"/>
                  </a:lnTo>
                  <a:lnTo>
                    <a:pt x="471" y="120"/>
                  </a:lnTo>
                  <a:lnTo>
                    <a:pt x="471" y="122"/>
                  </a:lnTo>
                  <a:lnTo>
                    <a:pt x="473" y="122"/>
                  </a:lnTo>
                  <a:lnTo>
                    <a:pt x="473" y="120"/>
                  </a:lnTo>
                  <a:lnTo>
                    <a:pt x="475" y="120"/>
                  </a:lnTo>
                  <a:lnTo>
                    <a:pt x="475" y="122"/>
                  </a:lnTo>
                  <a:lnTo>
                    <a:pt x="477" y="120"/>
                  </a:lnTo>
                  <a:lnTo>
                    <a:pt x="479" y="120"/>
                  </a:lnTo>
                  <a:lnTo>
                    <a:pt x="479" y="118"/>
                  </a:lnTo>
                  <a:lnTo>
                    <a:pt x="479" y="117"/>
                  </a:lnTo>
                  <a:lnTo>
                    <a:pt x="481" y="115"/>
                  </a:lnTo>
                  <a:lnTo>
                    <a:pt x="482" y="117"/>
                  </a:lnTo>
                  <a:lnTo>
                    <a:pt x="486" y="118"/>
                  </a:lnTo>
                  <a:lnTo>
                    <a:pt x="486" y="117"/>
                  </a:lnTo>
                  <a:lnTo>
                    <a:pt x="488" y="117"/>
                  </a:lnTo>
                  <a:lnTo>
                    <a:pt x="490" y="115"/>
                  </a:lnTo>
                  <a:lnTo>
                    <a:pt x="492" y="113"/>
                  </a:lnTo>
                  <a:lnTo>
                    <a:pt x="495" y="111"/>
                  </a:lnTo>
                  <a:lnTo>
                    <a:pt x="495" y="113"/>
                  </a:lnTo>
                  <a:lnTo>
                    <a:pt x="497" y="111"/>
                  </a:lnTo>
                  <a:lnTo>
                    <a:pt x="499" y="111"/>
                  </a:lnTo>
                  <a:lnTo>
                    <a:pt x="499" y="109"/>
                  </a:lnTo>
                  <a:lnTo>
                    <a:pt x="499" y="111"/>
                  </a:lnTo>
                  <a:lnTo>
                    <a:pt x="501" y="109"/>
                  </a:lnTo>
                  <a:lnTo>
                    <a:pt x="501" y="111"/>
                  </a:lnTo>
                  <a:lnTo>
                    <a:pt x="501" y="109"/>
                  </a:lnTo>
                  <a:lnTo>
                    <a:pt x="503" y="109"/>
                  </a:lnTo>
                  <a:lnTo>
                    <a:pt x="503" y="107"/>
                  </a:lnTo>
                  <a:lnTo>
                    <a:pt x="505" y="107"/>
                  </a:lnTo>
                  <a:lnTo>
                    <a:pt x="508" y="107"/>
                  </a:lnTo>
                  <a:lnTo>
                    <a:pt x="508" y="105"/>
                  </a:lnTo>
                  <a:lnTo>
                    <a:pt x="510" y="104"/>
                  </a:lnTo>
                  <a:lnTo>
                    <a:pt x="512" y="104"/>
                  </a:lnTo>
                  <a:lnTo>
                    <a:pt x="516" y="102"/>
                  </a:lnTo>
                  <a:lnTo>
                    <a:pt x="521" y="105"/>
                  </a:lnTo>
                  <a:lnTo>
                    <a:pt x="519" y="107"/>
                  </a:lnTo>
                  <a:lnTo>
                    <a:pt x="525" y="117"/>
                  </a:lnTo>
                  <a:lnTo>
                    <a:pt x="525" y="118"/>
                  </a:lnTo>
                  <a:lnTo>
                    <a:pt x="527" y="118"/>
                  </a:lnTo>
                  <a:lnTo>
                    <a:pt x="527" y="120"/>
                  </a:lnTo>
                  <a:lnTo>
                    <a:pt x="531" y="120"/>
                  </a:lnTo>
                  <a:lnTo>
                    <a:pt x="532" y="120"/>
                  </a:lnTo>
                  <a:lnTo>
                    <a:pt x="532" y="122"/>
                  </a:lnTo>
                  <a:lnTo>
                    <a:pt x="532" y="120"/>
                  </a:lnTo>
                  <a:lnTo>
                    <a:pt x="536" y="122"/>
                  </a:lnTo>
                  <a:lnTo>
                    <a:pt x="538" y="122"/>
                  </a:lnTo>
                  <a:lnTo>
                    <a:pt x="538" y="124"/>
                  </a:lnTo>
                  <a:lnTo>
                    <a:pt x="540" y="124"/>
                  </a:lnTo>
                  <a:lnTo>
                    <a:pt x="545" y="122"/>
                  </a:lnTo>
                  <a:lnTo>
                    <a:pt x="545" y="120"/>
                  </a:lnTo>
                  <a:lnTo>
                    <a:pt x="547" y="118"/>
                  </a:lnTo>
                  <a:lnTo>
                    <a:pt x="549" y="118"/>
                  </a:lnTo>
                  <a:lnTo>
                    <a:pt x="551" y="115"/>
                  </a:lnTo>
                  <a:lnTo>
                    <a:pt x="551" y="113"/>
                  </a:lnTo>
                  <a:lnTo>
                    <a:pt x="553" y="111"/>
                  </a:lnTo>
                  <a:lnTo>
                    <a:pt x="555" y="109"/>
                  </a:lnTo>
                  <a:lnTo>
                    <a:pt x="556" y="109"/>
                  </a:lnTo>
                  <a:lnTo>
                    <a:pt x="558" y="109"/>
                  </a:lnTo>
                  <a:lnTo>
                    <a:pt x="560" y="107"/>
                  </a:lnTo>
                  <a:lnTo>
                    <a:pt x="562" y="107"/>
                  </a:lnTo>
                  <a:lnTo>
                    <a:pt x="564" y="105"/>
                  </a:lnTo>
                  <a:lnTo>
                    <a:pt x="566" y="104"/>
                  </a:lnTo>
                  <a:lnTo>
                    <a:pt x="567" y="104"/>
                  </a:lnTo>
                  <a:lnTo>
                    <a:pt x="569" y="102"/>
                  </a:lnTo>
                  <a:lnTo>
                    <a:pt x="571" y="100"/>
                  </a:lnTo>
                  <a:lnTo>
                    <a:pt x="577" y="105"/>
                  </a:lnTo>
                  <a:lnTo>
                    <a:pt x="584" y="109"/>
                  </a:lnTo>
                  <a:lnTo>
                    <a:pt x="586" y="111"/>
                  </a:lnTo>
                  <a:lnTo>
                    <a:pt x="590" y="111"/>
                  </a:lnTo>
                  <a:lnTo>
                    <a:pt x="593" y="111"/>
                  </a:lnTo>
                  <a:lnTo>
                    <a:pt x="595" y="115"/>
                  </a:lnTo>
                  <a:lnTo>
                    <a:pt x="593" y="117"/>
                  </a:lnTo>
                  <a:lnTo>
                    <a:pt x="595" y="117"/>
                  </a:lnTo>
                  <a:lnTo>
                    <a:pt x="597" y="118"/>
                  </a:lnTo>
                  <a:lnTo>
                    <a:pt x="597" y="120"/>
                  </a:lnTo>
                  <a:lnTo>
                    <a:pt x="599" y="122"/>
                  </a:lnTo>
                  <a:lnTo>
                    <a:pt x="597" y="124"/>
                  </a:lnTo>
                  <a:lnTo>
                    <a:pt x="599" y="126"/>
                  </a:lnTo>
                  <a:lnTo>
                    <a:pt x="597" y="128"/>
                  </a:lnTo>
                  <a:lnTo>
                    <a:pt x="597" y="130"/>
                  </a:lnTo>
                  <a:lnTo>
                    <a:pt x="597" y="131"/>
                  </a:lnTo>
                  <a:lnTo>
                    <a:pt x="597" y="133"/>
                  </a:lnTo>
                  <a:lnTo>
                    <a:pt x="599" y="135"/>
                  </a:lnTo>
                  <a:lnTo>
                    <a:pt x="597" y="139"/>
                  </a:lnTo>
                  <a:lnTo>
                    <a:pt x="595" y="139"/>
                  </a:lnTo>
                  <a:lnTo>
                    <a:pt x="595" y="144"/>
                  </a:lnTo>
                  <a:lnTo>
                    <a:pt x="597" y="148"/>
                  </a:lnTo>
                  <a:lnTo>
                    <a:pt x="599" y="150"/>
                  </a:lnTo>
                  <a:lnTo>
                    <a:pt x="601" y="154"/>
                  </a:lnTo>
                  <a:lnTo>
                    <a:pt x="604" y="161"/>
                  </a:lnTo>
                  <a:lnTo>
                    <a:pt x="606" y="165"/>
                  </a:lnTo>
                  <a:lnTo>
                    <a:pt x="608" y="168"/>
                  </a:lnTo>
                  <a:lnTo>
                    <a:pt x="612" y="167"/>
                  </a:lnTo>
                  <a:lnTo>
                    <a:pt x="617" y="165"/>
                  </a:lnTo>
                  <a:lnTo>
                    <a:pt x="616" y="165"/>
                  </a:lnTo>
                  <a:lnTo>
                    <a:pt x="617" y="165"/>
                  </a:lnTo>
                  <a:lnTo>
                    <a:pt x="617" y="163"/>
                  </a:lnTo>
                  <a:lnTo>
                    <a:pt x="617" y="161"/>
                  </a:lnTo>
                  <a:lnTo>
                    <a:pt x="619" y="161"/>
                  </a:lnTo>
                  <a:lnTo>
                    <a:pt x="621" y="159"/>
                  </a:lnTo>
                  <a:lnTo>
                    <a:pt x="623" y="159"/>
                  </a:lnTo>
                  <a:lnTo>
                    <a:pt x="623" y="157"/>
                  </a:lnTo>
                  <a:lnTo>
                    <a:pt x="623" y="155"/>
                  </a:lnTo>
                  <a:lnTo>
                    <a:pt x="625" y="157"/>
                  </a:lnTo>
                  <a:lnTo>
                    <a:pt x="625" y="159"/>
                  </a:lnTo>
                  <a:lnTo>
                    <a:pt x="625" y="161"/>
                  </a:lnTo>
                  <a:lnTo>
                    <a:pt x="627" y="161"/>
                  </a:lnTo>
                  <a:lnTo>
                    <a:pt x="627" y="163"/>
                  </a:lnTo>
                  <a:lnTo>
                    <a:pt x="627" y="165"/>
                  </a:lnTo>
                  <a:lnTo>
                    <a:pt x="627" y="167"/>
                  </a:lnTo>
                  <a:lnTo>
                    <a:pt x="625" y="168"/>
                  </a:lnTo>
                  <a:lnTo>
                    <a:pt x="625" y="170"/>
                  </a:lnTo>
                  <a:lnTo>
                    <a:pt x="625" y="172"/>
                  </a:lnTo>
                  <a:lnTo>
                    <a:pt x="625" y="174"/>
                  </a:lnTo>
                  <a:lnTo>
                    <a:pt x="625" y="176"/>
                  </a:lnTo>
                  <a:lnTo>
                    <a:pt x="625" y="178"/>
                  </a:lnTo>
                  <a:lnTo>
                    <a:pt x="625" y="179"/>
                  </a:lnTo>
                  <a:lnTo>
                    <a:pt x="627" y="183"/>
                  </a:lnTo>
                  <a:lnTo>
                    <a:pt x="627" y="187"/>
                  </a:lnTo>
                  <a:lnTo>
                    <a:pt x="625" y="194"/>
                  </a:lnTo>
                  <a:lnTo>
                    <a:pt x="625" y="198"/>
                  </a:lnTo>
                  <a:lnTo>
                    <a:pt x="625" y="202"/>
                  </a:lnTo>
                  <a:lnTo>
                    <a:pt x="627" y="207"/>
                  </a:lnTo>
                  <a:lnTo>
                    <a:pt x="632" y="215"/>
                  </a:lnTo>
                  <a:lnTo>
                    <a:pt x="632" y="213"/>
                  </a:lnTo>
                  <a:lnTo>
                    <a:pt x="634" y="213"/>
                  </a:lnTo>
                  <a:lnTo>
                    <a:pt x="634" y="211"/>
                  </a:lnTo>
                  <a:lnTo>
                    <a:pt x="634" y="209"/>
                  </a:lnTo>
                  <a:lnTo>
                    <a:pt x="636" y="209"/>
                  </a:lnTo>
                  <a:lnTo>
                    <a:pt x="636" y="207"/>
                  </a:lnTo>
                  <a:lnTo>
                    <a:pt x="638" y="207"/>
                  </a:lnTo>
                  <a:lnTo>
                    <a:pt x="640" y="205"/>
                  </a:lnTo>
                  <a:lnTo>
                    <a:pt x="641" y="205"/>
                  </a:lnTo>
                  <a:lnTo>
                    <a:pt x="641" y="204"/>
                  </a:lnTo>
                  <a:lnTo>
                    <a:pt x="641" y="202"/>
                  </a:lnTo>
                  <a:lnTo>
                    <a:pt x="643" y="202"/>
                  </a:lnTo>
                  <a:lnTo>
                    <a:pt x="643" y="200"/>
                  </a:lnTo>
                  <a:lnTo>
                    <a:pt x="643" y="198"/>
                  </a:lnTo>
                  <a:lnTo>
                    <a:pt x="643" y="196"/>
                  </a:lnTo>
                  <a:lnTo>
                    <a:pt x="645" y="196"/>
                  </a:lnTo>
                  <a:lnTo>
                    <a:pt x="643" y="196"/>
                  </a:lnTo>
                  <a:lnTo>
                    <a:pt x="643" y="194"/>
                  </a:lnTo>
                  <a:lnTo>
                    <a:pt x="645" y="194"/>
                  </a:lnTo>
                  <a:lnTo>
                    <a:pt x="647" y="194"/>
                  </a:lnTo>
                  <a:lnTo>
                    <a:pt x="649" y="194"/>
                  </a:lnTo>
                  <a:lnTo>
                    <a:pt x="651" y="194"/>
                  </a:lnTo>
                  <a:lnTo>
                    <a:pt x="653" y="196"/>
                  </a:lnTo>
                  <a:lnTo>
                    <a:pt x="656" y="196"/>
                  </a:lnTo>
                  <a:lnTo>
                    <a:pt x="658" y="194"/>
                  </a:lnTo>
                  <a:lnTo>
                    <a:pt x="662" y="194"/>
                  </a:lnTo>
                  <a:lnTo>
                    <a:pt x="671" y="187"/>
                  </a:lnTo>
                  <a:lnTo>
                    <a:pt x="673" y="185"/>
                  </a:lnTo>
                  <a:lnTo>
                    <a:pt x="675" y="181"/>
                  </a:lnTo>
                  <a:lnTo>
                    <a:pt x="678" y="178"/>
                  </a:lnTo>
                  <a:lnTo>
                    <a:pt x="680" y="178"/>
                  </a:lnTo>
                  <a:lnTo>
                    <a:pt x="682" y="178"/>
                  </a:lnTo>
                  <a:lnTo>
                    <a:pt x="684" y="178"/>
                  </a:lnTo>
                  <a:lnTo>
                    <a:pt x="686" y="178"/>
                  </a:lnTo>
                  <a:lnTo>
                    <a:pt x="688" y="178"/>
                  </a:lnTo>
                  <a:lnTo>
                    <a:pt x="689" y="178"/>
                  </a:lnTo>
                  <a:lnTo>
                    <a:pt x="691" y="176"/>
                  </a:lnTo>
                  <a:lnTo>
                    <a:pt x="691" y="174"/>
                  </a:lnTo>
                  <a:lnTo>
                    <a:pt x="693" y="174"/>
                  </a:lnTo>
                  <a:lnTo>
                    <a:pt x="695" y="174"/>
                  </a:lnTo>
                  <a:lnTo>
                    <a:pt x="695" y="172"/>
                  </a:lnTo>
                  <a:lnTo>
                    <a:pt x="695" y="170"/>
                  </a:lnTo>
                  <a:lnTo>
                    <a:pt x="699" y="168"/>
                  </a:lnTo>
                  <a:lnTo>
                    <a:pt x="699" y="167"/>
                  </a:lnTo>
                  <a:lnTo>
                    <a:pt x="701" y="167"/>
                  </a:lnTo>
                  <a:lnTo>
                    <a:pt x="702" y="167"/>
                  </a:lnTo>
                  <a:lnTo>
                    <a:pt x="704" y="165"/>
                  </a:lnTo>
                  <a:lnTo>
                    <a:pt x="704" y="167"/>
                  </a:lnTo>
                  <a:lnTo>
                    <a:pt x="708" y="167"/>
                  </a:lnTo>
                  <a:lnTo>
                    <a:pt x="706" y="165"/>
                  </a:lnTo>
                  <a:lnTo>
                    <a:pt x="708" y="165"/>
                  </a:lnTo>
                  <a:lnTo>
                    <a:pt x="710" y="165"/>
                  </a:lnTo>
                  <a:lnTo>
                    <a:pt x="712" y="165"/>
                  </a:lnTo>
                  <a:lnTo>
                    <a:pt x="712" y="163"/>
                  </a:lnTo>
                  <a:lnTo>
                    <a:pt x="712" y="161"/>
                  </a:lnTo>
                  <a:lnTo>
                    <a:pt x="714" y="161"/>
                  </a:lnTo>
                  <a:lnTo>
                    <a:pt x="714" y="159"/>
                  </a:lnTo>
                  <a:lnTo>
                    <a:pt x="715" y="159"/>
                  </a:lnTo>
                  <a:lnTo>
                    <a:pt x="717" y="159"/>
                  </a:lnTo>
                  <a:lnTo>
                    <a:pt x="719" y="159"/>
                  </a:lnTo>
                  <a:lnTo>
                    <a:pt x="719" y="157"/>
                  </a:lnTo>
                  <a:lnTo>
                    <a:pt x="721" y="157"/>
                  </a:lnTo>
                  <a:lnTo>
                    <a:pt x="721" y="155"/>
                  </a:lnTo>
                  <a:lnTo>
                    <a:pt x="723" y="155"/>
                  </a:lnTo>
                  <a:lnTo>
                    <a:pt x="723" y="154"/>
                  </a:lnTo>
                  <a:lnTo>
                    <a:pt x="725" y="154"/>
                  </a:lnTo>
                  <a:lnTo>
                    <a:pt x="726" y="155"/>
                  </a:lnTo>
                  <a:lnTo>
                    <a:pt x="726" y="154"/>
                  </a:lnTo>
                  <a:lnTo>
                    <a:pt x="726" y="152"/>
                  </a:lnTo>
                  <a:lnTo>
                    <a:pt x="728" y="152"/>
                  </a:lnTo>
                  <a:lnTo>
                    <a:pt x="728" y="150"/>
                  </a:lnTo>
                  <a:lnTo>
                    <a:pt x="730" y="150"/>
                  </a:lnTo>
                  <a:lnTo>
                    <a:pt x="730" y="152"/>
                  </a:lnTo>
                  <a:lnTo>
                    <a:pt x="730" y="150"/>
                  </a:lnTo>
                  <a:lnTo>
                    <a:pt x="732" y="150"/>
                  </a:lnTo>
                  <a:lnTo>
                    <a:pt x="734" y="150"/>
                  </a:lnTo>
                  <a:lnTo>
                    <a:pt x="734" y="148"/>
                  </a:lnTo>
                  <a:lnTo>
                    <a:pt x="736" y="148"/>
                  </a:lnTo>
                  <a:lnTo>
                    <a:pt x="736" y="146"/>
                  </a:lnTo>
                  <a:lnTo>
                    <a:pt x="738" y="146"/>
                  </a:lnTo>
                  <a:lnTo>
                    <a:pt x="739" y="144"/>
                  </a:lnTo>
                  <a:lnTo>
                    <a:pt x="741" y="144"/>
                  </a:lnTo>
                  <a:lnTo>
                    <a:pt x="743" y="142"/>
                  </a:lnTo>
                  <a:lnTo>
                    <a:pt x="745" y="142"/>
                  </a:lnTo>
                  <a:lnTo>
                    <a:pt x="745" y="141"/>
                  </a:lnTo>
                  <a:lnTo>
                    <a:pt x="749" y="150"/>
                  </a:lnTo>
                  <a:lnTo>
                    <a:pt x="750" y="154"/>
                  </a:lnTo>
                  <a:lnTo>
                    <a:pt x="750" y="155"/>
                  </a:lnTo>
                  <a:lnTo>
                    <a:pt x="752" y="155"/>
                  </a:lnTo>
                  <a:lnTo>
                    <a:pt x="752" y="157"/>
                  </a:lnTo>
                  <a:lnTo>
                    <a:pt x="756" y="163"/>
                  </a:lnTo>
                  <a:lnTo>
                    <a:pt x="758" y="168"/>
                  </a:lnTo>
                  <a:lnTo>
                    <a:pt x="760" y="172"/>
                  </a:lnTo>
                  <a:lnTo>
                    <a:pt x="762" y="172"/>
                  </a:lnTo>
                  <a:lnTo>
                    <a:pt x="762" y="174"/>
                  </a:lnTo>
                  <a:lnTo>
                    <a:pt x="762" y="176"/>
                  </a:lnTo>
                  <a:lnTo>
                    <a:pt x="763" y="176"/>
                  </a:lnTo>
                  <a:lnTo>
                    <a:pt x="763" y="178"/>
                  </a:lnTo>
                  <a:lnTo>
                    <a:pt x="765" y="178"/>
                  </a:lnTo>
                  <a:lnTo>
                    <a:pt x="767" y="178"/>
                  </a:lnTo>
                  <a:lnTo>
                    <a:pt x="769" y="178"/>
                  </a:lnTo>
                  <a:lnTo>
                    <a:pt x="769" y="179"/>
                  </a:lnTo>
                  <a:lnTo>
                    <a:pt x="771" y="179"/>
                  </a:lnTo>
                  <a:lnTo>
                    <a:pt x="771" y="183"/>
                  </a:lnTo>
                  <a:lnTo>
                    <a:pt x="771" y="185"/>
                  </a:lnTo>
                  <a:lnTo>
                    <a:pt x="773" y="187"/>
                  </a:lnTo>
                  <a:lnTo>
                    <a:pt x="773" y="189"/>
                  </a:lnTo>
                  <a:lnTo>
                    <a:pt x="773" y="192"/>
                  </a:lnTo>
                  <a:lnTo>
                    <a:pt x="776" y="202"/>
                  </a:lnTo>
                  <a:lnTo>
                    <a:pt x="778" y="205"/>
                  </a:lnTo>
                  <a:lnTo>
                    <a:pt x="776" y="209"/>
                  </a:lnTo>
                  <a:lnTo>
                    <a:pt x="778" y="220"/>
                  </a:lnTo>
                  <a:lnTo>
                    <a:pt x="778" y="224"/>
                  </a:lnTo>
                  <a:lnTo>
                    <a:pt x="776" y="231"/>
                  </a:lnTo>
                  <a:lnTo>
                    <a:pt x="769" y="237"/>
                  </a:lnTo>
                  <a:lnTo>
                    <a:pt x="767" y="237"/>
                  </a:lnTo>
                  <a:lnTo>
                    <a:pt x="765" y="237"/>
                  </a:lnTo>
                  <a:lnTo>
                    <a:pt x="763" y="239"/>
                  </a:lnTo>
                  <a:lnTo>
                    <a:pt x="762" y="239"/>
                  </a:lnTo>
                  <a:lnTo>
                    <a:pt x="762" y="241"/>
                  </a:lnTo>
                  <a:lnTo>
                    <a:pt x="760" y="241"/>
                  </a:lnTo>
                  <a:lnTo>
                    <a:pt x="758" y="241"/>
                  </a:lnTo>
                  <a:lnTo>
                    <a:pt x="756" y="241"/>
                  </a:lnTo>
                  <a:lnTo>
                    <a:pt x="756" y="242"/>
                  </a:lnTo>
                  <a:lnTo>
                    <a:pt x="754" y="242"/>
                  </a:lnTo>
                  <a:lnTo>
                    <a:pt x="754" y="244"/>
                  </a:lnTo>
                  <a:lnTo>
                    <a:pt x="752" y="244"/>
                  </a:lnTo>
                  <a:lnTo>
                    <a:pt x="752" y="246"/>
                  </a:lnTo>
                  <a:lnTo>
                    <a:pt x="750" y="246"/>
                  </a:lnTo>
                  <a:lnTo>
                    <a:pt x="750" y="248"/>
                  </a:lnTo>
                  <a:lnTo>
                    <a:pt x="749" y="248"/>
                  </a:lnTo>
                  <a:lnTo>
                    <a:pt x="747" y="250"/>
                  </a:lnTo>
                  <a:lnTo>
                    <a:pt x="745" y="252"/>
                  </a:lnTo>
                  <a:lnTo>
                    <a:pt x="745" y="253"/>
                  </a:lnTo>
                  <a:lnTo>
                    <a:pt x="743" y="252"/>
                  </a:lnTo>
                  <a:lnTo>
                    <a:pt x="741" y="253"/>
                  </a:lnTo>
                  <a:lnTo>
                    <a:pt x="739" y="253"/>
                  </a:lnTo>
                  <a:lnTo>
                    <a:pt x="738" y="255"/>
                  </a:lnTo>
                  <a:lnTo>
                    <a:pt x="736" y="255"/>
                  </a:lnTo>
                  <a:lnTo>
                    <a:pt x="732" y="257"/>
                  </a:lnTo>
                  <a:lnTo>
                    <a:pt x="730" y="257"/>
                  </a:lnTo>
                  <a:lnTo>
                    <a:pt x="728" y="259"/>
                  </a:lnTo>
                  <a:lnTo>
                    <a:pt x="726" y="259"/>
                  </a:lnTo>
                  <a:lnTo>
                    <a:pt x="726" y="261"/>
                  </a:lnTo>
                  <a:lnTo>
                    <a:pt x="725" y="263"/>
                  </a:lnTo>
                  <a:lnTo>
                    <a:pt x="723" y="263"/>
                  </a:lnTo>
                  <a:lnTo>
                    <a:pt x="721" y="263"/>
                  </a:lnTo>
                  <a:lnTo>
                    <a:pt x="719" y="265"/>
                  </a:lnTo>
                  <a:lnTo>
                    <a:pt x="719" y="263"/>
                  </a:lnTo>
                  <a:lnTo>
                    <a:pt x="717" y="265"/>
                  </a:lnTo>
                  <a:lnTo>
                    <a:pt x="717" y="263"/>
                  </a:lnTo>
                  <a:lnTo>
                    <a:pt x="715" y="263"/>
                  </a:lnTo>
                  <a:lnTo>
                    <a:pt x="714" y="263"/>
                  </a:lnTo>
                  <a:lnTo>
                    <a:pt x="712" y="263"/>
                  </a:lnTo>
                  <a:lnTo>
                    <a:pt x="710" y="263"/>
                  </a:lnTo>
                  <a:lnTo>
                    <a:pt x="710" y="265"/>
                  </a:lnTo>
                  <a:lnTo>
                    <a:pt x="708" y="265"/>
                  </a:lnTo>
                  <a:lnTo>
                    <a:pt x="706" y="266"/>
                  </a:lnTo>
                  <a:lnTo>
                    <a:pt x="706" y="268"/>
                  </a:lnTo>
                  <a:lnTo>
                    <a:pt x="704" y="270"/>
                  </a:lnTo>
                  <a:lnTo>
                    <a:pt x="702" y="272"/>
                  </a:lnTo>
                  <a:lnTo>
                    <a:pt x="701" y="274"/>
                  </a:lnTo>
                  <a:lnTo>
                    <a:pt x="699" y="276"/>
                  </a:lnTo>
                  <a:lnTo>
                    <a:pt x="699" y="278"/>
                  </a:lnTo>
                  <a:lnTo>
                    <a:pt x="699" y="279"/>
                  </a:lnTo>
                  <a:lnTo>
                    <a:pt x="697" y="279"/>
                  </a:lnTo>
                  <a:lnTo>
                    <a:pt x="695" y="281"/>
                  </a:lnTo>
                  <a:lnTo>
                    <a:pt x="695" y="283"/>
                  </a:lnTo>
                  <a:lnTo>
                    <a:pt x="693" y="283"/>
                  </a:lnTo>
                  <a:lnTo>
                    <a:pt x="693" y="285"/>
                  </a:lnTo>
                  <a:lnTo>
                    <a:pt x="691" y="287"/>
                  </a:lnTo>
                  <a:lnTo>
                    <a:pt x="689" y="287"/>
                  </a:lnTo>
                  <a:lnTo>
                    <a:pt x="688" y="289"/>
                  </a:lnTo>
                  <a:lnTo>
                    <a:pt x="686" y="289"/>
                  </a:lnTo>
                  <a:lnTo>
                    <a:pt x="684" y="289"/>
                  </a:lnTo>
                  <a:lnTo>
                    <a:pt x="682" y="289"/>
                  </a:lnTo>
                  <a:lnTo>
                    <a:pt x="682" y="290"/>
                  </a:lnTo>
                  <a:lnTo>
                    <a:pt x="680" y="290"/>
                  </a:lnTo>
                  <a:lnTo>
                    <a:pt x="678" y="292"/>
                  </a:lnTo>
                  <a:lnTo>
                    <a:pt x="677" y="292"/>
                  </a:lnTo>
                  <a:lnTo>
                    <a:pt x="675" y="294"/>
                  </a:lnTo>
                  <a:lnTo>
                    <a:pt x="673" y="294"/>
                  </a:lnTo>
                  <a:lnTo>
                    <a:pt x="671" y="296"/>
                  </a:lnTo>
                  <a:lnTo>
                    <a:pt x="669" y="296"/>
                  </a:lnTo>
                  <a:lnTo>
                    <a:pt x="667" y="298"/>
                  </a:lnTo>
                  <a:lnTo>
                    <a:pt x="665" y="298"/>
                  </a:lnTo>
                  <a:lnTo>
                    <a:pt x="664" y="298"/>
                  </a:lnTo>
                  <a:lnTo>
                    <a:pt x="664" y="300"/>
                  </a:lnTo>
                  <a:lnTo>
                    <a:pt x="662" y="302"/>
                  </a:lnTo>
                  <a:lnTo>
                    <a:pt x="660" y="302"/>
                  </a:lnTo>
                  <a:lnTo>
                    <a:pt x="662" y="303"/>
                  </a:lnTo>
                  <a:lnTo>
                    <a:pt x="662" y="305"/>
                  </a:lnTo>
                  <a:lnTo>
                    <a:pt x="664" y="307"/>
                  </a:lnTo>
                  <a:lnTo>
                    <a:pt x="662" y="309"/>
                  </a:lnTo>
                  <a:lnTo>
                    <a:pt x="664" y="311"/>
                  </a:lnTo>
                  <a:lnTo>
                    <a:pt x="664" y="313"/>
                  </a:lnTo>
                  <a:lnTo>
                    <a:pt x="664" y="314"/>
                  </a:lnTo>
                  <a:lnTo>
                    <a:pt x="664" y="316"/>
                  </a:lnTo>
                  <a:lnTo>
                    <a:pt x="665" y="318"/>
                  </a:lnTo>
                  <a:lnTo>
                    <a:pt x="667" y="318"/>
                  </a:lnTo>
                  <a:lnTo>
                    <a:pt x="675" y="327"/>
                  </a:lnTo>
                  <a:lnTo>
                    <a:pt x="673" y="346"/>
                  </a:lnTo>
                  <a:lnTo>
                    <a:pt x="667" y="353"/>
                  </a:lnTo>
                  <a:lnTo>
                    <a:pt x="665" y="355"/>
                  </a:lnTo>
                  <a:lnTo>
                    <a:pt x="667" y="357"/>
                  </a:lnTo>
                  <a:lnTo>
                    <a:pt x="667" y="359"/>
                  </a:lnTo>
                  <a:lnTo>
                    <a:pt x="667" y="361"/>
                  </a:lnTo>
                  <a:lnTo>
                    <a:pt x="667" y="363"/>
                  </a:lnTo>
                  <a:lnTo>
                    <a:pt x="667" y="364"/>
                  </a:lnTo>
                  <a:lnTo>
                    <a:pt x="665" y="364"/>
                  </a:lnTo>
                  <a:lnTo>
                    <a:pt x="665" y="366"/>
                  </a:lnTo>
                  <a:lnTo>
                    <a:pt x="665" y="368"/>
                  </a:lnTo>
                  <a:lnTo>
                    <a:pt x="664" y="370"/>
                  </a:lnTo>
                  <a:lnTo>
                    <a:pt x="662" y="370"/>
                  </a:lnTo>
                  <a:lnTo>
                    <a:pt x="660" y="372"/>
                  </a:lnTo>
                  <a:lnTo>
                    <a:pt x="658" y="374"/>
                  </a:lnTo>
                  <a:lnTo>
                    <a:pt x="656" y="374"/>
                  </a:lnTo>
                  <a:lnTo>
                    <a:pt x="654" y="374"/>
                  </a:lnTo>
                  <a:lnTo>
                    <a:pt x="653" y="374"/>
                  </a:lnTo>
                  <a:lnTo>
                    <a:pt x="651" y="374"/>
                  </a:lnTo>
                  <a:lnTo>
                    <a:pt x="651" y="376"/>
                  </a:lnTo>
                  <a:lnTo>
                    <a:pt x="649" y="376"/>
                  </a:lnTo>
                  <a:lnTo>
                    <a:pt x="647" y="376"/>
                  </a:lnTo>
                  <a:lnTo>
                    <a:pt x="645" y="376"/>
                  </a:lnTo>
                  <a:lnTo>
                    <a:pt x="643" y="377"/>
                  </a:lnTo>
                  <a:lnTo>
                    <a:pt x="641" y="379"/>
                  </a:lnTo>
                  <a:lnTo>
                    <a:pt x="641" y="381"/>
                  </a:lnTo>
                  <a:lnTo>
                    <a:pt x="640" y="383"/>
                  </a:lnTo>
                  <a:lnTo>
                    <a:pt x="638" y="383"/>
                  </a:lnTo>
                  <a:lnTo>
                    <a:pt x="638" y="385"/>
                  </a:lnTo>
                  <a:lnTo>
                    <a:pt x="636" y="385"/>
                  </a:lnTo>
                  <a:lnTo>
                    <a:pt x="636" y="387"/>
                  </a:lnTo>
                  <a:lnTo>
                    <a:pt x="634" y="387"/>
                  </a:lnTo>
                  <a:lnTo>
                    <a:pt x="634" y="388"/>
                  </a:lnTo>
                  <a:lnTo>
                    <a:pt x="632" y="388"/>
                  </a:lnTo>
                  <a:lnTo>
                    <a:pt x="632" y="390"/>
                  </a:lnTo>
                  <a:lnTo>
                    <a:pt x="630" y="390"/>
                  </a:lnTo>
                  <a:lnTo>
                    <a:pt x="628" y="390"/>
                  </a:lnTo>
                  <a:lnTo>
                    <a:pt x="628" y="392"/>
                  </a:lnTo>
                  <a:lnTo>
                    <a:pt x="627" y="392"/>
                  </a:lnTo>
                  <a:lnTo>
                    <a:pt x="627" y="394"/>
                  </a:lnTo>
                  <a:lnTo>
                    <a:pt x="627" y="396"/>
                  </a:lnTo>
                  <a:lnTo>
                    <a:pt x="627" y="398"/>
                  </a:lnTo>
                  <a:lnTo>
                    <a:pt x="628" y="400"/>
                  </a:lnTo>
                  <a:lnTo>
                    <a:pt x="628" y="401"/>
                  </a:lnTo>
                  <a:lnTo>
                    <a:pt x="627" y="401"/>
                  </a:lnTo>
                  <a:lnTo>
                    <a:pt x="625" y="401"/>
                  </a:lnTo>
                  <a:lnTo>
                    <a:pt x="623" y="401"/>
                  </a:lnTo>
                  <a:lnTo>
                    <a:pt x="621" y="401"/>
                  </a:lnTo>
                  <a:lnTo>
                    <a:pt x="619" y="401"/>
                  </a:lnTo>
                  <a:lnTo>
                    <a:pt x="616" y="398"/>
                  </a:lnTo>
                  <a:lnTo>
                    <a:pt x="614" y="398"/>
                  </a:lnTo>
                  <a:lnTo>
                    <a:pt x="612" y="398"/>
                  </a:lnTo>
                  <a:lnTo>
                    <a:pt x="610" y="398"/>
                  </a:lnTo>
                  <a:lnTo>
                    <a:pt x="608" y="398"/>
                  </a:lnTo>
                  <a:lnTo>
                    <a:pt x="608" y="400"/>
                  </a:lnTo>
                  <a:lnTo>
                    <a:pt x="608" y="401"/>
                  </a:lnTo>
                  <a:lnTo>
                    <a:pt x="606" y="401"/>
                  </a:lnTo>
                  <a:lnTo>
                    <a:pt x="606" y="403"/>
                  </a:lnTo>
                  <a:lnTo>
                    <a:pt x="604" y="403"/>
                  </a:lnTo>
                  <a:lnTo>
                    <a:pt x="603" y="403"/>
                  </a:lnTo>
                  <a:lnTo>
                    <a:pt x="601" y="405"/>
                  </a:lnTo>
                  <a:lnTo>
                    <a:pt x="601" y="407"/>
                  </a:lnTo>
                  <a:lnTo>
                    <a:pt x="599" y="409"/>
                  </a:lnTo>
                  <a:lnTo>
                    <a:pt x="599" y="411"/>
                  </a:lnTo>
                  <a:lnTo>
                    <a:pt x="599" y="413"/>
                  </a:lnTo>
                  <a:lnTo>
                    <a:pt x="599" y="414"/>
                  </a:lnTo>
                  <a:lnTo>
                    <a:pt x="601" y="416"/>
                  </a:lnTo>
                  <a:lnTo>
                    <a:pt x="601" y="418"/>
                  </a:lnTo>
                  <a:lnTo>
                    <a:pt x="601" y="420"/>
                  </a:lnTo>
                  <a:lnTo>
                    <a:pt x="601" y="422"/>
                  </a:lnTo>
                  <a:lnTo>
                    <a:pt x="603" y="422"/>
                  </a:lnTo>
                  <a:lnTo>
                    <a:pt x="603" y="424"/>
                  </a:lnTo>
                  <a:lnTo>
                    <a:pt x="603" y="425"/>
                  </a:lnTo>
                  <a:lnTo>
                    <a:pt x="601" y="427"/>
                  </a:lnTo>
                  <a:lnTo>
                    <a:pt x="601" y="429"/>
                  </a:lnTo>
                  <a:lnTo>
                    <a:pt x="601" y="431"/>
                  </a:lnTo>
                  <a:lnTo>
                    <a:pt x="601" y="433"/>
                  </a:lnTo>
                  <a:lnTo>
                    <a:pt x="603" y="433"/>
                  </a:lnTo>
                  <a:lnTo>
                    <a:pt x="603" y="435"/>
                  </a:lnTo>
                  <a:lnTo>
                    <a:pt x="603" y="437"/>
                  </a:lnTo>
                  <a:lnTo>
                    <a:pt x="604" y="438"/>
                  </a:lnTo>
                  <a:lnTo>
                    <a:pt x="604" y="442"/>
                  </a:lnTo>
                  <a:lnTo>
                    <a:pt x="604" y="448"/>
                  </a:lnTo>
                  <a:lnTo>
                    <a:pt x="606" y="450"/>
                  </a:lnTo>
                  <a:lnTo>
                    <a:pt x="608" y="451"/>
                  </a:lnTo>
                  <a:lnTo>
                    <a:pt x="610" y="455"/>
                  </a:lnTo>
                  <a:lnTo>
                    <a:pt x="608" y="459"/>
                  </a:lnTo>
                  <a:lnTo>
                    <a:pt x="608" y="461"/>
                  </a:lnTo>
                  <a:lnTo>
                    <a:pt x="606" y="461"/>
                  </a:lnTo>
                  <a:lnTo>
                    <a:pt x="604" y="461"/>
                  </a:lnTo>
                  <a:lnTo>
                    <a:pt x="603" y="461"/>
                  </a:lnTo>
                  <a:lnTo>
                    <a:pt x="601" y="459"/>
                  </a:lnTo>
                  <a:lnTo>
                    <a:pt x="599" y="459"/>
                  </a:lnTo>
                  <a:lnTo>
                    <a:pt x="599" y="457"/>
                  </a:lnTo>
                  <a:lnTo>
                    <a:pt x="597" y="457"/>
                  </a:lnTo>
                  <a:lnTo>
                    <a:pt x="597" y="459"/>
                  </a:lnTo>
                  <a:lnTo>
                    <a:pt x="595" y="461"/>
                  </a:lnTo>
                  <a:lnTo>
                    <a:pt x="593" y="461"/>
                  </a:lnTo>
                  <a:lnTo>
                    <a:pt x="593" y="462"/>
                  </a:lnTo>
                  <a:lnTo>
                    <a:pt x="592" y="462"/>
                  </a:lnTo>
                  <a:lnTo>
                    <a:pt x="592" y="464"/>
                  </a:lnTo>
                  <a:lnTo>
                    <a:pt x="590" y="464"/>
                  </a:lnTo>
                  <a:lnTo>
                    <a:pt x="588" y="464"/>
                  </a:lnTo>
                  <a:lnTo>
                    <a:pt x="588" y="466"/>
                  </a:lnTo>
                  <a:lnTo>
                    <a:pt x="588" y="468"/>
                  </a:lnTo>
                  <a:lnTo>
                    <a:pt x="588" y="470"/>
                  </a:lnTo>
                  <a:lnTo>
                    <a:pt x="590" y="470"/>
                  </a:lnTo>
                  <a:lnTo>
                    <a:pt x="588" y="472"/>
                  </a:lnTo>
                  <a:lnTo>
                    <a:pt x="590" y="472"/>
                  </a:lnTo>
                  <a:lnTo>
                    <a:pt x="588" y="472"/>
                  </a:lnTo>
                  <a:lnTo>
                    <a:pt x="588" y="474"/>
                  </a:lnTo>
                  <a:lnTo>
                    <a:pt x="586" y="474"/>
                  </a:lnTo>
                  <a:lnTo>
                    <a:pt x="586" y="475"/>
                  </a:lnTo>
                  <a:lnTo>
                    <a:pt x="584" y="475"/>
                  </a:lnTo>
                  <a:lnTo>
                    <a:pt x="584" y="477"/>
                  </a:lnTo>
                  <a:lnTo>
                    <a:pt x="582" y="479"/>
                  </a:lnTo>
                  <a:lnTo>
                    <a:pt x="582" y="481"/>
                  </a:lnTo>
                  <a:lnTo>
                    <a:pt x="582" y="483"/>
                  </a:lnTo>
                  <a:lnTo>
                    <a:pt x="582" y="485"/>
                  </a:lnTo>
                  <a:lnTo>
                    <a:pt x="582" y="488"/>
                  </a:lnTo>
                  <a:lnTo>
                    <a:pt x="582" y="490"/>
                  </a:lnTo>
                  <a:lnTo>
                    <a:pt x="582" y="492"/>
                  </a:lnTo>
                  <a:lnTo>
                    <a:pt x="580" y="494"/>
                  </a:lnTo>
                  <a:lnTo>
                    <a:pt x="580" y="496"/>
                  </a:lnTo>
                  <a:lnTo>
                    <a:pt x="579" y="498"/>
                  </a:lnTo>
                  <a:lnTo>
                    <a:pt x="579" y="499"/>
                  </a:lnTo>
                  <a:lnTo>
                    <a:pt x="577" y="501"/>
                  </a:lnTo>
                  <a:lnTo>
                    <a:pt x="579" y="507"/>
                  </a:lnTo>
                  <a:lnTo>
                    <a:pt x="582" y="516"/>
                  </a:lnTo>
                  <a:lnTo>
                    <a:pt x="580" y="516"/>
                  </a:lnTo>
                  <a:lnTo>
                    <a:pt x="580" y="518"/>
                  </a:lnTo>
                  <a:lnTo>
                    <a:pt x="579" y="518"/>
                  </a:lnTo>
                  <a:lnTo>
                    <a:pt x="577" y="520"/>
                  </a:lnTo>
                  <a:lnTo>
                    <a:pt x="575" y="522"/>
                  </a:lnTo>
                  <a:lnTo>
                    <a:pt x="573" y="522"/>
                  </a:lnTo>
                  <a:lnTo>
                    <a:pt x="571" y="522"/>
                  </a:lnTo>
                  <a:lnTo>
                    <a:pt x="569" y="522"/>
                  </a:lnTo>
                  <a:lnTo>
                    <a:pt x="569" y="524"/>
                  </a:lnTo>
                  <a:lnTo>
                    <a:pt x="567" y="524"/>
                  </a:lnTo>
                  <a:lnTo>
                    <a:pt x="567" y="525"/>
                  </a:lnTo>
                  <a:lnTo>
                    <a:pt x="566" y="527"/>
                  </a:lnTo>
                  <a:lnTo>
                    <a:pt x="564" y="527"/>
                  </a:lnTo>
                  <a:lnTo>
                    <a:pt x="562" y="529"/>
                  </a:lnTo>
                  <a:lnTo>
                    <a:pt x="560" y="529"/>
                  </a:lnTo>
                  <a:lnTo>
                    <a:pt x="558" y="529"/>
                  </a:lnTo>
                  <a:lnTo>
                    <a:pt x="556" y="529"/>
                  </a:lnTo>
                  <a:lnTo>
                    <a:pt x="555" y="529"/>
                  </a:lnTo>
                  <a:lnTo>
                    <a:pt x="553" y="529"/>
                  </a:lnTo>
                  <a:lnTo>
                    <a:pt x="551" y="529"/>
                  </a:lnTo>
                  <a:lnTo>
                    <a:pt x="551" y="531"/>
                  </a:lnTo>
                  <a:lnTo>
                    <a:pt x="549" y="531"/>
                  </a:lnTo>
                  <a:lnTo>
                    <a:pt x="547" y="531"/>
                  </a:lnTo>
                  <a:lnTo>
                    <a:pt x="545" y="533"/>
                  </a:lnTo>
                  <a:lnTo>
                    <a:pt x="543" y="533"/>
                  </a:lnTo>
                  <a:lnTo>
                    <a:pt x="542" y="535"/>
                  </a:lnTo>
                  <a:lnTo>
                    <a:pt x="540" y="535"/>
                  </a:lnTo>
                  <a:lnTo>
                    <a:pt x="538" y="536"/>
                  </a:lnTo>
                  <a:lnTo>
                    <a:pt x="538" y="533"/>
                  </a:lnTo>
                  <a:lnTo>
                    <a:pt x="536" y="529"/>
                  </a:lnTo>
                  <a:lnTo>
                    <a:pt x="534" y="529"/>
                  </a:lnTo>
                  <a:lnTo>
                    <a:pt x="532" y="527"/>
                  </a:lnTo>
                  <a:lnTo>
                    <a:pt x="531" y="525"/>
                  </a:lnTo>
                  <a:lnTo>
                    <a:pt x="531" y="524"/>
                  </a:lnTo>
                  <a:lnTo>
                    <a:pt x="529" y="524"/>
                  </a:lnTo>
                  <a:lnTo>
                    <a:pt x="529" y="522"/>
                  </a:lnTo>
                  <a:lnTo>
                    <a:pt x="529" y="520"/>
                  </a:lnTo>
                  <a:lnTo>
                    <a:pt x="527" y="518"/>
                  </a:lnTo>
                  <a:lnTo>
                    <a:pt x="527" y="516"/>
                  </a:lnTo>
                  <a:lnTo>
                    <a:pt x="527" y="514"/>
                  </a:lnTo>
                  <a:lnTo>
                    <a:pt x="525" y="514"/>
                  </a:lnTo>
                  <a:lnTo>
                    <a:pt x="525" y="512"/>
                  </a:lnTo>
                  <a:lnTo>
                    <a:pt x="523" y="512"/>
                  </a:lnTo>
                  <a:lnTo>
                    <a:pt x="521" y="512"/>
                  </a:lnTo>
                  <a:lnTo>
                    <a:pt x="521" y="511"/>
                  </a:lnTo>
                  <a:lnTo>
                    <a:pt x="519" y="511"/>
                  </a:lnTo>
                  <a:lnTo>
                    <a:pt x="521" y="509"/>
                  </a:lnTo>
                  <a:lnTo>
                    <a:pt x="519" y="507"/>
                  </a:lnTo>
                  <a:lnTo>
                    <a:pt x="519" y="505"/>
                  </a:lnTo>
                  <a:lnTo>
                    <a:pt x="519" y="503"/>
                  </a:lnTo>
                  <a:lnTo>
                    <a:pt x="521" y="503"/>
                  </a:lnTo>
                  <a:lnTo>
                    <a:pt x="519" y="503"/>
                  </a:lnTo>
                  <a:lnTo>
                    <a:pt x="518" y="503"/>
                  </a:lnTo>
                  <a:lnTo>
                    <a:pt x="516" y="503"/>
                  </a:lnTo>
                  <a:lnTo>
                    <a:pt x="514" y="503"/>
                  </a:lnTo>
                  <a:lnTo>
                    <a:pt x="512" y="505"/>
                  </a:lnTo>
                  <a:lnTo>
                    <a:pt x="510" y="505"/>
                  </a:lnTo>
                  <a:lnTo>
                    <a:pt x="508" y="507"/>
                  </a:lnTo>
                  <a:lnTo>
                    <a:pt x="506" y="509"/>
                  </a:lnTo>
                  <a:lnTo>
                    <a:pt x="505" y="509"/>
                  </a:lnTo>
                  <a:lnTo>
                    <a:pt x="503" y="511"/>
                  </a:lnTo>
                  <a:lnTo>
                    <a:pt x="501" y="511"/>
                  </a:lnTo>
                  <a:lnTo>
                    <a:pt x="499" y="514"/>
                  </a:lnTo>
                  <a:lnTo>
                    <a:pt x="497" y="516"/>
                  </a:lnTo>
                  <a:lnTo>
                    <a:pt x="495" y="518"/>
                  </a:lnTo>
                  <a:lnTo>
                    <a:pt x="494" y="518"/>
                  </a:lnTo>
                  <a:lnTo>
                    <a:pt x="494" y="520"/>
                  </a:lnTo>
                  <a:lnTo>
                    <a:pt x="490" y="522"/>
                  </a:lnTo>
                  <a:lnTo>
                    <a:pt x="490" y="524"/>
                  </a:lnTo>
                  <a:lnTo>
                    <a:pt x="490" y="525"/>
                  </a:lnTo>
                  <a:lnTo>
                    <a:pt x="488" y="527"/>
                  </a:lnTo>
                  <a:lnTo>
                    <a:pt x="486" y="529"/>
                  </a:lnTo>
                  <a:lnTo>
                    <a:pt x="486" y="531"/>
                  </a:lnTo>
                  <a:lnTo>
                    <a:pt x="486" y="533"/>
                  </a:lnTo>
                  <a:lnTo>
                    <a:pt x="486" y="535"/>
                  </a:lnTo>
                  <a:lnTo>
                    <a:pt x="492" y="548"/>
                  </a:lnTo>
                  <a:lnTo>
                    <a:pt x="492" y="549"/>
                  </a:lnTo>
                  <a:lnTo>
                    <a:pt x="492" y="551"/>
                  </a:lnTo>
                  <a:lnTo>
                    <a:pt x="490" y="557"/>
                  </a:lnTo>
                  <a:lnTo>
                    <a:pt x="488" y="559"/>
                  </a:lnTo>
                  <a:lnTo>
                    <a:pt x="486" y="561"/>
                  </a:lnTo>
                  <a:lnTo>
                    <a:pt x="484" y="561"/>
                  </a:lnTo>
                  <a:lnTo>
                    <a:pt x="484" y="562"/>
                  </a:lnTo>
                  <a:lnTo>
                    <a:pt x="482" y="562"/>
                  </a:lnTo>
                  <a:lnTo>
                    <a:pt x="481" y="564"/>
                  </a:lnTo>
                  <a:lnTo>
                    <a:pt x="477" y="566"/>
                  </a:lnTo>
                  <a:lnTo>
                    <a:pt x="473" y="568"/>
                  </a:lnTo>
                  <a:lnTo>
                    <a:pt x="473" y="570"/>
                  </a:lnTo>
                  <a:lnTo>
                    <a:pt x="471" y="570"/>
                  </a:lnTo>
                  <a:lnTo>
                    <a:pt x="470" y="570"/>
                  </a:lnTo>
                  <a:lnTo>
                    <a:pt x="470" y="572"/>
                  </a:lnTo>
                  <a:lnTo>
                    <a:pt x="468" y="573"/>
                  </a:lnTo>
                  <a:lnTo>
                    <a:pt x="468" y="575"/>
                  </a:lnTo>
                  <a:lnTo>
                    <a:pt x="466" y="575"/>
                  </a:lnTo>
                  <a:lnTo>
                    <a:pt x="466" y="577"/>
                  </a:lnTo>
                  <a:lnTo>
                    <a:pt x="464" y="577"/>
                  </a:lnTo>
                  <a:lnTo>
                    <a:pt x="464" y="579"/>
                  </a:lnTo>
                  <a:lnTo>
                    <a:pt x="462" y="579"/>
                  </a:lnTo>
                  <a:lnTo>
                    <a:pt x="460" y="581"/>
                  </a:lnTo>
                  <a:lnTo>
                    <a:pt x="458" y="581"/>
                  </a:lnTo>
                  <a:lnTo>
                    <a:pt x="457" y="581"/>
                  </a:lnTo>
                  <a:lnTo>
                    <a:pt x="455" y="581"/>
                  </a:lnTo>
                  <a:lnTo>
                    <a:pt x="453" y="581"/>
                  </a:lnTo>
                  <a:lnTo>
                    <a:pt x="451" y="581"/>
                  </a:lnTo>
                  <a:lnTo>
                    <a:pt x="449" y="583"/>
                  </a:lnTo>
                  <a:lnTo>
                    <a:pt x="449" y="585"/>
                  </a:lnTo>
                  <a:lnTo>
                    <a:pt x="449" y="586"/>
                  </a:lnTo>
                  <a:lnTo>
                    <a:pt x="449" y="588"/>
                  </a:lnTo>
                  <a:lnTo>
                    <a:pt x="449" y="590"/>
                  </a:lnTo>
                  <a:lnTo>
                    <a:pt x="447" y="590"/>
                  </a:lnTo>
                  <a:lnTo>
                    <a:pt x="445" y="592"/>
                  </a:lnTo>
                  <a:lnTo>
                    <a:pt x="444" y="592"/>
                  </a:lnTo>
                  <a:lnTo>
                    <a:pt x="442" y="594"/>
                  </a:lnTo>
                  <a:lnTo>
                    <a:pt x="440" y="594"/>
                  </a:lnTo>
                  <a:lnTo>
                    <a:pt x="438" y="594"/>
                  </a:lnTo>
                  <a:lnTo>
                    <a:pt x="438" y="596"/>
                  </a:lnTo>
                  <a:lnTo>
                    <a:pt x="436" y="598"/>
                  </a:lnTo>
                  <a:lnTo>
                    <a:pt x="433" y="594"/>
                  </a:lnTo>
                  <a:lnTo>
                    <a:pt x="431" y="594"/>
                  </a:lnTo>
                  <a:lnTo>
                    <a:pt x="431" y="592"/>
                  </a:lnTo>
                  <a:lnTo>
                    <a:pt x="431" y="590"/>
                  </a:lnTo>
                  <a:lnTo>
                    <a:pt x="429" y="590"/>
                  </a:lnTo>
                  <a:lnTo>
                    <a:pt x="427" y="590"/>
                  </a:lnTo>
                  <a:lnTo>
                    <a:pt x="427" y="588"/>
                  </a:lnTo>
                  <a:lnTo>
                    <a:pt x="425" y="588"/>
                  </a:lnTo>
                  <a:lnTo>
                    <a:pt x="421" y="588"/>
                  </a:lnTo>
                  <a:lnTo>
                    <a:pt x="420" y="590"/>
                  </a:lnTo>
                  <a:lnTo>
                    <a:pt x="418" y="590"/>
                  </a:lnTo>
                  <a:lnTo>
                    <a:pt x="414" y="592"/>
                  </a:lnTo>
                  <a:lnTo>
                    <a:pt x="412" y="594"/>
                  </a:lnTo>
                  <a:lnTo>
                    <a:pt x="412" y="596"/>
                  </a:lnTo>
                  <a:lnTo>
                    <a:pt x="412" y="598"/>
                  </a:lnTo>
                  <a:lnTo>
                    <a:pt x="410" y="601"/>
                  </a:lnTo>
                  <a:lnTo>
                    <a:pt x="410" y="603"/>
                  </a:lnTo>
                  <a:lnTo>
                    <a:pt x="405" y="607"/>
                  </a:lnTo>
                  <a:lnTo>
                    <a:pt x="403" y="607"/>
                  </a:lnTo>
                  <a:lnTo>
                    <a:pt x="401" y="607"/>
                  </a:lnTo>
                  <a:lnTo>
                    <a:pt x="399" y="607"/>
                  </a:lnTo>
                  <a:lnTo>
                    <a:pt x="397" y="605"/>
                  </a:lnTo>
                  <a:lnTo>
                    <a:pt x="394" y="607"/>
                  </a:lnTo>
                  <a:lnTo>
                    <a:pt x="392" y="607"/>
                  </a:lnTo>
                  <a:lnTo>
                    <a:pt x="390" y="609"/>
                  </a:lnTo>
                  <a:lnTo>
                    <a:pt x="388" y="612"/>
                  </a:lnTo>
                  <a:lnTo>
                    <a:pt x="388" y="614"/>
                  </a:lnTo>
                  <a:lnTo>
                    <a:pt x="388" y="616"/>
                  </a:lnTo>
                  <a:lnTo>
                    <a:pt x="388" y="618"/>
                  </a:lnTo>
                  <a:lnTo>
                    <a:pt x="388" y="620"/>
                  </a:lnTo>
                  <a:lnTo>
                    <a:pt x="388" y="623"/>
                  </a:lnTo>
                  <a:lnTo>
                    <a:pt x="390" y="623"/>
                  </a:lnTo>
                  <a:lnTo>
                    <a:pt x="390" y="625"/>
                  </a:lnTo>
                  <a:lnTo>
                    <a:pt x="390" y="627"/>
                  </a:lnTo>
                  <a:lnTo>
                    <a:pt x="390" y="629"/>
                  </a:lnTo>
                  <a:lnTo>
                    <a:pt x="388" y="629"/>
                  </a:lnTo>
                  <a:lnTo>
                    <a:pt x="388" y="633"/>
                  </a:lnTo>
                  <a:lnTo>
                    <a:pt x="386" y="634"/>
                  </a:lnTo>
                  <a:lnTo>
                    <a:pt x="388" y="636"/>
                  </a:lnTo>
                  <a:lnTo>
                    <a:pt x="388" y="638"/>
                  </a:lnTo>
                  <a:lnTo>
                    <a:pt x="388" y="640"/>
                  </a:lnTo>
                  <a:lnTo>
                    <a:pt x="388" y="642"/>
                  </a:lnTo>
                  <a:lnTo>
                    <a:pt x="388" y="644"/>
                  </a:lnTo>
                  <a:lnTo>
                    <a:pt x="388" y="646"/>
                  </a:lnTo>
                  <a:lnTo>
                    <a:pt x="388" y="647"/>
                  </a:lnTo>
                  <a:lnTo>
                    <a:pt x="388" y="649"/>
                  </a:lnTo>
                  <a:lnTo>
                    <a:pt x="388" y="651"/>
                  </a:lnTo>
                  <a:lnTo>
                    <a:pt x="388" y="655"/>
                  </a:lnTo>
                  <a:lnTo>
                    <a:pt x="394" y="660"/>
                  </a:lnTo>
                  <a:lnTo>
                    <a:pt x="396" y="668"/>
                  </a:lnTo>
                  <a:lnTo>
                    <a:pt x="392" y="671"/>
                  </a:lnTo>
                  <a:lnTo>
                    <a:pt x="390" y="675"/>
                  </a:lnTo>
                  <a:lnTo>
                    <a:pt x="386" y="679"/>
                  </a:lnTo>
                  <a:lnTo>
                    <a:pt x="379" y="686"/>
                  </a:lnTo>
                  <a:lnTo>
                    <a:pt x="372" y="686"/>
                  </a:lnTo>
                  <a:lnTo>
                    <a:pt x="368" y="690"/>
                  </a:lnTo>
                  <a:lnTo>
                    <a:pt x="362" y="697"/>
                  </a:lnTo>
                  <a:lnTo>
                    <a:pt x="364" y="701"/>
                  </a:lnTo>
                  <a:lnTo>
                    <a:pt x="368" y="703"/>
                  </a:lnTo>
                  <a:lnTo>
                    <a:pt x="368" y="705"/>
                  </a:lnTo>
                  <a:lnTo>
                    <a:pt x="366" y="707"/>
                  </a:lnTo>
                  <a:lnTo>
                    <a:pt x="366" y="708"/>
                  </a:lnTo>
                  <a:lnTo>
                    <a:pt x="366" y="710"/>
                  </a:lnTo>
                  <a:lnTo>
                    <a:pt x="366" y="712"/>
                  </a:lnTo>
                  <a:lnTo>
                    <a:pt x="366" y="714"/>
                  </a:lnTo>
                  <a:lnTo>
                    <a:pt x="366" y="716"/>
                  </a:lnTo>
                  <a:lnTo>
                    <a:pt x="364" y="718"/>
                  </a:lnTo>
                  <a:lnTo>
                    <a:pt x="364" y="720"/>
                  </a:lnTo>
                  <a:lnTo>
                    <a:pt x="362" y="720"/>
                  </a:lnTo>
                  <a:lnTo>
                    <a:pt x="360" y="721"/>
                  </a:lnTo>
                  <a:lnTo>
                    <a:pt x="359" y="723"/>
                  </a:lnTo>
                  <a:lnTo>
                    <a:pt x="359" y="725"/>
                  </a:lnTo>
                  <a:lnTo>
                    <a:pt x="359" y="727"/>
                  </a:lnTo>
                  <a:lnTo>
                    <a:pt x="359" y="729"/>
                  </a:lnTo>
                  <a:lnTo>
                    <a:pt x="359" y="731"/>
                  </a:lnTo>
                  <a:lnTo>
                    <a:pt x="360" y="733"/>
                  </a:lnTo>
                  <a:lnTo>
                    <a:pt x="362" y="733"/>
                  </a:lnTo>
                  <a:lnTo>
                    <a:pt x="362" y="734"/>
                  </a:lnTo>
                  <a:lnTo>
                    <a:pt x="364" y="734"/>
                  </a:lnTo>
                  <a:lnTo>
                    <a:pt x="364" y="736"/>
                  </a:lnTo>
                  <a:lnTo>
                    <a:pt x="366" y="736"/>
                  </a:lnTo>
                  <a:lnTo>
                    <a:pt x="366" y="738"/>
                  </a:lnTo>
                  <a:lnTo>
                    <a:pt x="366" y="740"/>
                  </a:lnTo>
                  <a:lnTo>
                    <a:pt x="368" y="742"/>
                  </a:lnTo>
                  <a:lnTo>
                    <a:pt x="368" y="744"/>
                  </a:lnTo>
                  <a:lnTo>
                    <a:pt x="368" y="745"/>
                  </a:lnTo>
                  <a:lnTo>
                    <a:pt x="368" y="747"/>
                  </a:lnTo>
                  <a:lnTo>
                    <a:pt x="370" y="747"/>
                  </a:lnTo>
                  <a:lnTo>
                    <a:pt x="370" y="749"/>
                  </a:lnTo>
                  <a:lnTo>
                    <a:pt x="372" y="749"/>
                  </a:lnTo>
                  <a:lnTo>
                    <a:pt x="373" y="751"/>
                  </a:lnTo>
                  <a:lnTo>
                    <a:pt x="375" y="753"/>
                  </a:lnTo>
                  <a:lnTo>
                    <a:pt x="377" y="753"/>
                  </a:lnTo>
                  <a:lnTo>
                    <a:pt x="375" y="753"/>
                  </a:lnTo>
                  <a:lnTo>
                    <a:pt x="375" y="755"/>
                  </a:lnTo>
                  <a:lnTo>
                    <a:pt x="377" y="755"/>
                  </a:lnTo>
                  <a:lnTo>
                    <a:pt x="377" y="757"/>
                  </a:lnTo>
                  <a:lnTo>
                    <a:pt x="379" y="757"/>
                  </a:lnTo>
                  <a:lnTo>
                    <a:pt x="381" y="758"/>
                  </a:lnTo>
                  <a:lnTo>
                    <a:pt x="383" y="758"/>
                  </a:lnTo>
                  <a:lnTo>
                    <a:pt x="386" y="760"/>
                  </a:lnTo>
                  <a:lnTo>
                    <a:pt x="388" y="758"/>
                  </a:lnTo>
                  <a:lnTo>
                    <a:pt x="390" y="758"/>
                  </a:lnTo>
                  <a:lnTo>
                    <a:pt x="392" y="758"/>
                  </a:lnTo>
                  <a:lnTo>
                    <a:pt x="394" y="758"/>
                  </a:lnTo>
                  <a:lnTo>
                    <a:pt x="397" y="768"/>
                  </a:lnTo>
                  <a:lnTo>
                    <a:pt x="397" y="770"/>
                  </a:lnTo>
                  <a:lnTo>
                    <a:pt x="396" y="781"/>
                  </a:lnTo>
                  <a:lnTo>
                    <a:pt x="397" y="781"/>
                  </a:lnTo>
                  <a:lnTo>
                    <a:pt x="397" y="782"/>
                  </a:lnTo>
                  <a:lnTo>
                    <a:pt x="397" y="784"/>
                  </a:lnTo>
                  <a:lnTo>
                    <a:pt x="399" y="786"/>
                  </a:lnTo>
                  <a:lnTo>
                    <a:pt x="399" y="788"/>
                  </a:lnTo>
                  <a:lnTo>
                    <a:pt x="399" y="790"/>
                  </a:lnTo>
                  <a:lnTo>
                    <a:pt x="397" y="790"/>
                  </a:lnTo>
                  <a:lnTo>
                    <a:pt x="397" y="792"/>
                  </a:lnTo>
                  <a:lnTo>
                    <a:pt x="396" y="794"/>
                  </a:lnTo>
                  <a:lnTo>
                    <a:pt x="396" y="795"/>
                  </a:lnTo>
                  <a:lnTo>
                    <a:pt x="396" y="797"/>
                  </a:lnTo>
                  <a:lnTo>
                    <a:pt x="396" y="799"/>
                  </a:lnTo>
                  <a:lnTo>
                    <a:pt x="396" y="801"/>
                  </a:lnTo>
                  <a:lnTo>
                    <a:pt x="396" y="803"/>
                  </a:lnTo>
                  <a:lnTo>
                    <a:pt x="401" y="810"/>
                  </a:lnTo>
                  <a:lnTo>
                    <a:pt x="401" y="814"/>
                  </a:lnTo>
                  <a:lnTo>
                    <a:pt x="403" y="823"/>
                  </a:lnTo>
                  <a:lnTo>
                    <a:pt x="399" y="842"/>
                  </a:lnTo>
                  <a:lnTo>
                    <a:pt x="397" y="844"/>
                  </a:lnTo>
                  <a:lnTo>
                    <a:pt x="396" y="844"/>
                  </a:lnTo>
                  <a:lnTo>
                    <a:pt x="394" y="844"/>
                  </a:lnTo>
                  <a:lnTo>
                    <a:pt x="392" y="844"/>
                  </a:lnTo>
                  <a:lnTo>
                    <a:pt x="390" y="844"/>
                  </a:lnTo>
                  <a:lnTo>
                    <a:pt x="390" y="845"/>
                  </a:lnTo>
                  <a:lnTo>
                    <a:pt x="388" y="845"/>
                  </a:lnTo>
                  <a:lnTo>
                    <a:pt x="386" y="845"/>
                  </a:lnTo>
                  <a:lnTo>
                    <a:pt x="384" y="845"/>
                  </a:lnTo>
                  <a:lnTo>
                    <a:pt x="384" y="847"/>
                  </a:lnTo>
                  <a:lnTo>
                    <a:pt x="383" y="847"/>
                  </a:lnTo>
                  <a:lnTo>
                    <a:pt x="381" y="849"/>
                  </a:lnTo>
                  <a:lnTo>
                    <a:pt x="379" y="851"/>
                  </a:lnTo>
                  <a:lnTo>
                    <a:pt x="377" y="853"/>
                  </a:lnTo>
                  <a:lnTo>
                    <a:pt x="375" y="853"/>
                  </a:lnTo>
                  <a:lnTo>
                    <a:pt x="373" y="855"/>
                  </a:lnTo>
                  <a:lnTo>
                    <a:pt x="372" y="853"/>
                  </a:lnTo>
                  <a:lnTo>
                    <a:pt x="372" y="855"/>
                  </a:lnTo>
                  <a:lnTo>
                    <a:pt x="372" y="856"/>
                  </a:lnTo>
                  <a:lnTo>
                    <a:pt x="372" y="858"/>
                  </a:lnTo>
                  <a:lnTo>
                    <a:pt x="370" y="860"/>
                  </a:lnTo>
                  <a:lnTo>
                    <a:pt x="370" y="862"/>
                  </a:lnTo>
                  <a:lnTo>
                    <a:pt x="368" y="862"/>
                  </a:lnTo>
                  <a:lnTo>
                    <a:pt x="368" y="864"/>
                  </a:lnTo>
                  <a:lnTo>
                    <a:pt x="366" y="864"/>
                  </a:lnTo>
                  <a:lnTo>
                    <a:pt x="364" y="864"/>
                  </a:lnTo>
                  <a:lnTo>
                    <a:pt x="364" y="866"/>
                  </a:lnTo>
                  <a:lnTo>
                    <a:pt x="362" y="866"/>
                  </a:lnTo>
                  <a:lnTo>
                    <a:pt x="362" y="868"/>
                  </a:lnTo>
                  <a:lnTo>
                    <a:pt x="360" y="868"/>
                  </a:lnTo>
                  <a:lnTo>
                    <a:pt x="359" y="868"/>
                  </a:lnTo>
                  <a:lnTo>
                    <a:pt x="359" y="869"/>
                  </a:lnTo>
                  <a:lnTo>
                    <a:pt x="357" y="869"/>
                  </a:lnTo>
                  <a:lnTo>
                    <a:pt x="355" y="869"/>
                  </a:lnTo>
                  <a:lnTo>
                    <a:pt x="353" y="871"/>
                  </a:lnTo>
                  <a:lnTo>
                    <a:pt x="351" y="871"/>
                  </a:lnTo>
                  <a:lnTo>
                    <a:pt x="349" y="871"/>
                  </a:lnTo>
                  <a:lnTo>
                    <a:pt x="348" y="873"/>
                  </a:lnTo>
                  <a:lnTo>
                    <a:pt x="346" y="873"/>
                  </a:lnTo>
                  <a:lnTo>
                    <a:pt x="344" y="873"/>
                  </a:lnTo>
                  <a:lnTo>
                    <a:pt x="342" y="873"/>
                  </a:lnTo>
                  <a:lnTo>
                    <a:pt x="340" y="873"/>
                  </a:lnTo>
                  <a:lnTo>
                    <a:pt x="338" y="873"/>
                  </a:lnTo>
                  <a:lnTo>
                    <a:pt x="336" y="873"/>
                  </a:lnTo>
                  <a:lnTo>
                    <a:pt x="336" y="871"/>
                  </a:lnTo>
                  <a:lnTo>
                    <a:pt x="335" y="871"/>
                  </a:lnTo>
                  <a:lnTo>
                    <a:pt x="333" y="871"/>
                  </a:lnTo>
                  <a:lnTo>
                    <a:pt x="331" y="871"/>
                  </a:lnTo>
                  <a:lnTo>
                    <a:pt x="331" y="869"/>
                  </a:lnTo>
                  <a:lnTo>
                    <a:pt x="331" y="868"/>
                  </a:lnTo>
                  <a:lnTo>
                    <a:pt x="331" y="866"/>
                  </a:lnTo>
                  <a:lnTo>
                    <a:pt x="331" y="864"/>
                  </a:lnTo>
                  <a:lnTo>
                    <a:pt x="329" y="864"/>
                  </a:lnTo>
                  <a:lnTo>
                    <a:pt x="329" y="862"/>
                  </a:lnTo>
                  <a:lnTo>
                    <a:pt x="329" y="860"/>
                  </a:lnTo>
                  <a:lnTo>
                    <a:pt x="329" y="858"/>
                  </a:lnTo>
                  <a:lnTo>
                    <a:pt x="329" y="856"/>
                  </a:lnTo>
                  <a:lnTo>
                    <a:pt x="329" y="855"/>
                  </a:lnTo>
                  <a:lnTo>
                    <a:pt x="329" y="853"/>
                  </a:lnTo>
                  <a:lnTo>
                    <a:pt x="327" y="853"/>
                  </a:lnTo>
                  <a:lnTo>
                    <a:pt x="325" y="853"/>
                  </a:lnTo>
                  <a:lnTo>
                    <a:pt x="325" y="851"/>
                  </a:lnTo>
                  <a:lnTo>
                    <a:pt x="325" y="849"/>
                  </a:lnTo>
                  <a:lnTo>
                    <a:pt x="323" y="849"/>
                  </a:lnTo>
                  <a:lnTo>
                    <a:pt x="323" y="847"/>
                  </a:lnTo>
                  <a:lnTo>
                    <a:pt x="322" y="847"/>
                  </a:lnTo>
                  <a:lnTo>
                    <a:pt x="320" y="847"/>
                  </a:lnTo>
                  <a:lnTo>
                    <a:pt x="318" y="845"/>
                  </a:lnTo>
                  <a:lnTo>
                    <a:pt x="316" y="845"/>
                  </a:lnTo>
                  <a:lnTo>
                    <a:pt x="314" y="845"/>
                  </a:lnTo>
                  <a:lnTo>
                    <a:pt x="312" y="845"/>
                  </a:lnTo>
                  <a:lnTo>
                    <a:pt x="311" y="845"/>
                  </a:lnTo>
                  <a:lnTo>
                    <a:pt x="309" y="845"/>
                  </a:lnTo>
                  <a:lnTo>
                    <a:pt x="309" y="847"/>
                  </a:lnTo>
                  <a:lnTo>
                    <a:pt x="307" y="849"/>
                  </a:lnTo>
                  <a:lnTo>
                    <a:pt x="305" y="851"/>
                  </a:lnTo>
                  <a:lnTo>
                    <a:pt x="303" y="851"/>
                  </a:lnTo>
                  <a:lnTo>
                    <a:pt x="303" y="853"/>
                  </a:lnTo>
                  <a:lnTo>
                    <a:pt x="301" y="853"/>
                  </a:lnTo>
                  <a:lnTo>
                    <a:pt x="299" y="853"/>
                  </a:lnTo>
                  <a:lnTo>
                    <a:pt x="298" y="853"/>
                  </a:lnTo>
                  <a:lnTo>
                    <a:pt x="296" y="853"/>
                  </a:lnTo>
                  <a:lnTo>
                    <a:pt x="294" y="855"/>
                  </a:lnTo>
                  <a:lnTo>
                    <a:pt x="292" y="855"/>
                  </a:lnTo>
                  <a:lnTo>
                    <a:pt x="290" y="855"/>
                  </a:lnTo>
                  <a:lnTo>
                    <a:pt x="288" y="855"/>
                  </a:lnTo>
                  <a:lnTo>
                    <a:pt x="287" y="855"/>
                  </a:lnTo>
                  <a:lnTo>
                    <a:pt x="285" y="855"/>
                  </a:lnTo>
                  <a:lnTo>
                    <a:pt x="283" y="855"/>
                  </a:lnTo>
                  <a:lnTo>
                    <a:pt x="281" y="855"/>
                  </a:lnTo>
                  <a:lnTo>
                    <a:pt x="279" y="855"/>
                  </a:lnTo>
                  <a:lnTo>
                    <a:pt x="277" y="855"/>
                  </a:lnTo>
                  <a:lnTo>
                    <a:pt x="275" y="855"/>
                  </a:lnTo>
                  <a:lnTo>
                    <a:pt x="274" y="855"/>
                  </a:lnTo>
                  <a:lnTo>
                    <a:pt x="272" y="853"/>
                  </a:lnTo>
                  <a:lnTo>
                    <a:pt x="268" y="851"/>
                  </a:lnTo>
                  <a:lnTo>
                    <a:pt x="268" y="849"/>
                  </a:lnTo>
                  <a:lnTo>
                    <a:pt x="266" y="849"/>
                  </a:lnTo>
                  <a:lnTo>
                    <a:pt x="264" y="849"/>
                  </a:lnTo>
                  <a:lnTo>
                    <a:pt x="262" y="849"/>
                  </a:lnTo>
                  <a:lnTo>
                    <a:pt x="261" y="845"/>
                  </a:lnTo>
                  <a:lnTo>
                    <a:pt x="259" y="844"/>
                  </a:lnTo>
                  <a:lnTo>
                    <a:pt x="259" y="842"/>
                  </a:lnTo>
                  <a:lnTo>
                    <a:pt x="257" y="842"/>
                  </a:lnTo>
                  <a:lnTo>
                    <a:pt x="257" y="840"/>
                  </a:lnTo>
                  <a:lnTo>
                    <a:pt x="255" y="838"/>
                  </a:lnTo>
                  <a:lnTo>
                    <a:pt x="253" y="838"/>
                  </a:lnTo>
                  <a:lnTo>
                    <a:pt x="253" y="836"/>
                  </a:lnTo>
                  <a:lnTo>
                    <a:pt x="251" y="836"/>
                  </a:lnTo>
                  <a:lnTo>
                    <a:pt x="251" y="834"/>
                  </a:lnTo>
                  <a:lnTo>
                    <a:pt x="250" y="834"/>
                  </a:lnTo>
                  <a:lnTo>
                    <a:pt x="248" y="836"/>
                  </a:lnTo>
                  <a:lnTo>
                    <a:pt x="244" y="838"/>
                  </a:lnTo>
                  <a:lnTo>
                    <a:pt x="242" y="838"/>
                  </a:lnTo>
                  <a:lnTo>
                    <a:pt x="242" y="840"/>
                  </a:lnTo>
                  <a:lnTo>
                    <a:pt x="240" y="840"/>
                  </a:lnTo>
                  <a:lnTo>
                    <a:pt x="238" y="840"/>
                  </a:lnTo>
                  <a:lnTo>
                    <a:pt x="237" y="840"/>
                  </a:lnTo>
                  <a:lnTo>
                    <a:pt x="235" y="840"/>
                  </a:lnTo>
                  <a:lnTo>
                    <a:pt x="233" y="840"/>
                  </a:lnTo>
                  <a:lnTo>
                    <a:pt x="231" y="840"/>
                  </a:lnTo>
                  <a:lnTo>
                    <a:pt x="229" y="840"/>
                  </a:lnTo>
                  <a:lnTo>
                    <a:pt x="227" y="840"/>
                  </a:lnTo>
                  <a:lnTo>
                    <a:pt x="227" y="842"/>
                  </a:lnTo>
                  <a:lnTo>
                    <a:pt x="226" y="842"/>
                  </a:lnTo>
                  <a:lnTo>
                    <a:pt x="224" y="842"/>
                  </a:lnTo>
                  <a:lnTo>
                    <a:pt x="222" y="842"/>
                  </a:lnTo>
                  <a:lnTo>
                    <a:pt x="218" y="840"/>
                  </a:lnTo>
                  <a:lnTo>
                    <a:pt x="216" y="840"/>
                  </a:lnTo>
                  <a:lnTo>
                    <a:pt x="214" y="840"/>
                  </a:lnTo>
                  <a:lnTo>
                    <a:pt x="213" y="838"/>
                  </a:lnTo>
                  <a:lnTo>
                    <a:pt x="213" y="836"/>
                  </a:lnTo>
                  <a:lnTo>
                    <a:pt x="211" y="834"/>
                  </a:lnTo>
                  <a:lnTo>
                    <a:pt x="209" y="834"/>
                  </a:lnTo>
                  <a:lnTo>
                    <a:pt x="207" y="832"/>
                  </a:lnTo>
                  <a:lnTo>
                    <a:pt x="205" y="832"/>
                  </a:lnTo>
                  <a:lnTo>
                    <a:pt x="205" y="831"/>
                  </a:lnTo>
                  <a:lnTo>
                    <a:pt x="203" y="831"/>
                  </a:lnTo>
                  <a:lnTo>
                    <a:pt x="201" y="829"/>
                  </a:lnTo>
                  <a:lnTo>
                    <a:pt x="201" y="831"/>
                  </a:lnTo>
                  <a:lnTo>
                    <a:pt x="200" y="832"/>
                  </a:lnTo>
                  <a:lnTo>
                    <a:pt x="198" y="832"/>
                  </a:lnTo>
                  <a:lnTo>
                    <a:pt x="198" y="834"/>
                  </a:lnTo>
                  <a:lnTo>
                    <a:pt x="196" y="834"/>
                  </a:lnTo>
                  <a:lnTo>
                    <a:pt x="192" y="834"/>
                  </a:lnTo>
                  <a:lnTo>
                    <a:pt x="190" y="834"/>
                  </a:lnTo>
                  <a:lnTo>
                    <a:pt x="190" y="836"/>
                  </a:lnTo>
                  <a:lnTo>
                    <a:pt x="189" y="836"/>
                  </a:lnTo>
                  <a:lnTo>
                    <a:pt x="189" y="838"/>
                  </a:lnTo>
                  <a:lnTo>
                    <a:pt x="187" y="840"/>
                  </a:lnTo>
                  <a:lnTo>
                    <a:pt x="185" y="840"/>
                  </a:lnTo>
                  <a:lnTo>
                    <a:pt x="185" y="842"/>
                  </a:lnTo>
                  <a:lnTo>
                    <a:pt x="185" y="844"/>
                  </a:lnTo>
                  <a:lnTo>
                    <a:pt x="183" y="844"/>
                  </a:lnTo>
                  <a:lnTo>
                    <a:pt x="183" y="845"/>
                  </a:lnTo>
                  <a:lnTo>
                    <a:pt x="183" y="847"/>
                  </a:lnTo>
                  <a:lnTo>
                    <a:pt x="181" y="849"/>
                  </a:lnTo>
                  <a:lnTo>
                    <a:pt x="179" y="849"/>
                  </a:lnTo>
                  <a:lnTo>
                    <a:pt x="177" y="849"/>
                  </a:lnTo>
                  <a:lnTo>
                    <a:pt x="177" y="851"/>
                  </a:lnTo>
                  <a:lnTo>
                    <a:pt x="179" y="851"/>
                  </a:lnTo>
                  <a:lnTo>
                    <a:pt x="179" y="853"/>
                  </a:lnTo>
                  <a:lnTo>
                    <a:pt x="179" y="855"/>
                  </a:lnTo>
                  <a:lnTo>
                    <a:pt x="177" y="855"/>
                  </a:lnTo>
                  <a:lnTo>
                    <a:pt x="176" y="858"/>
                  </a:lnTo>
                  <a:lnTo>
                    <a:pt x="176" y="860"/>
                  </a:lnTo>
                  <a:lnTo>
                    <a:pt x="177" y="862"/>
                  </a:lnTo>
                  <a:lnTo>
                    <a:pt x="177" y="864"/>
                  </a:lnTo>
                  <a:lnTo>
                    <a:pt x="177" y="866"/>
                  </a:lnTo>
                  <a:lnTo>
                    <a:pt x="177" y="868"/>
                  </a:lnTo>
                  <a:lnTo>
                    <a:pt x="177" y="869"/>
                  </a:lnTo>
                  <a:lnTo>
                    <a:pt x="176" y="871"/>
                  </a:lnTo>
                  <a:lnTo>
                    <a:pt x="174" y="873"/>
                  </a:lnTo>
                  <a:lnTo>
                    <a:pt x="174" y="875"/>
                  </a:lnTo>
                  <a:lnTo>
                    <a:pt x="172" y="879"/>
                  </a:lnTo>
                  <a:lnTo>
                    <a:pt x="170" y="881"/>
                  </a:lnTo>
                  <a:lnTo>
                    <a:pt x="168" y="882"/>
                  </a:lnTo>
                  <a:lnTo>
                    <a:pt x="168" y="884"/>
                  </a:lnTo>
                  <a:lnTo>
                    <a:pt x="166" y="886"/>
                  </a:lnTo>
                  <a:lnTo>
                    <a:pt x="166" y="888"/>
                  </a:lnTo>
                  <a:lnTo>
                    <a:pt x="166" y="890"/>
                  </a:lnTo>
                  <a:lnTo>
                    <a:pt x="166" y="892"/>
                  </a:lnTo>
                  <a:lnTo>
                    <a:pt x="168" y="892"/>
                  </a:lnTo>
                  <a:lnTo>
                    <a:pt x="170" y="893"/>
                  </a:lnTo>
                  <a:lnTo>
                    <a:pt x="170" y="895"/>
                  </a:lnTo>
                  <a:lnTo>
                    <a:pt x="170" y="899"/>
                  </a:lnTo>
                  <a:lnTo>
                    <a:pt x="168" y="901"/>
                  </a:lnTo>
                  <a:lnTo>
                    <a:pt x="168" y="903"/>
                  </a:lnTo>
                  <a:lnTo>
                    <a:pt x="170" y="903"/>
                  </a:lnTo>
                  <a:lnTo>
                    <a:pt x="170" y="905"/>
                  </a:lnTo>
                  <a:lnTo>
                    <a:pt x="170" y="908"/>
                  </a:lnTo>
                  <a:lnTo>
                    <a:pt x="172" y="910"/>
                  </a:lnTo>
                  <a:lnTo>
                    <a:pt x="174" y="912"/>
                  </a:lnTo>
                  <a:lnTo>
                    <a:pt x="174" y="914"/>
                  </a:lnTo>
                  <a:lnTo>
                    <a:pt x="174" y="916"/>
                  </a:lnTo>
                  <a:lnTo>
                    <a:pt x="176" y="916"/>
                  </a:lnTo>
                  <a:lnTo>
                    <a:pt x="176" y="918"/>
                  </a:lnTo>
                  <a:lnTo>
                    <a:pt x="177" y="919"/>
                  </a:lnTo>
                  <a:lnTo>
                    <a:pt x="177" y="921"/>
                  </a:lnTo>
                  <a:lnTo>
                    <a:pt x="176" y="921"/>
                  </a:lnTo>
                  <a:lnTo>
                    <a:pt x="176" y="923"/>
                  </a:lnTo>
                  <a:lnTo>
                    <a:pt x="176" y="925"/>
                  </a:lnTo>
                  <a:lnTo>
                    <a:pt x="176" y="927"/>
                  </a:lnTo>
                  <a:lnTo>
                    <a:pt x="174" y="927"/>
                  </a:lnTo>
                  <a:lnTo>
                    <a:pt x="172" y="927"/>
                  </a:lnTo>
                  <a:lnTo>
                    <a:pt x="170" y="929"/>
                  </a:lnTo>
                  <a:lnTo>
                    <a:pt x="168" y="929"/>
                  </a:lnTo>
                  <a:lnTo>
                    <a:pt x="166" y="929"/>
                  </a:lnTo>
                  <a:lnTo>
                    <a:pt x="166" y="930"/>
                  </a:lnTo>
                  <a:lnTo>
                    <a:pt x="165" y="930"/>
                  </a:lnTo>
                  <a:lnTo>
                    <a:pt x="163" y="930"/>
                  </a:lnTo>
                  <a:lnTo>
                    <a:pt x="163" y="932"/>
                  </a:lnTo>
                  <a:lnTo>
                    <a:pt x="159" y="932"/>
                  </a:lnTo>
                  <a:lnTo>
                    <a:pt x="159" y="934"/>
                  </a:lnTo>
                  <a:lnTo>
                    <a:pt x="157" y="936"/>
                  </a:lnTo>
                  <a:lnTo>
                    <a:pt x="155" y="936"/>
                  </a:lnTo>
                  <a:lnTo>
                    <a:pt x="153" y="936"/>
                  </a:lnTo>
                  <a:lnTo>
                    <a:pt x="152" y="936"/>
                  </a:lnTo>
                  <a:lnTo>
                    <a:pt x="150" y="936"/>
                  </a:lnTo>
                  <a:lnTo>
                    <a:pt x="148" y="938"/>
                  </a:lnTo>
                  <a:lnTo>
                    <a:pt x="148" y="936"/>
                  </a:lnTo>
                  <a:lnTo>
                    <a:pt x="146" y="938"/>
                  </a:lnTo>
                  <a:lnTo>
                    <a:pt x="144" y="936"/>
                  </a:lnTo>
                  <a:lnTo>
                    <a:pt x="142" y="936"/>
                  </a:lnTo>
                  <a:lnTo>
                    <a:pt x="140" y="938"/>
                  </a:lnTo>
                  <a:lnTo>
                    <a:pt x="137" y="940"/>
                  </a:lnTo>
                  <a:lnTo>
                    <a:pt x="135" y="940"/>
                  </a:lnTo>
                  <a:lnTo>
                    <a:pt x="129" y="940"/>
                  </a:lnTo>
                  <a:lnTo>
                    <a:pt x="128" y="942"/>
                  </a:lnTo>
                  <a:lnTo>
                    <a:pt x="126" y="942"/>
                  </a:lnTo>
                  <a:lnTo>
                    <a:pt x="124" y="942"/>
                  </a:lnTo>
                  <a:lnTo>
                    <a:pt x="124" y="943"/>
                  </a:lnTo>
                  <a:lnTo>
                    <a:pt x="122" y="947"/>
                  </a:lnTo>
                  <a:lnTo>
                    <a:pt x="120" y="949"/>
                  </a:lnTo>
                  <a:lnTo>
                    <a:pt x="118" y="951"/>
                  </a:lnTo>
                  <a:lnTo>
                    <a:pt x="116" y="951"/>
                  </a:lnTo>
                  <a:lnTo>
                    <a:pt x="115" y="951"/>
                  </a:lnTo>
                  <a:lnTo>
                    <a:pt x="111" y="949"/>
                  </a:lnTo>
                  <a:lnTo>
                    <a:pt x="111" y="947"/>
                  </a:lnTo>
                  <a:lnTo>
                    <a:pt x="109" y="947"/>
                  </a:lnTo>
                  <a:lnTo>
                    <a:pt x="109" y="945"/>
                  </a:lnTo>
                  <a:lnTo>
                    <a:pt x="109" y="943"/>
                  </a:lnTo>
                  <a:lnTo>
                    <a:pt x="107" y="943"/>
                  </a:lnTo>
                  <a:lnTo>
                    <a:pt x="107" y="942"/>
                  </a:lnTo>
                  <a:lnTo>
                    <a:pt x="105" y="940"/>
                  </a:lnTo>
                  <a:lnTo>
                    <a:pt x="104" y="940"/>
                  </a:lnTo>
                  <a:lnTo>
                    <a:pt x="104" y="938"/>
                  </a:lnTo>
                  <a:lnTo>
                    <a:pt x="102" y="938"/>
                  </a:lnTo>
                  <a:lnTo>
                    <a:pt x="102" y="936"/>
                  </a:lnTo>
                  <a:lnTo>
                    <a:pt x="100" y="936"/>
                  </a:lnTo>
                  <a:lnTo>
                    <a:pt x="100" y="934"/>
                  </a:lnTo>
                  <a:lnTo>
                    <a:pt x="98" y="934"/>
                  </a:lnTo>
                  <a:lnTo>
                    <a:pt x="98" y="936"/>
                  </a:lnTo>
                  <a:lnTo>
                    <a:pt x="96" y="936"/>
                  </a:lnTo>
                  <a:lnTo>
                    <a:pt x="94" y="938"/>
                  </a:lnTo>
                  <a:lnTo>
                    <a:pt x="92" y="938"/>
                  </a:lnTo>
                  <a:lnTo>
                    <a:pt x="91" y="940"/>
                  </a:lnTo>
                  <a:lnTo>
                    <a:pt x="89" y="940"/>
                  </a:lnTo>
                  <a:lnTo>
                    <a:pt x="89" y="938"/>
                  </a:lnTo>
                  <a:lnTo>
                    <a:pt x="87" y="938"/>
                  </a:lnTo>
                  <a:lnTo>
                    <a:pt x="85" y="938"/>
                  </a:lnTo>
                  <a:lnTo>
                    <a:pt x="83" y="938"/>
                  </a:lnTo>
                  <a:lnTo>
                    <a:pt x="83" y="936"/>
                  </a:lnTo>
                  <a:lnTo>
                    <a:pt x="81" y="936"/>
                  </a:lnTo>
                  <a:lnTo>
                    <a:pt x="79" y="936"/>
                  </a:lnTo>
                  <a:lnTo>
                    <a:pt x="78" y="936"/>
                  </a:lnTo>
                  <a:lnTo>
                    <a:pt x="76" y="934"/>
                  </a:lnTo>
                  <a:lnTo>
                    <a:pt x="76" y="932"/>
                  </a:lnTo>
                  <a:lnTo>
                    <a:pt x="74" y="932"/>
                  </a:lnTo>
                  <a:lnTo>
                    <a:pt x="74" y="934"/>
                  </a:lnTo>
                  <a:lnTo>
                    <a:pt x="72" y="932"/>
                  </a:lnTo>
                  <a:lnTo>
                    <a:pt x="72" y="930"/>
                  </a:lnTo>
                  <a:lnTo>
                    <a:pt x="70" y="932"/>
                  </a:lnTo>
                  <a:lnTo>
                    <a:pt x="70" y="930"/>
                  </a:lnTo>
                  <a:lnTo>
                    <a:pt x="68" y="930"/>
                  </a:lnTo>
                  <a:lnTo>
                    <a:pt x="68" y="929"/>
                  </a:lnTo>
                  <a:lnTo>
                    <a:pt x="67" y="929"/>
                  </a:lnTo>
                  <a:lnTo>
                    <a:pt x="67" y="927"/>
                  </a:lnTo>
                  <a:lnTo>
                    <a:pt x="65" y="927"/>
                  </a:lnTo>
                  <a:lnTo>
                    <a:pt x="63" y="927"/>
                  </a:lnTo>
                  <a:lnTo>
                    <a:pt x="61" y="927"/>
                  </a:lnTo>
                  <a:lnTo>
                    <a:pt x="59" y="927"/>
                  </a:lnTo>
                  <a:lnTo>
                    <a:pt x="57" y="927"/>
                  </a:lnTo>
                  <a:lnTo>
                    <a:pt x="55" y="923"/>
                  </a:lnTo>
                  <a:lnTo>
                    <a:pt x="55" y="921"/>
                  </a:lnTo>
                  <a:lnTo>
                    <a:pt x="54" y="921"/>
                  </a:lnTo>
                  <a:lnTo>
                    <a:pt x="52" y="919"/>
                  </a:lnTo>
                  <a:lnTo>
                    <a:pt x="50" y="919"/>
                  </a:lnTo>
                  <a:lnTo>
                    <a:pt x="48" y="919"/>
                  </a:lnTo>
                  <a:lnTo>
                    <a:pt x="48" y="918"/>
                  </a:lnTo>
                  <a:lnTo>
                    <a:pt x="48" y="916"/>
                  </a:lnTo>
                  <a:lnTo>
                    <a:pt x="46" y="914"/>
                  </a:lnTo>
                  <a:lnTo>
                    <a:pt x="46" y="912"/>
                  </a:lnTo>
                  <a:lnTo>
                    <a:pt x="44" y="912"/>
                  </a:lnTo>
                  <a:lnTo>
                    <a:pt x="44" y="910"/>
                  </a:lnTo>
                  <a:lnTo>
                    <a:pt x="44" y="908"/>
                  </a:lnTo>
                  <a:lnTo>
                    <a:pt x="44" y="906"/>
                  </a:lnTo>
                  <a:lnTo>
                    <a:pt x="44" y="905"/>
                  </a:lnTo>
                  <a:lnTo>
                    <a:pt x="43" y="905"/>
                  </a:lnTo>
                  <a:lnTo>
                    <a:pt x="43" y="903"/>
                  </a:lnTo>
                  <a:lnTo>
                    <a:pt x="41" y="901"/>
                  </a:lnTo>
                  <a:lnTo>
                    <a:pt x="41" y="899"/>
                  </a:lnTo>
                  <a:lnTo>
                    <a:pt x="41" y="897"/>
                  </a:lnTo>
                  <a:lnTo>
                    <a:pt x="41" y="893"/>
                  </a:lnTo>
                  <a:lnTo>
                    <a:pt x="41" y="886"/>
                  </a:lnTo>
                  <a:lnTo>
                    <a:pt x="39" y="884"/>
                  </a:lnTo>
                  <a:lnTo>
                    <a:pt x="37" y="884"/>
                  </a:lnTo>
                  <a:lnTo>
                    <a:pt x="37" y="882"/>
                  </a:lnTo>
                  <a:lnTo>
                    <a:pt x="37" y="881"/>
                  </a:lnTo>
                  <a:lnTo>
                    <a:pt x="35" y="881"/>
                  </a:lnTo>
                  <a:lnTo>
                    <a:pt x="35" y="879"/>
                  </a:lnTo>
                  <a:lnTo>
                    <a:pt x="35" y="875"/>
                  </a:lnTo>
                  <a:lnTo>
                    <a:pt x="35" y="873"/>
                  </a:lnTo>
                  <a:lnTo>
                    <a:pt x="31" y="864"/>
                  </a:lnTo>
                  <a:lnTo>
                    <a:pt x="30" y="862"/>
                  </a:lnTo>
                  <a:lnTo>
                    <a:pt x="28" y="860"/>
                  </a:lnTo>
                  <a:lnTo>
                    <a:pt x="24" y="855"/>
                  </a:lnTo>
                  <a:lnTo>
                    <a:pt x="20" y="851"/>
                  </a:lnTo>
                  <a:lnTo>
                    <a:pt x="20" y="847"/>
                  </a:lnTo>
                  <a:lnTo>
                    <a:pt x="22" y="847"/>
                  </a:lnTo>
                  <a:lnTo>
                    <a:pt x="22" y="845"/>
                  </a:lnTo>
                  <a:lnTo>
                    <a:pt x="18" y="840"/>
                  </a:lnTo>
                  <a:lnTo>
                    <a:pt x="18" y="838"/>
                  </a:lnTo>
                  <a:lnTo>
                    <a:pt x="18" y="836"/>
                  </a:lnTo>
                  <a:lnTo>
                    <a:pt x="17" y="834"/>
                  </a:lnTo>
                  <a:lnTo>
                    <a:pt x="15" y="834"/>
                  </a:lnTo>
                  <a:lnTo>
                    <a:pt x="17" y="832"/>
                  </a:lnTo>
                  <a:lnTo>
                    <a:pt x="17" y="831"/>
                  </a:lnTo>
                  <a:lnTo>
                    <a:pt x="18" y="827"/>
                  </a:lnTo>
                  <a:lnTo>
                    <a:pt x="18" y="825"/>
                  </a:lnTo>
                  <a:lnTo>
                    <a:pt x="18" y="823"/>
                  </a:lnTo>
                  <a:lnTo>
                    <a:pt x="18" y="821"/>
                  </a:lnTo>
                  <a:lnTo>
                    <a:pt x="18" y="819"/>
                  </a:lnTo>
                  <a:lnTo>
                    <a:pt x="18" y="818"/>
                  </a:lnTo>
                  <a:lnTo>
                    <a:pt x="18" y="816"/>
                  </a:lnTo>
                  <a:lnTo>
                    <a:pt x="20" y="814"/>
                  </a:lnTo>
                  <a:lnTo>
                    <a:pt x="18" y="814"/>
                  </a:lnTo>
                  <a:lnTo>
                    <a:pt x="20" y="812"/>
                  </a:lnTo>
                  <a:lnTo>
                    <a:pt x="20" y="810"/>
                  </a:lnTo>
                  <a:lnTo>
                    <a:pt x="18" y="808"/>
                  </a:lnTo>
                  <a:lnTo>
                    <a:pt x="17" y="807"/>
                  </a:lnTo>
                  <a:lnTo>
                    <a:pt x="17" y="805"/>
                  </a:lnTo>
                  <a:lnTo>
                    <a:pt x="18" y="803"/>
                  </a:lnTo>
                  <a:lnTo>
                    <a:pt x="22" y="801"/>
                  </a:lnTo>
                  <a:lnTo>
                    <a:pt x="22" y="799"/>
                  </a:lnTo>
                  <a:lnTo>
                    <a:pt x="24" y="795"/>
                  </a:lnTo>
                  <a:lnTo>
                    <a:pt x="26" y="795"/>
                  </a:lnTo>
                  <a:lnTo>
                    <a:pt x="26" y="794"/>
                  </a:lnTo>
                  <a:lnTo>
                    <a:pt x="28" y="794"/>
                  </a:lnTo>
                  <a:lnTo>
                    <a:pt x="28" y="792"/>
                  </a:lnTo>
                  <a:lnTo>
                    <a:pt x="30" y="790"/>
                  </a:lnTo>
                  <a:lnTo>
                    <a:pt x="31" y="786"/>
                  </a:lnTo>
                  <a:lnTo>
                    <a:pt x="30" y="779"/>
                  </a:lnTo>
                  <a:lnTo>
                    <a:pt x="31" y="775"/>
                  </a:lnTo>
                  <a:lnTo>
                    <a:pt x="33" y="773"/>
                  </a:lnTo>
                  <a:lnTo>
                    <a:pt x="35" y="773"/>
                  </a:lnTo>
                  <a:lnTo>
                    <a:pt x="35" y="771"/>
                  </a:lnTo>
                  <a:lnTo>
                    <a:pt x="35" y="770"/>
                  </a:lnTo>
                  <a:lnTo>
                    <a:pt x="35" y="766"/>
                  </a:lnTo>
                  <a:lnTo>
                    <a:pt x="35" y="764"/>
                  </a:lnTo>
                  <a:lnTo>
                    <a:pt x="35" y="762"/>
                  </a:lnTo>
                  <a:lnTo>
                    <a:pt x="35" y="760"/>
                  </a:lnTo>
                  <a:lnTo>
                    <a:pt x="35" y="758"/>
                  </a:lnTo>
                  <a:lnTo>
                    <a:pt x="35" y="757"/>
                  </a:lnTo>
                  <a:lnTo>
                    <a:pt x="35" y="755"/>
                  </a:lnTo>
                  <a:lnTo>
                    <a:pt x="35" y="753"/>
                  </a:lnTo>
                  <a:lnTo>
                    <a:pt x="35" y="751"/>
                  </a:lnTo>
                  <a:lnTo>
                    <a:pt x="37" y="749"/>
                  </a:lnTo>
                  <a:lnTo>
                    <a:pt x="35" y="747"/>
                  </a:lnTo>
                  <a:lnTo>
                    <a:pt x="35" y="745"/>
                  </a:lnTo>
                  <a:lnTo>
                    <a:pt x="35" y="744"/>
                  </a:lnTo>
                  <a:lnTo>
                    <a:pt x="33" y="742"/>
                  </a:lnTo>
                  <a:lnTo>
                    <a:pt x="33" y="740"/>
                  </a:lnTo>
                  <a:lnTo>
                    <a:pt x="33" y="736"/>
                  </a:lnTo>
                  <a:lnTo>
                    <a:pt x="33" y="734"/>
                  </a:lnTo>
                  <a:lnTo>
                    <a:pt x="33" y="733"/>
                  </a:lnTo>
                  <a:lnTo>
                    <a:pt x="31" y="733"/>
                  </a:lnTo>
                  <a:lnTo>
                    <a:pt x="31" y="731"/>
                  </a:lnTo>
                  <a:lnTo>
                    <a:pt x="33" y="731"/>
                  </a:lnTo>
                  <a:lnTo>
                    <a:pt x="33" y="729"/>
                  </a:lnTo>
                  <a:lnTo>
                    <a:pt x="33" y="727"/>
                  </a:lnTo>
                  <a:lnTo>
                    <a:pt x="33" y="725"/>
                  </a:lnTo>
                  <a:lnTo>
                    <a:pt x="35" y="723"/>
                  </a:lnTo>
                  <a:lnTo>
                    <a:pt x="35" y="718"/>
                  </a:lnTo>
                  <a:lnTo>
                    <a:pt x="35" y="716"/>
                  </a:lnTo>
                  <a:lnTo>
                    <a:pt x="35" y="714"/>
                  </a:lnTo>
                  <a:lnTo>
                    <a:pt x="35" y="710"/>
                  </a:lnTo>
                  <a:lnTo>
                    <a:pt x="37" y="707"/>
                  </a:lnTo>
                  <a:lnTo>
                    <a:pt x="35" y="707"/>
                  </a:lnTo>
                  <a:lnTo>
                    <a:pt x="33" y="705"/>
                  </a:lnTo>
                  <a:lnTo>
                    <a:pt x="33" y="703"/>
                  </a:lnTo>
                  <a:lnTo>
                    <a:pt x="31" y="701"/>
                  </a:lnTo>
                  <a:lnTo>
                    <a:pt x="31" y="699"/>
                  </a:lnTo>
                  <a:lnTo>
                    <a:pt x="31" y="697"/>
                  </a:lnTo>
                  <a:lnTo>
                    <a:pt x="20" y="697"/>
                  </a:lnTo>
                  <a:lnTo>
                    <a:pt x="18" y="690"/>
                  </a:lnTo>
                  <a:lnTo>
                    <a:pt x="18" y="686"/>
                  </a:lnTo>
                  <a:lnTo>
                    <a:pt x="18" y="684"/>
                  </a:lnTo>
                  <a:lnTo>
                    <a:pt x="18" y="683"/>
                  </a:lnTo>
                  <a:lnTo>
                    <a:pt x="18" y="681"/>
                  </a:lnTo>
                  <a:lnTo>
                    <a:pt x="18" y="679"/>
                  </a:lnTo>
                  <a:lnTo>
                    <a:pt x="18" y="677"/>
                  </a:lnTo>
                  <a:lnTo>
                    <a:pt x="18" y="675"/>
                  </a:lnTo>
                  <a:lnTo>
                    <a:pt x="17" y="675"/>
                  </a:lnTo>
                  <a:lnTo>
                    <a:pt x="17" y="673"/>
                  </a:lnTo>
                  <a:lnTo>
                    <a:pt x="17" y="671"/>
                  </a:lnTo>
                  <a:lnTo>
                    <a:pt x="15" y="670"/>
                  </a:lnTo>
                  <a:lnTo>
                    <a:pt x="15" y="668"/>
                  </a:lnTo>
                  <a:lnTo>
                    <a:pt x="13" y="668"/>
                  </a:lnTo>
                  <a:lnTo>
                    <a:pt x="11" y="668"/>
                  </a:lnTo>
                  <a:lnTo>
                    <a:pt x="11" y="666"/>
                  </a:lnTo>
                  <a:lnTo>
                    <a:pt x="9" y="666"/>
                  </a:lnTo>
                  <a:lnTo>
                    <a:pt x="7" y="664"/>
                  </a:lnTo>
                  <a:lnTo>
                    <a:pt x="7" y="662"/>
                  </a:lnTo>
                  <a:lnTo>
                    <a:pt x="7" y="660"/>
                  </a:lnTo>
                  <a:lnTo>
                    <a:pt x="6" y="660"/>
                  </a:lnTo>
                  <a:lnTo>
                    <a:pt x="6" y="659"/>
                  </a:lnTo>
                  <a:lnTo>
                    <a:pt x="6" y="657"/>
                  </a:lnTo>
                  <a:lnTo>
                    <a:pt x="4" y="657"/>
                  </a:lnTo>
                  <a:lnTo>
                    <a:pt x="4" y="655"/>
                  </a:lnTo>
                  <a:lnTo>
                    <a:pt x="2" y="655"/>
                  </a:lnTo>
                  <a:lnTo>
                    <a:pt x="2" y="653"/>
                  </a:lnTo>
                  <a:lnTo>
                    <a:pt x="2" y="651"/>
                  </a:lnTo>
                  <a:lnTo>
                    <a:pt x="2" y="649"/>
                  </a:lnTo>
                  <a:lnTo>
                    <a:pt x="2" y="647"/>
                  </a:lnTo>
                  <a:lnTo>
                    <a:pt x="4" y="647"/>
                  </a:lnTo>
                  <a:lnTo>
                    <a:pt x="4" y="646"/>
                  </a:lnTo>
                  <a:lnTo>
                    <a:pt x="2" y="644"/>
                  </a:lnTo>
                  <a:lnTo>
                    <a:pt x="4" y="644"/>
                  </a:lnTo>
                  <a:lnTo>
                    <a:pt x="4" y="642"/>
                  </a:lnTo>
                  <a:lnTo>
                    <a:pt x="4" y="640"/>
                  </a:lnTo>
                  <a:lnTo>
                    <a:pt x="2" y="640"/>
                  </a:lnTo>
                  <a:lnTo>
                    <a:pt x="4" y="640"/>
                  </a:lnTo>
                  <a:lnTo>
                    <a:pt x="4" y="638"/>
                  </a:lnTo>
                  <a:lnTo>
                    <a:pt x="2" y="636"/>
                  </a:lnTo>
                  <a:lnTo>
                    <a:pt x="0" y="636"/>
                  </a:lnTo>
                  <a:lnTo>
                    <a:pt x="2" y="634"/>
                  </a:lnTo>
                  <a:lnTo>
                    <a:pt x="0" y="633"/>
                  </a:lnTo>
                  <a:lnTo>
                    <a:pt x="2" y="633"/>
                  </a:lnTo>
                  <a:lnTo>
                    <a:pt x="2" y="631"/>
                  </a:lnTo>
                  <a:lnTo>
                    <a:pt x="4" y="629"/>
                  </a:lnTo>
                  <a:lnTo>
                    <a:pt x="4" y="627"/>
                  </a:lnTo>
                  <a:lnTo>
                    <a:pt x="4" y="625"/>
                  </a:lnTo>
                  <a:lnTo>
                    <a:pt x="2" y="623"/>
                  </a:lnTo>
                  <a:lnTo>
                    <a:pt x="2" y="622"/>
                  </a:lnTo>
                  <a:lnTo>
                    <a:pt x="2" y="620"/>
                  </a:lnTo>
                  <a:lnTo>
                    <a:pt x="4" y="618"/>
                  </a:lnTo>
                  <a:lnTo>
                    <a:pt x="2" y="618"/>
                  </a:lnTo>
                  <a:lnTo>
                    <a:pt x="4" y="616"/>
                  </a:lnTo>
                  <a:lnTo>
                    <a:pt x="17" y="620"/>
                  </a:lnTo>
                  <a:lnTo>
                    <a:pt x="18" y="620"/>
                  </a:lnTo>
                  <a:lnTo>
                    <a:pt x="20" y="620"/>
                  </a:lnTo>
                  <a:lnTo>
                    <a:pt x="22" y="620"/>
                  </a:lnTo>
                  <a:lnTo>
                    <a:pt x="24" y="622"/>
                  </a:lnTo>
                  <a:lnTo>
                    <a:pt x="26" y="623"/>
                  </a:lnTo>
                  <a:lnTo>
                    <a:pt x="26" y="625"/>
                  </a:lnTo>
                  <a:lnTo>
                    <a:pt x="26" y="627"/>
                  </a:lnTo>
                  <a:lnTo>
                    <a:pt x="28" y="627"/>
                  </a:lnTo>
                  <a:lnTo>
                    <a:pt x="30" y="627"/>
                  </a:lnTo>
                  <a:lnTo>
                    <a:pt x="31" y="627"/>
                  </a:lnTo>
                  <a:lnTo>
                    <a:pt x="33" y="627"/>
                  </a:lnTo>
                  <a:lnTo>
                    <a:pt x="35" y="627"/>
                  </a:lnTo>
                  <a:lnTo>
                    <a:pt x="37" y="627"/>
                  </a:lnTo>
                  <a:lnTo>
                    <a:pt x="44" y="629"/>
                  </a:lnTo>
                  <a:lnTo>
                    <a:pt x="46" y="629"/>
                  </a:lnTo>
                  <a:lnTo>
                    <a:pt x="48" y="627"/>
                  </a:lnTo>
                  <a:lnTo>
                    <a:pt x="52" y="627"/>
                  </a:lnTo>
                  <a:lnTo>
                    <a:pt x="54" y="627"/>
                  </a:lnTo>
                  <a:lnTo>
                    <a:pt x="55" y="629"/>
                  </a:lnTo>
                  <a:lnTo>
                    <a:pt x="57" y="629"/>
                  </a:lnTo>
                  <a:lnTo>
                    <a:pt x="59" y="629"/>
                  </a:lnTo>
                  <a:lnTo>
                    <a:pt x="61" y="629"/>
                  </a:lnTo>
                  <a:lnTo>
                    <a:pt x="61" y="631"/>
                  </a:lnTo>
                  <a:lnTo>
                    <a:pt x="63" y="629"/>
                  </a:lnTo>
                  <a:lnTo>
                    <a:pt x="65" y="629"/>
                  </a:lnTo>
                  <a:lnTo>
                    <a:pt x="67" y="627"/>
                  </a:lnTo>
                  <a:lnTo>
                    <a:pt x="68" y="627"/>
                  </a:lnTo>
                  <a:lnTo>
                    <a:pt x="68" y="625"/>
                  </a:lnTo>
                  <a:lnTo>
                    <a:pt x="70" y="625"/>
                  </a:lnTo>
                  <a:lnTo>
                    <a:pt x="72" y="625"/>
                  </a:lnTo>
                  <a:lnTo>
                    <a:pt x="74" y="625"/>
                  </a:lnTo>
                  <a:lnTo>
                    <a:pt x="74" y="623"/>
                  </a:lnTo>
                  <a:lnTo>
                    <a:pt x="76" y="623"/>
                  </a:lnTo>
                  <a:lnTo>
                    <a:pt x="78" y="623"/>
                  </a:lnTo>
                  <a:lnTo>
                    <a:pt x="78" y="622"/>
                  </a:lnTo>
                  <a:lnTo>
                    <a:pt x="78" y="620"/>
                  </a:lnTo>
                  <a:lnTo>
                    <a:pt x="78" y="618"/>
                  </a:lnTo>
                  <a:lnTo>
                    <a:pt x="79" y="618"/>
                  </a:lnTo>
                  <a:lnTo>
                    <a:pt x="78" y="616"/>
                  </a:lnTo>
                  <a:lnTo>
                    <a:pt x="78" y="614"/>
                  </a:lnTo>
                  <a:lnTo>
                    <a:pt x="78" y="612"/>
                  </a:lnTo>
                  <a:lnTo>
                    <a:pt x="79" y="612"/>
                  </a:lnTo>
                  <a:lnTo>
                    <a:pt x="79" y="610"/>
                  </a:lnTo>
                  <a:lnTo>
                    <a:pt x="81" y="607"/>
                  </a:lnTo>
                  <a:lnTo>
                    <a:pt x="81" y="605"/>
                  </a:lnTo>
                  <a:lnTo>
                    <a:pt x="81" y="603"/>
                  </a:lnTo>
                  <a:lnTo>
                    <a:pt x="81" y="601"/>
                  </a:lnTo>
                  <a:lnTo>
                    <a:pt x="79" y="599"/>
                  </a:lnTo>
                  <a:lnTo>
                    <a:pt x="79" y="598"/>
                  </a:lnTo>
                  <a:lnTo>
                    <a:pt x="79" y="596"/>
                  </a:lnTo>
                  <a:lnTo>
                    <a:pt x="78" y="596"/>
                  </a:lnTo>
                  <a:lnTo>
                    <a:pt x="78" y="594"/>
                  </a:lnTo>
                  <a:lnTo>
                    <a:pt x="78" y="592"/>
                  </a:lnTo>
                  <a:lnTo>
                    <a:pt x="78" y="590"/>
                  </a:lnTo>
                  <a:lnTo>
                    <a:pt x="78" y="588"/>
                  </a:lnTo>
                  <a:lnTo>
                    <a:pt x="78" y="586"/>
                  </a:lnTo>
                  <a:lnTo>
                    <a:pt x="79" y="585"/>
                  </a:lnTo>
                  <a:lnTo>
                    <a:pt x="79" y="583"/>
                  </a:lnTo>
                  <a:lnTo>
                    <a:pt x="79" y="581"/>
                  </a:lnTo>
                  <a:lnTo>
                    <a:pt x="79" y="579"/>
                  </a:lnTo>
                  <a:lnTo>
                    <a:pt x="79" y="577"/>
                  </a:lnTo>
                  <a:lnTo>
                    <a:pt x="78" y="577"/>
                  </a:lnTo>
                  <a:lnTo>
                    <a:pt x="76" y="577"/>
                  </a:lnTo>
                  <a:lnTo>
                    <a:pt x="74" y="575"/>
                  </a:lnTo>
                  <a:lnTo>
                    <a:pt x="72" y="575"/>
                  </a:lnTo>
                  <a:lnTo>
                    <a:pt x="72" y="573"/>
                  </a:lnTo>
                  <a:lnTo>
                    <a:pt x="70" y="573"/>
                  </a:lnTo>
                  <a:lnTo>
                    <a:pt x="70" y="572"/>
                  </a:lnTo>
                  <a:lnTo>
                    <a:pt x="70" y="570"/>
                  </a:lnTo>
                  <a:lnTo>
                    <a:pt x="70" y="568"/>
                  </a:lnTo>
                  <a:lnTo>
                    <a:pt x="70" y="566"/>
                  </a:lnTo>
                  <a:lnTo>
                    <a:pt x="70" y="564"/>
                  </a:lnTo>
                  <a:lnTo>
                    <a:pt x="70" y="559"/>
                  </a:lnTo>
                  <a:lnTo>
                    <a:pt x="70" y="555"/>
                  </a:lnTo>
                  <a:lnTo>
                    <a:pt x="70" y="546"/>
                  </a:lnTo>
                  <a:lnTo>
                    <a:pt x="70" y="542"/>
                  </a:lnTo>
                  <a:lnTo>
                    <a:pt x="72" y="542"/>
                  </a:lnTo>
                  <a:lnTo>
                    <a:pt x="72" y="540"/>
                  </a:lnTo>
                  <a:lnTo>
                    <a:pt x="72" y="538"/>
                  </a:lnTo>
                  <a:lnTo>
                    <a:pt x="72" y="536"/>
                  </a:lnTo>
                  <a:lnTo>
                    <a:pt x="68" y="533"/>
                  </a:lnTo>
                  <a:lnTo>
                    <a:pt x="67" y="533"/>
                  </a:lnTo>
                  <a:lnTo>
                    <a:pt x="67" y="531"/>
                  </a:lnTo>
                  <a:lnTo>
                    <a:pt x="65" y="531"/>
                  </a:lnTo>
                  <a:lnTo>
                    <a:pt x="65" y="529"/>
                  </a:lnTo>
                  <a:lnTo>
                    <a:pt x="63" y="529"/>
                  </a:lnTo>
                  <a:lnTo>
                    <a:pt x="63" y="527"/>
                  </a:lnTo>
                  <a:lnTo>
                    <a:pt x="61" y="527"/>
                  </a:lnTo>
                  <a:lnTo>
                    <a:pt x="61" y="525"/>
                  </a:lnTo>
                  <a:lnTo>
                    <a:pt x="61" y="524"/>
                  </a:lnTo>
                  <a:lnTo>
                    <a:pt x="61" y="522"/>
                  </a:lnTo>
                  <a:lnTo>
                    <a:pt x="61" y="520"/>
                  </a:lnTo>
                  <a:lnTo>
                    <a:pt x="61" y="518"/>
                  </a:lnTo>
                  <a:lnTo>
                    <a:pt x="61" y="516"/>
                  </a:lnTo>
                  <a:lnTo>
                    <a:pt x="61" y="514"/>
                  </a:lnTo>
                  <a:lnTo>
                    <a:pt x="59" y="514"/>
                  </a:lnTo>
                  <a:lnTo>
                    <a:pt x="59" y="512"/>
                  </a:lnTo>
                  <a:lnTo>
                    <a:pt x="59" y="511"/>
                  </a:lnTo>
                  <a:lnTo>
                    <a:pt x="61" y="509"/>
                  </a:lnTo>
                  <a:lnTo>
                    <a:pt x="61" y="507"/>
                  </a:lnTo>
                  <a:lnTo>
                    <a:pt x="63" y="507"/>
                  </a:lnTo>
                  <a:lnTo>
                    <a:pt x="63" y="505"/>
                  </a:lnTo>
                  <a:lnTo>
                    <a:pt x="65" y="505"/>
                  </a:lnTo>
                  <a:lnTo>
                    <a:pt x="63" y="503"/>
                  </a:lnTo>
                  <a:lnTo>
                    <a:pt x="63" y="501"/>
                  </a:lnTo>
                  <a:lnTo>
                    <a:pt x="63" y="499"/>
                  </a:lnTo>
                  <a:lnTo>
                    <a:pt x="61" y="499"/>
                  </a:lnTo>
                  <a:lnTo>
                    <a:pt x="61" y="498"/>
                  </a:lnTo>
                  <a:lnTo>
                    <a:pt x="59" y="498"/>
                  </a:lnTo>
                  <a:lnTo>
                    <a:pt x="59" y="496"/>
                  </a:lnTo>
                  <a:lnTo>
                    <a:pt x="57" y="494"/>
                  </a:lnTo>
                  <a:lnTo>
                    <a:pt x="57" y="492"/>
                  </a:lnTo>
                  <a:lnTo>
                    <a:pt x="59" y="492"/>
                  </a:lnTo>
                  <a:lnTo>
                    <a:pt x="59" y="490"/>
                  </a:lnTo>
                  <a:lnTo>
                    <a:pt x="61" y="490"/>
                  </a:lnTo>
                  <a:lnTo>
                    <a:pt x="63" y="490"/>
                  </a:lnTo>
                  <a:lnTo>
                    <a:pt x="65" y="490"/>
                  </a:lnTo>
                  <a:lnTo>
                    <a:pt x="65" y="488"/>
                  </a:lnTo>
                  <a:lnTo>
                    <a:pt x="65" y="487"/>
                  </a:lnTo>
                  <a:lnTo>
                    <a:pt x="67" y="487"/>
                  </a:lnTo>
                  <a:lnTo>
                    <a:pt x="67" y="485"/>
                  </a:lnTo>
                  <a:lnTo>
                    <a:pt x="68" y="483"/>
                  </a:lnTo>
                  <a:lnTo>
                    <a:pt x="68" y="481"/>
                  </a:lnTo>
                  <a:lnTo>
                    <a:pt x="68" y="479"/>
                  </a:lnTo>
                  <a:lnTo>
                    <a:pt x="68" y="477"/>
                  </a:lnTo>
                  <a:lnTo>
                    <a:pt x="68" y="475"/>
                  </a:lnTo>
                  <a:lnTo>
                    <a:pt x="70" y="472"/>
                  </a:lnTo>
                  <a:lnTo>
                    <a:pt x="72" y="470"/>
                  </a:lnTo>
                  <a:lnTo>
                    <a:pt x="74" y="468"/>
                  </a:lnTo>
                  <a:lnTo>
                    <a:pt x="76" y="468"/>
                  </a:lnTo>
                  <a:lnTo>
                    <a:pt x="76" y="466"/>
                  </a:lnTo>
                  <a:lnTo>
                    <a:pt x="78" y="466"/>
                  </a:lnTo>
                  <a:lnTo>
                    <a:pt x="79" y="466"/>
                  </a:lnTo>
                  <a:lnTo>
                    <a:pt x="79" y="464"/>
                  </a:lnTo>
                  <a:lnTo>
                    <a:pt x="81" y="464"/>
                  </a:lnTo>
                  <a:lnTo>
                    <a:pt x="81" y="462"/>
                  </a:lnTo>
                  <a:lnTo>
                    <a:pt x="83" y="462"/>
                  </a:lnTo>
                  <a:lnTo>
                    <a:pt x="87" y="459"/>
                  </a:lnTo>
                  <a:lnTo>
                    <a:pt x="91" y="461"/>
                  </a:lnTo>
                  <a:lnTo>
                    <a:pt x="92" y="459"/>
                  </a:lnTo>
                  <a:lnTo>
                    <a:pt x="96" y="459"/>
                  </a:lnTo>
                  <a:lnTo>
                    <a:pt x="98" y="459"/>
                  </a:lnTo>
                  <a:lnTo>
                    <a:pt x="100" y="459"/>
                  </a:lnTo>
                  <a:lnTo>
                    <a:pt x="102" y="461"/>
                  </a:lnTo>
                  <a:lnTo>
                    <a:pt x="102" y="462"/>
                  </a:lnTo>
                  <a:lnTo>
                    <a:pt x="104" y="461"/>
                  </a:lnTo>
                  <a:lnTo>
                    <a:pt x="105" y="462"/>
                  </a:lnTo>
                  <a:lnTo>
                    <a:pt x="107" y="461"/>
                  </a:lnTo>
                  <a:lnTo>
                    <a:pt x="109" y="461"/>
                  </a:lnTo>
                  <a:lnTo>
                    <a:pt x="111" y="461"/>
                  </a:lnTo>
                  <a:lnTo>
                    <a:pt x="113" y="461"/>
                  </a:lnTo>
                  <a:lnTo>
                    <a:pt x="113" y="459"/>
                  </a:lnTo>
                  <a:lnTo>
                    <a:pt x="113" y="461"/>
                  </a:lnTo>
                  <a:lnTo>
                    <a:pt x="115" y="461"/>
                  </a:lnTo>
                  <a:lnTo>
                    <a:pt x="115" y="459"/>
                  </a:lnTo>
                  <a:lnTo>
                    <a:pt x="116" y="459"/>
                  </a:lnTo>
                  <a:lnTo>
                    <a:pt x="118" y="459"/>
                  </a:lnTo>
                  <a:lnTo>
                    <a:pt x="120" y="457"/>
                  </a:lnTo>
                  <a:lnTo>
                    <a:pt x="120" y="455"/>
                  </a:lnTo>
                  <a:lnTo>
                    <a:pt x="122" y="455"/>
                  </a:lnTo>
                  <a:lnTo>
                    <a:pt x="124" y="455"/>
                  </a:lnTo>
                  <a:lnTo>
                    <a:pt x="126" y="455"/>
                  </a:lnTo>
                  <a:lnTo>
                    <a:pt x="129" y="453"/>
                  </a:lnTo>
                  <a:lnTo>
                    <a:pt x="129" y="451"/>
                  </a:lnTo>
                  <a:lnTo>
                    <a:pt x="126" y="435"/>
                  </a:lnTo>
                  <a:lnTo>
                    <a:pt x="126" y="433"/>
                  </a:lnTo>
                  <a:lnTo>
                    <a:pt x="124" y="433"/>
                  </a:lnTo>
                  <a:lnTo>
                    <a:pt x="122" y="429"/>
                  </a:lnTo>
                  <a:lnTo>
                    <a:pt x="120" y="427"/>
                  </a:lnTo>
                  <a:lnTo>
                    <a:pt x="120" y="425"/>
                  </a:lnTo>
                  <a:lnTo>
                    <a:pt x="118" y="424"/>
                  </a:lnTo>
                  <a:lnTo>
                    <a:pt x="115" y="422"/>
                  </a:lnTo>
                  <a:lnTo>
                    <a:pt x="115" y="420"/>
                  </a:lnTo>
                  <a:lnTo>
                    <a:pt x="111" y="418"/>
                  </a:lnTo>
                  <a:lnTo>
                    <a:pt x="111" y="416"/>
                  </a:lnTo>
                  <a:lnTo>
                    <a:pt x="111" y="414"/>
                  </a:lnTo>
                  <a:lnTo>
                    <a:pt x="113" y="414"/>
                  </a:lnTo>
                  <a:lnTo>
                    <a:pt x="113" y="413"/>
                  </a:lnTo>
                  <a:lnTo>
                    <a:pt x="115" y="411"/>
                  </a:lnTo>
                  <a:lnTo>
                    <a:pt x="116" y="409"/>
                  </a:lnTo>
                  <a:lnTo>
                    <a:pt x="116" y="407"/>
                  </a:lnTo>
                  <a:lnTo>
                    <a:pt x="116" y="405"/>
                  </a:lnTo>
                  <a:lnTo>
                    <a:pt x="116" y="403"/>
                  </a:lnTo>
                  <a:lnTo>
                    <a:pt x="115" y="401"/>
                  </a:lnTo>
                  <a:lnTo>
                    <a:pt x="115" y="400"/>
                  </a:lnTo>
                  <a:lnTo>
                    <a:pt x="111" y="401"/>
                  </a:lnTo>
                  <a:lnTo>
                    <a:pt x="109" y="401"/>
                  </a:lnTo>
                  <a:lnTo>
                    <a:pt x="107" y="403"/>
                  </a:lnTo>
                  <a:lnTo>
                    <a:pt x="105" y="405"/>
                  </a:lnTo>
                  <a:lnTo>
                    <a:pt x="104" y="405"/>
                  </a:lnTo>
                  <a:lnTo>
                    <a:pt x="102" y="405"/>
                  </a:lnTo>
                  <a:lnTo>
                    <a:pt x="98" y="401"/>
                  </a:lnTo>
                  <a:lnTo>
                    <a:pt x="96" y="401"/>
                  </a:lnTo>
                  <a:lnTo>
                    <a:pt x="92" y="400"/>
                  </a:lnTo>
                  <a:lnTo>
                    <a:pt x="94" y="400"/>
                  </a:lnTo>
                  <a:lnTo>
                    <a:pt x="92" y="396"/>
                  </a:lnTo>
                  <a:lnTo>
                    <a:pt x="98" y="396"/>
                  </a:lnTo>
                  <a:lnTo>
                    <a:pt x="100" y="398"/>
                  </a:lnTo>
                  <a:lnTo>
                    <a:pt x="104" y="398"/>
                  </a:lnTo>
                  <a:lnTo>
                    <a:pt x="105" y="396"/>
                  </a:lnTo>
                  <a:lnTo>
                    <a:pt x="109" y="394"/>
                  </a:lnTo>
                  <a:lnTo>
                    <a:pt x="111" y="394"/>
                  </a:lnTo>
                  <a:lnTo>
                    <a:pt x="113" y="392"/>
                  </a:lnTo>
                  <a:lnTo>
                    <a:pt x="113" y="390"/>
                  </a:lnTo>
                  <a:lnTo>
                    <a:pt x="115" y="390"/>
                  </a:lnTo>
                  <a:lnTo>
                    <a:pt x="116" y="388"/>
                  </a:lnTo>
                  <a:lnTo>
                    <a:pt x="118" y="387"/>
                  </a:lnTo>
                  <a:lnTo>
                    <a:pt x="118" y="385"/>
                  </a:lnTo>
                  <a:lnTo>
                    <a:pt x="116" y="383"/>
                  </a:lnTo>
                  <a:lnTo>
                    <a:pt x="118" y="381"/>
                  </a:lnTo>
                  <a:lnTo>
                    <a:pt x="118" y="377"/>
                  </a:lnTo>
                  <a:lnTo>
                    <a:pt x="115" y="374"/>
                  </a:lnTo>
                  <a:lnTo>
                    <a:pt x="111" y="370"/>
                  </a:lnTo>
                  <a:lnTo>
                    <a:pt x="111" y="368"/>
                  </a:lnTo>
                  <a:lnTo>
                    <a:pt x="113" y="366"/>
                  </a:lnTo>
                  <a:lnTo>
                    <a:pt x="115" y="364"/>
                  </a:lnTo>
                  <a:lnTo>
                    <a:pt x="115" y="363"/>
                  </a:lnTo>
                  <a:lnTo>
                    <a:pt x="115" y="361"/>
                  </a:lnTo>
                  <a:lnTo>
                    <a:pt x="115" y="359"/>
                  </a:lnTo>
                  <a:lnTo>
                    <a:pt x="116" y="359"/>
                  </a:lnTo>
                  <a:lnTo>
                    <a:pt x="118" y="357"/>
                  </a:lnTo>
                  <a:lnTo>
                    <a:pt x="118" y="355"/>
                  </a:lnTo>
                  <a:lnTo>
                    <a:pt x="118" y="353"/>
                  </a:lnTo>
                  <a:lnTo>
                    <a:pt x="118" y="351"/>
                  </a:lnTo>
                  <a:lnTo>
                    <a:pt x="118" y="348"/>
                  </a:lnTo>
                  <a:lnTo>
                    <a:pt x="118" y="346"/>
                  </a:lnTo>
                  <a:lnTo>
                    <a:pt x="118" y="344"/>
                  </a:lnTo>
                  <a:lnTo>
                    <a:pt x="116" y="344"/>
                  </a:lnTo>
                  <a:lnTo>
                    <a:pt x="118" y="342"/>
                  </a:lnTo>
                  <a:lnTo>
                    <a:pt x="118" y="340"/>
                  </a:lnTo>
                  <a:lnTo>
                    <a:pt x="118" y="339"/>
                  </a:lnTo>
                  <a:lnTo>
                    <a:pt x="120" y="339"/>
                  </a:lnTo>
                  <a:lnTo>
                    <a:pt x="120" y="337"/>
                  </a:lnTo>
                  <a:lnTo>
                    <a:pt x="120" y="335"/>
                  </a:lnTo>
                  <a:lnTo>
                    <a:pt x="120" y="333"/>
                  </a:lnTo>
                  <a:lnTo>
                    <a:pt x="122" y="333"/>
                  </a:lnTo>
                  <a:lnTo>
                    <a:pt x="122" y="331"/>
                  </a:lnTo>
                  <a:lnTo>
                    <a:pt x="124" y="329"/>
                  </a:lnTo>
                  <a:lnTo>
                    <a:pt x="124" y="327"/>
                  </a:lnTo>
                  <a:lnTo>
                    <a:pt x="124" y="326"/>
                  </a:lnTo>
                  <a:lnTo>
                    <a:pt x="124" y="324"/>
                  </a:lnTo>
                  <a:lnTo>
                    <a:pt x="126" y="324"/>
                  </a:lnTo>
                  <a:lnTo>
                    <a:pt x="128" y="322"/>
                  </a:lnTo>
                  <a:lnTo>
                    <a:pt x="128" y="320"/>
                  </a:lnTo>
                  <a:lnTo>
                    <a:pt x="129" y="320"/>
                  </a:lnTo>
                  <a:lnTo>
                    <a:pt x="131" y="320"/>
                  </a:lnTo>
                  <a:lnTo>
                    <a:pt x="131" y="318"/>
                  </a:lnTo>
                  <a:lnTo>
                    <a:pt x="133" y="318"/>
                  </a:lnTo>
                  <a:lnTo>
                    <a:pt x="135" y="318"/>
                  </a:lnTo>
                  <a:lnTo>
                    <a:pt x="137" y="316"/>
                  </a:lnTo>
                  <a:lnTo>
                    <a:pt x="139" y="316"/>
                  </a:lnTo>
                  <a:lnTo>
                    <a:pt x="140" y="316"/>
                  </a:lnTo>
                  <a:lnTo>
                    <a:pt x="140" y="314"/>
                  </a:lnTo>
                  <a:lnTo>
                    <a:pt x="142" y="314"/>
                  </a:lnTo>
                  <a:lnTo>
                    <a:pt x="144" y="314"/>
                  </a:lnTo>
                  <a:lnTo>
                    <a:pt x="144" y="313"/>
                  </a:lnTo>
                  <a:lnTo>
                    <a:pt x="146" y="313"/>
                  </a:lnTo>
                  <a:lnTo>
                    <a:pt x="146" y="311"/>
                  </a:lnTo>
                  <a:lnTo>
                    <a:pt x="148" y="311"/>
                  </a:lnTo>
                  <a:lnTo>
                    <a:pt x="148" y="309"/>
                  </a:lnTo>
                  <a:lnTo>
                    <a:pt x="148" y="307"/>
                  </a:lnTo>
                  <a:lnTo>
                    <a:pt x="148" y="305"/>
                  </a:lnTo>
                  <a:lnTo>
                    <a:pt x="148" y="303"/>
                  </a:lnTo>
                  <a:lnTo>
                    <a:pt x="150" y="303"/>
                  </a:lnTo>
                  <a:lnTo>
                    <a:pt x="150" y="302"/>
                  </a:lnTo>
                  <a:lnTo>
                    <a:pt x="148" y="302"/>
                  </a:lnTo>
                  <a:lnTo>
                    <a:pt x="146" y="302"/>
                  </a:lnTo>
                  <a:lnTo>
                    <a:pt x="146" y="300"/>
                  </a:lnTo>
                  <a:lnTo>
                    <a:pt x="144" y="300"/>
                  </a:lnTo>
                  <a:lnTo>
                    <a:pt x="144" y="298"/>
                  </a:lnTo>
                  <a:lnTo>
                    <a:pt x="142" y="294"/>
                  </a:lnTo>
                  <a:lnTo>
                    <a:pt x="140" y="290"/>
                  </a:lnTo>
                  <a:lnTo>
                    <a:pt x="139" y="290"/>
                  </a:lnTo>
                  <a:lnTo>
                    <a:pt x="139" y="289"/>
                  </a:lnTo>
                  <a:lnTo>
                    <a:pt x="139" y="287"/>
                  </a:lnTo>
                  <a:lnTo>
                    <a:pt x="137" y="287"/>
                  </a:lnTo>
                  <a:lnTo>
                    <a:pt x="135" y="287"/>
                  </a:lnTo>
                  <a:lnTo>
                    <a:pt x="133" y="287"/>
                  </a:lnTo>
                  <a:lnTo>
                    <a:pt x="133" y="289"/>
                  </a:lnTo>
                  <a:lnTo>
                    <a:pt x="131" y="289"/>
                  </a:lnTo>
                  <a:lnTo>
                    <a:pt x="129" y="289"/>
                  </a:lnTo>
                  <a:lnTo>
                    <a:pt x="126" y="289"/>
                  </a:lnTo>
                  <a:lnTo>
                    <a:pt x="126" y="287"/>
                  </a:lnTo>
                  <a:lnTo>
                    <a:pt x="124" y="287"/>
                  </a:lnTo>
                  <a:lnTo>
                    <a:pt x="122" y="287"/>
                  </a:lnTo>
                  <a:lnTo>
                    <a:pt x="122" y="285"/>
                  </a:lnTo>
                  <a:lnTo>
                    <a:pt x="120" y="285"/>
                  </a:lnTo>
                  <a:lnTo>
                    <a:pt x="120" y="283"/>
                  </a:lnTo>
                  <a:lnTo>
                    <a:pt x="118" y="283"/>
                  </a:lnTo>
                  <a:lnTo>
                    <a:pt x="116" y="283"/>
                  </a:lnTo>
                  <a:lnTo>
                    <a:pt x="115" y="283"/>
                  </a:lnTo>
                  <a:lnTo>
                    <a:pt x="115" y="281"/>
                  </a:lnTo>
                  <a:lnTo>
                    <a:pt x="113" y="281"/>
                  </a:lnTo>
                  <a:lnTo>
                    <a:pt x="113" y="279"/>
                  </a:lnTo>
                  <a:lnTo>
                    <a:pt x="111" y="279"/>
                  </a:lnTo>
                  <a:lnTo>
                    <a:pt x="109" y="279"/>
                  </a:lnTo>
                  <a:lnTo>
                    <a:pt x="109" y="281"/>
                  </a:lnTo>
                  <a:lnTo>
                    <a:pt x="107" y="281"/>
                  </a:lnTo>
                  <a:lnTo>
                    <a:pt x="107" y="283"/>
                  </a:lnTo>
                  <a:lnTo>
                    <a:pt x="105" y="285"/>
                  </a:lnTo>
                  <a:lnTo>
                    <a:pt x="104" y="285"/>
                  </a:lnTo>
                  <a:lnTo>
                    <a:pt x="102" y="285"/>
                  </a:lnTo>
                  <a:lnTo>
                    <a:pt x="100" y="285"/>
                  </a:lnTo>
                  <a:lnTo>
                    <a:pt x="100" y="283"/>
                  </a:lnTo>
                  <a:lnTo>
                    <a:pt x="100" y="281"/>
                  </a:lnTo>
                  <a:lnTo>
                    <a:pt x="98" y="279"/>
                  </a:lnTo>
                  <a:lnTo>
                    <a:pt x="96" y="278"/>
                  </a:lnTo>
                  <a:lnTo>
                    <a:pt x="96" y="276"/>
                  </a:lnTo>
                  <a:lnTo>
                    <a:pt x="96" y="274"/>
                  </a:lnTo>
                  <a:lnTo>
                    <a:pt x="94" y="272"/>
                  </a:lnTo>
                  <a:lnTo>
                    <a:pt x="96" y="272"/>
                  </a:lnTo>
                  <a:lnTo>
                    <a:pt x="96" y="270"/>
                  </a:lnTo>
                  <a:lnTo>
                    <a:pt x="96" y="268"/>
                  </a:lnTo>
                  <a:lnTo>
                    <a:pt x="96" y="266"/>
                  </a:lnTo>
                  <a:lnTo>
                    <a:pt x="96" y="265"/>
                  </a:lnTo>
                  <a:lnTo>
                    <a:pt x="98" y="265"/>
                  </a:lnTo>
                  <a:lnTo>
                    <a:pt x="98" y="263"/>
                  </a:lnTo>
                  <a:lnTo>
                    <a:pt x="98" y="261"/>
                  </a:lnTo>
                  <a:lnTo>
                    <a:pt x="100" y="259"/>
                  </a:lnTo>
                  <a:lnTo>
                    <a:pt x="100" y="257"/>
                  </a:lnTo>
                  <a:lnTo>
                    <a:pt x="98" y="255"/>
                  </a:lnTo>
                  <a:lnTo>
                    <a:pt x="98" y="253"/>
                  </a:lnTo>
                  <a:lnTo>
                    <a:pt x="98" y="252"/>
                  </a:lnTo>
                  <a:lnTo>
                    <a:pt x="98" y="250"/>
                  </a:lnTo>
                  <a:lnTo>
                    <a:pt x="96" y="250"/>
                  </a:lnTo>
                  <a:lnTo>
                    <a:pt x="96" y="248"/>
                  </a:lnTo>
                  <a:lnTo>
                    <a:pt x="94" y="246"/>
                  </a:lnTo>
                  <a:lnTo>
                    <a:pt x="94" y="244"/>
                  </a:lnTo>
                  <a:lnTo>
                    <a:pt x="94" y="242"/>
                  </a:lnTo>
                  <a:lnTo>
                    <a:pt x="94" y="241"/>
                  </a:lnTo>
                  <a:lnTo>
                    <a:pt x="94" y="239"/>
                  </a:lnTo>
                  <a:lnTo>
                    <a:pt x="100" y="237"/>
                  </a:lnTo>
                  <a:lnTo>
                    <a:pt x="102" y="237"/>
                  </a:lnTo>
                  <a:lnTo>
                    <a:pt x="102" y="235"/>
                  </a:lnTo>
                  <a:lnTo>
                    <a:pt x="104" y="235"/>
                  </a:lnTo>
                  <a:lnTo>
                    <a:pt x="104" y="233"/>
                  </a:lnTo>
                  <a:lnTo>
                    <a:pt x="105" y="233"/>
                  </a:lnTo>
                  <a:lnTo>
                    <a:pt x="105" y="231"/>
                  </a:lnTo>
                  <a:lnTo>
                    <a:pt x="107" y="231"/>
                  </a:lnTo>
                  <a:lnTo>
                    <a:pt x="107" y="229"/>
                  </a:lnTo>
                  <a:lnTo>
                    <a:pt x="109" y="229"/>
                  </a:lnTo>
                  <a:lnTo>
                    <a:pt x="111" y="228"/>
                  </a:lnTo>
                  <a:lnTo>
                    <a:pt x="107" y="220"/>
                  </a:lnTo>
                  <a:lnTo>
                    <a:pt x="107" y="218"/>
                  </a:lnTo>
                  <a:lnTo>
                    <a:pt x="105" y="218"/>
                  </a:lnTo>
                  <a:lnTo>
                    <a:pt x="105" y="216"/>
                  </a:lnTo>
                  <a:lnTo>
                    <a:pt x="107" y="216"/>
                  </a:lnTo>
                  <a:lnTo>
                    <a:pt x="105" y="215"/>
                  </a:lnTo>
                  <a:lnTo>
                    <a:pt x="104" y="215"/>
                  </a:lnTo>
                  <a:lnTo>
                    <a:pt x="104" y="213"/>
                  </a:lnTo>
                  <a:lnTo>
                    <a:pt x="102" y="211"/>
                  </a:lnTo>
                  <a:lnTo>
                    <a:pt x="102" y="209"/>
                  </a:lnTo>
                  <a:lnTo>
                    <a:pt x="102" y="207"/>
                  </a:lnTo>
                  <a:lnTo>
                    <a:pt x="104" y="205"/>
                  </a:lnTo>
                  <a:lnTo>
                    <a:pt x="102" y="205"/>
                  </a:lnTo>
                  <a:lnTo>
                    <a:pt x="100" y="205"/>
                  </a:lnTo>
                  <a:lnTo>
                    <a:pt x="100" y="204"/>
                  </a:lnTo>
                  <a:lnTo>
                    <a:pt x="98" y="204"/>
                  </a:lnTo>
                  <a:lnTo>
                    <a:pt x="98" y="202"/>
                  </a:lnTo>
                  <a:lnTo>
                    <a:pt x="96" y="202"/>
                  </a:lnTo>
                  <a:lnTo>
                    <a:pt x="96" y="200"/>
                  </a:lnTo>
                  <a:lnTo>
                    <a:pt x="94" y="200"/>
                  </a:lnTo>
                  <a:lnTo>
                    <a:pt x="94" y="198"/>
                  </a:lnTo>
                  <a:lnTo>
                    <a:pt x="92" y="198"/>
                  </a:lnTo>
                  <a:lnTo>
                    <a:pt x="91" y="198"/>
                  </a:lnTo>
                  <a:lnTo>
                    <a:pt x="89" y="198"/>
                  </a:lnTo>
                  <a:lnTo>
                    <a:pt x="87" y="198"/>
                  </a:lnTo>
                  <a:lnTo>
                    <a:pt x="85" y="198"/>
                  </a:lnTo>
                  <a:lnTo>
                    <a:pt x="83" y="198"/>
                  </a:lnTo>
                  <a:lnTo>
                    <a:pt x="81" y="198"/>
                  </a:lnTo>
                  <a:lnTo>
                    <a:pt x="81" y="196"/>
                  </a:lnTo>
                  <a:lnTo>
                    <a:pt x="81" y="194"/>
                  </a:lnTo>
                  <a:lnTo>
                    <a:pt x="83" y="192"/>
                  </a:lnTo>
                  <a:lnTo>
                    <a:pt x="83" y="191"/>
                  </a:lnTo>
                  <a:lnTo>
                    <a:pt x="85" y="191"/>
                  </a:lnTo>
                  <a:lnTo>
                    <a:pt x="85" y="189"/>
                  </a:lnTo>
                  <a:lnTo>
                    <a:pt x="87" y="187"/>
                  </a:lnTo>
                  <a:lnTo>
                    <a:pt x="89" y="185"/>
                  </a:lnTo>
                  <a:lnTo>
                    <a:pt x="89" y="183"/>
                  </a:lnTo>
                  <a:lnTo>
                    <a:pt x="91" y="183"/>
                  </a:lnTo>
                  <a:lnTo>
                    <a:pt x="91" y="181"/>
                  </a:lnTo>
                  <a:lnTo>
                    <a:pt x="92" y="181"/>
                  </a:lnTo>
                  <a:lnTo>
                    <a:pt x="92" y="183"/>
                  </a:lnTo>
                  <a:lnTo>
                    <a:pt x="94" y="183"/>
                  </a:lnTo>
                  <a:lnTo>
                    <a:pt x="94" y="181"/>
                  </a:lnTo>
                  <a:lnTo>
                    <a:pt x="96" y="181"/>
                  </a:lnTo>
                  <a:lnTo>
                    <a:pt x="98" y="179"/>
                  </a:lnTo>
                  <a:lnTo>
                    <a:pt x="100" y="179"/>
                  </a:lnTo>
                  <a:lnTo>
                    <a:pt x="102" y="179"/>
                  </a:lnTo>
                  <a:lnTo>
                    <a:pt x="102" y="178"/>
                  </a:lnTo>
                  <a:lnTo>
                    <a:pt x="104" y="178"/>
                  </a:lnTo>
                  <a:lnTo>
                    <a:pt x="105" y="178"/>
                  </a:lnTo>
                  <a:lnTo>
                    <a:pt x="107" y="178"/>
                  </a:lnTo>
                  <a:lnTo>
                    <a:pt x="107" y="176"/>
                  </a:lnTo>
                  <a:lnTo>
                    <a:pt x="109" y="176"/>
                  </a:lnTo>
                  <a:lnTo>
                    <a:pt x="111" y="176"/>
                  </a:lnTo>
                  <a:lnTo>
                    <a:pt x="113" y="174"/>
                  </a:lnTo>
                  <a:lnTo>
                    <a:pt x="113" y="172"/>
                  </a:lnTo>
                  <a:lnTo>
                    <a:pt x="115" y="172"/>
                  </a:lnTo>
                  <a:lnTo>
                    <a:pt x="115" y="170"/>
                  </a:lnTo>
                  <a:lnTo>
                    <a:pt x="115" y="168"/>
                  </a:lnTo>
                  <a:lnTo>
                    <a:pt x="116" y="168"/>
                  </a:lnTo>
                  <a:lnTo>
                    <a:pt x="116" y="167"/>
                  </a:lnTo>
                  <a:lnTo>
                    <a:pt x="116" y="165"/>
                  </a:lnTo>
                  <a:lnTo>
                    <a:pt x="116" y="157"/>
                  </a:lnTo>
                  <a:lnTo>
                    <a:pt x="118" y="154"/>
                  </a:lnTo>
                  <a:lnTo>
                    <a:pt x="120" y="154"/>
                  </a:lnTo>
                  <a:lnTo>
                    <a:pt x="122" y="155"/>
                  </a:lnTo>
                  <a:lnTo>
                    <a:pt x="124" y="154"/>
                  </a:lnTo>
                  <a:lnTo>
                    <a:pt x="126" y="155"/>
                  </a:lnTo>
                  <a:lnTo>
                    <a:pt x="126" y="154"/>
                  </a:lnTo>
                  <a:lnTo>
                    <a:pt x="128" y="154"/>
                  </a:lnTo>
                  <a:lnTo>
                    <a:pt x="128" y="155"/>
                  </a:lnTo>
                  <a:lnTo>
                    <a:pt x="129" y="154"/>
                  </a:lnTo>
                  <a:lnTo>
                    <a:pt x="129" y="155"/>
                  </a:lnTo>
                  <a:lnTo>
                    <a:pt x="131" y="155"/>
                  </a:lnTo>
                  <a:lnTo>
                    <a:pt x="133" y="155"/>
                  </a:lnTo>
                  <a:lnTo>
                    <a:pt x="135" y="154"/>
                  </a:lnTo>
                  <a:lnTo>
                    <a:pt x="139" y="157"/>
                  </a:lnTo>
                  <a:lnTo>
                    <a:pt x="139" y="159"/>
                  </a:lnTo>
                  <a:lnTo>
                    <a:pt x="140" y="159"/>
                  </a:lnTo>
                  <a:lnTo>
                    <a:pt x="140" y="161"/>
                  </a:lnTo>
                  <a:lnTo>
                    <a:pt x="140" y="163"/>
                  </a:lnTo>
                  <a:lnTo>
                    <a:pt x="142" y="163"/>
                  </a:lnTo>
                  <a:lnTo>
                    <a:pt x="144" y="163"/>
                  </a:lnTo>
                  <a:lnTo>
                    <a:pt x="144" y="161"/>
                  </a:lnTo>
                  <a:lnTo>
                    <a:pt x="146" y="161"/>
                  </a:lnTo>
                  <a:lnTo>
                    <a:pt x="148" y="161"/>
                  </a:lnTo>
                  <a:lnTo>
                    <a:pt x="150" y="161"/>
                  </a:lnTo>
                  <a:lnTo>
                    <a:pt x="152" y="159"/>
                  </a:lnTo>
                  <a:lnTo>
                    <a:pt x="153" y="159"/>
                  </a:lnTo>
                  <a:lnTo>
                    <a:pt x="153" y="157"/>
                  </a:lnTo>
                  <a:lnTo>
                    <a:pt x="155" y="157"/>
                  </a:lnTo>
                  <a:lnTo>
                    <a:pt x="155" y="155"/>
                  </a:lnTo>
                  <a:lnTo>
                    <a:pt x="157" y="155"/>
                  </a:lnTo>
                  <a:lnTo>
                    <a:pt x="159" y="155"/>
                  </a:lnTo>
                  <a:lnTo>
                    <a:pt x="161" y="154"/>
                  </a:lnTo>
                  <a:lnTo>
                    <a:pt x="159" y="154"/>
                  </a:lnTo>
                  <a:lnTo>
                    <a:pt x="161" y="154"/>
                  </a:lnTo>
                  <a:lnTo>
                    <a:pt x="161" y="152"/>
                  </a:lnTo>
                  <a:lnTo>
                    <a:pt x="163" y="152"/>
                  </a:lnTo>
                  <a:lnTo>
                    <a:pt x="165" y="150"/>
                  </a:lnTo>
                  <a:lnTo>
                    <a:pt x="165" y="148"/>
                  </a:lnTo>
                  <a:lnTo>
                    <a:pt x="166" y="146"/>
                  </a:lnTo>
                  <a:lnTo>
                    <a:pt x="166" y="144"/>
                  </a:lnTo>
                  <a:lnTo>
                    <a:pt x="168" y="144"/>
                  </a:lnTo>
                  <a:lnTo>
                    <a:pt x="170" y="144"/>
                  </a:lnTo>
                  <a:lnTo>
                    <a:pt x="172" y="144"/>
                  </a:lnTo>
                  <a:lnTo>
                    <a:pt x="174" y="144"/>
                  </a:lnTo>
                  <a:lnTo>
                    <a:pt x="176" y="144"/>
                  </a:lnTo>
                  <a:lnTo>
                    <a:pt x="177" y="144"/>
                  </a:lnTo>
                  <a:lnTo>
                    <a:pt x="179" y="144"/>
                  </a:lnTo>
                  <a:lnTo>
                    <a:pt x="179" y="142"/>
                  </a:lnTo>
                  <a:lnTo>
                    <a:pt x="181" y="144"/>
                  </a:lnTo>
                  <a:lnTo>
                    <a:pt x="181" y="142"/>
                  </a:lnTo>
                  <a:lnTo>
                    <a:pt x="183" y="142"/>
                  </a:lnTo>
                  <a:lnTo>
                    <a:pt x="185" y="141"/>
                  </a:lnTo>
                  <a:lnTo>
                    <a:pt x="187" y="141"/>
                  </a:lnTo>
                  <a:lnTo>
                    <a:pt x="189" y="141"/>
                  </a:lnTo>
                  <a:lnTo>
                    <a:pt x="189" y="139"/>
                  </a:lnTo>
                  <a:lnTo>
                    <a:pt x="190" y="139"/>
                  </a:lnTo>
                  <a:lnTo>
                    <a:pt x="192" y="139"/>
                  </a:lnTo>
                  <a:lnTo>
                    <a:pt x="194" y="139"/>
                  </a:lnTo>
                  <a:lnTo>
                    <a:pt x="194" y="137"/>
                  </a:lnTo>
                  <a:lnTo>
                    <a:pt x="196" y="137"/>
                  </a:lnTo>
                  <a:lnTo>
                    <a:pt x="196" y="135"/>
                  </a:lnTo>
                  <a:lnTo>
                    <a:pt x="198" y="135"/>
                  </a:lnTo>
                  <a:lnTo>
                    <a:pt x="200" y="135"/>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46" name="Freeform 205"/>
            <p:cNvSpPr>
              <a:spLocks/>
            </p:cNvSpPr>
            <p:nvPr/>
          </p:nvSpPr>
          <p:spPr bwMode="auto">
            <a:xfrm>
              <a:off x="4542961" y="2974534"/>
              <a:ext cx="986176" cy="1091466"/>
            </a:xfrm>
            <a:custGeom>
              <a:avLst/>
              <a:gdLst>
                <a:gd name="T0" fmla="*/ 33 w 946"/>
                <a:gd name="T1" fmla="*/ 193 h 1047"/>
                <a:gd name="T2" fmla="*/ 13 w 946"/>
                <a:gd name="T3" fmla="*/ 146 h 1047"/>
                <a:gd name="T4" fmla="*/ 2 w 946"/>
                <a:gd name="T5" fmla="*/ 119 h 1047"/>
                <a:gd name="T6" fmla="*/ 111 w 946"/>
                <a:gd name="T7" fmla="*/ 98 h 1047"/>
                <a:gd name="T8" fmla="*/ 161 w 946"/>
                <a:gd name="T9" fmla="*/ 84 h 1047"/>
                <a:gd name="T10" fmla="*/ 157 w 946"/>
                <a:gd name="T11" fmla="*/ 41 h 1047"/>
                <a:gd name="T12" fmla="*/ 242 w 946"/>
                <a:gd name="T13" fmla="*/ 52 h 1047"/>
                <a:gd name="T14" fmla="*/ 262 w 946"/>
                <a:gd name="T15" fmla="*/ 96 h 1047"/>
                <a:gd name="T16" fmla="*/ 333 w 946"/>
                <a:gd name="T17" fmla="*/ 65 h 1047"/>
                <a:gd name="T18" fmla="*/ 375 w 946"/>
                <a:gd name="T19" fmla="*/ 84 h 1047"/>
                <a:gd name="T20" fmla="*/ 434 w 946"/>
                <a:gd name="T21" fmla="*/ 82 h 1047"/>
                <a:gd name="T22" fmla="*/ 475 w 946"/>
                <a:gd name="T23" fmla="*/ 87 h 1047"/>
                <a:gd name="T24" fmla="*/ 451 w 946"/>
                <a:gd name="T25" fmla="*/ 115 h 1047"/>
                <a:gd name="T26" fmla="*/ 493 w 946"/>
                <a:gd name="T27" fmla="*/ 130 h 1047"/>
                <a:gd name="T28" fmla="*/ 521 w 946"/>
                <a:gd name="T29" fmla="*/ 78 h 1047"/>
                <a:gd name="T30" fmla="*/ 571 w 946"/>
                <a:gd name="T31" fmla="*/ 8 h 1047"/>
                <a:gd name="T32" fmla="*/ 623 w 946"/>
                <a:gd name="T33" fmla="*/ 15 h 1047"/>
                <a:gd name="T34" fmla="*/ 639 w 946"/>
                <a:gd name="T35" fmla="*/ 61 h 1047"/>
                <a:gd name="T36" fmla="*/ 665 w 946"/>
                <a:gd name="T37" fmla="*/ 121 h 1047"/>
                <a:gd name="T38" fmla="*/ 686 w 946"/>
                <a:gd name="T39" fmla="*/ 176 h 1047"/>
                <a:gd name="T40" fmla="*/ 700 w 946"/>
                <a:gd name="T41" fmla="*/ 232 h 1047"/>
                <a:gd name="T42" fmla="*/ 730 w 946"/>
                <a:gd name="T43" fmla="*/ 280 h 1047"/>
                <a:gd name="T44" fmla="*/ 771 w 946"/>
                <a:gd name="T45" fmla="*/ 300 h 1047"/>
                <a:gd name="T46" fmla="*/ 813 w 946"/>
                <a:gd name="T47" fmla="*/ 333 h 1047"/>
                <a:gd name="T48" fmla="*/ 856 w 946"/>
                <a:gd name="T49" fmla="*/ 331 h 1047"/>
                <a:gd name="T50" fmla="*/ 883 w 946"/>
                <a:gd name="T51" fmla="*/ 354 h 1047"/>
                <a:gd name="T52" fmla="*/ 832 w 946"/>
                <a:gd name="T53" fmla="*/ 368 h 1047"/>
                <a:gd name="T54" fmla="*/ 798 w 946"/>
                <a:gd name="T55" fmla="*/ 413 h 1047"/>
                <a:gd name="T56" fmla="*/ 773 w 946"/>
                <a:gd name="T57" fmla="*/ 459 h 1047"/>
                <a:gd name="T58" fmla="*/ 870 w 946"/>
                <a:gd name="T59" fmla="*/ 478 h 1047"/>
                <a:gd name="T60" fmla="*/ 928 w 946"/>
                <a:gd name="T61" fmla="*/ 533 h 1047"/>
                <a:gd name="T62" fmla="*/ 933 w 946"/>
                <a:gd name="T63" fmla="*/ 574 h 1047"/>
                <a:gd name="T64" fmla="*/ 824 w 946"/>
                <a:gd name="T65" fmla="*/ 587 h 1047"/>
                <a:gd name="T66" fmla="*/ 765 w 946"/>
                <a:gd name="T67" fmla="*/ 581 h 1047"/>
                <a:gd name="T68" fmla="*/ 621 w 946"/>
                <a:gd name="T69" fmla="*/ 592 h 1047"/>
                <a:gd name="T70" fmla="*/ 545 w 946"/>
                <a:gd name="T71" fmla="*/ 609 h 1047"/>
                <a:gd name="T72" fmla="*/ 523 w 946"/>
                <a:gd name="T73" fmla="*/ 653 h 1047"/>
                <a:gd name="T74" fmla="*/ 445 w 946"/>
                <a:gd name="T75" fmla="*/ 690 h 1047"/>
                <a:gd name="T76" fmla="*/ 421 w 946"/>
                <a:gd name="T77" fmla="*/ 746 h 1047"/>
                <a:gd name="T78" fmla="*/ 388 w 946"/>
                <a:gd name="T79" fmla="*/ 805 h 1047"/>
                <a:gd name="T80" fmla="*/ 351 w 946"/>
                <a:gd name="T81" fmla="*/ 783 h 1047"/>
                <a:gd name="T82" fmla="*/ 325 w 946"/>
                <a:gd name="T83" fmla="*/ 860 h 1047"/>
                <a:gd name="T84" fmla="*/ 299 w 946"/>
                <a:gd name="T85" fmla="*/ 905 h 1047"/>
                <a:gd name="T86" fmla="*/ 318 w 946"/>
                <a:gd name="T87" fmla="*/ 970 h 1047"/>
                <a:gd name="T88" fmla="*/ 296 w 946"/>
                <a:gd name="T89" fmla="*/ 1023 h 1047"/>
                <a:gd name="T90" fmla="*/ 242 w 946"/>
                <a:gd name="T91" fmla="*/ 1029 h 1047"/>
                <a:gd name="T92" fmla="*/ 190 w 946"/>
                <a:gd name="T93" fmla="*/ 1027 h 1047"/>
                <a:gd name="T94" fmla="*/ 109 w 946"/>
                <a:gd name="T95" fmla="*/ 947 h 1047"/>
                <a:gd name="T96" fmla="*/ 33 w 946"/>
                <a:gd name="T97" fmla="*/ 838 h 1047"/>
                <a:gd name="T98" fmla="*/ 65 w 946"/>
                <a:gd name="T99" fmla="*/ 794 h 1047"/>
                <a:gd name="T100" fmla="*/ 53 w 946"/>
                <a:gd name="T101" fmla="*/ 744 h 1047"/>
                <a:gd name="T102" fmla="*/ 105 w 946"/>
                <a:gd name="T103" fmla="*/ 727 h 1047"/>
                <a:gd name="T104" fmla="*/ 137 w 946"/>
                <a:gd name="T105" fmla="*/ 677 h 1047"/>
                <a:gd name="T106" fmla="*/ 162 w 946"/>
                <a:gd name="T107" fmla="*/ 629 h 1047"/>
                <a:gd name="T108" fmla="*/ 153 w 946"/>
                <a:gd name="T109" fmla="*/ 579 h 1047"/>
                <a:gd name="T110" fmla="*/ 94 w 946"/>
                <a:gd name="T111" fmla="*/ 577 h 1047"/>
                <a:gd name="T112" fmla="*/ 76 w 946"/>
                <a:gd name="T113" fmla="*/ 527 h 1047"/>
                <a:gd name="T114" fmla="*/ 44 w 946"/>
                <a:gd name="T115" fmla="*/ 483 h 1047"/>
                <a:gd name="T116" fmla="*/ 59 w 946"/>
                <a:gd name="T117" fmla="*/ 428 h 1047"/>
                <a:gd name="T118" fmla="*/ 53 w 946"/>
                <a:gd name="T119" fmla="*/ 379 h 1047"/>
                <a:gd name="T120" fmla="*/ 66 w 946"/>
                <a:gd name="T121" fmla="*/ 331 h 1047"/>
                <a:gd name="T122" fmla="*/ 59 w 946"/>
                <a:gd name="T123" fmla="*/ 278 h 1047"/>
                <a:gd name="T124" fmla="*/ 65 w 946"/>
                <a:gd name="T125" fmla="*/ 235 h 10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946" h="1047">
                  <a:moveTo>
                    <a:pt x="63" y="232"/>
                  </a:moveTo>
                  <a:lnTo>
                    <a:pt x="61" y="232"/>
                  </a:lnTo>
                  <a:lnTo>
                    <a:pt x="61" y="230"/>
                  </a:lnTo>
                  <a:lnTo>
                    <a:pt x="61" y="228"/>
                  </a:lnTo>
                  <a:lnTo>
                    <a:pt x="61" y="226"/>
                  </a:lnTo>
                  <a:lnTo>
                    <a:pt x="61" y="224"/>
                  </a:lnTo>
                  <a:lnTo>
                    <a:pt x="59" y="224"/>
                  </a:lnTo>
                  <a:lnTo>
                    <a:pt x="59" y="222"/>
                  </a:lnTo>
                  <a:lnTo>
                    <a:pt x="57" y="222"/>
                  </a:lnTo>
                  <a:lnTo>
                    <a:pt x="57" y="220"/>
                  </a:lnTo>
                  <a:lnTo>
                    <a:pt x="55" y="219"/>
                  </a:lnTo>
                  <a:lnTo>
                    <a:pt x="55" y="217"/>
                  </a:lnTo>
                  <a:lnTo>
                    <a:pt x="53" y="217"/>
                  </a:lnTo>
                  <a:lnTo>
                    <a:pt x="53" y="215"/>
                  </a:lnTo>
                  <a:lnTo>
                    <a:pt x="52" y="215"/>
                  </a:lnTo>
                  <a:lnTo>
                    <a:pt x="52" y="213"/>
                  </a:lnTo>
                  <a:lnTo>
                    <a:pt x="50" y="213"/>
                  </a:lnTo>
                  <a:lnTo>
                    <a:pt x="48" y="213"/>
                  </a:lnTo>
                  <a:lnTo>
                    <a:pt x="48" y="211"/>
                  </a:lnTo>
                  <a:lnTo>
                    <a:pt x="46" y="211"/>
                  </a:lnTo>
                  <a:lnTo>
                    <a:pt x="46" y="213"/>
                  </a:lnTo>
                  <a:lnTo>
                    <a:pt x="46" y="211"/>
                  </a:lnTo>
                  <a:lnTo>
                    <a:pt x="46" y="209"/>
                  </a:lnTo>
                  <a:lnTo>
                    <a:pt x="44" y="209"/>
                  </a:lnTo>
                  <a:lnTo>
                    <a:pt x="44" y="207"/>
                  </a:lnTo>
                  <a:lnTo>
                    <a:pt x="42" y="207"/>
                  </a:lnTo>
                  <a:lnTo>
                    <a:pt x="40" y="207"/>
                  </a:lnTo>
                  <a:lnTo>
                    <a:pt x="40" y="206"/>
                  </a:lnTo>
                  <a:lnTo>
                    <a:pt x="40" y="204"/>
                  </a:lnTo>
                  <a:lnTo>
                    <a:pt x="39" y="204"/>
                  </a:lnTo>
                  <a:lnTo>
                    <a:pt x="39" y="202"/>
                  </a:lnTo>
                  <a:lnTo>
                    <a:pt x="39" y="200"/>
                  </a:lnTo>
                  <a:lnTo>
                    <a:pt x="37" y="200"/>
                  </a:lnTo>
                  <a:lnTo>
                    <a:pt x="35" y="200"/>
                  </a:lnTo>
                  <a:lnTo>
                    <a:pt x="33" y="198"/>
                  </a:lnTo>
                  <a:lnTo>
                    <a:pt x="33" y="196"/>
                  </a:lnTo>
                  <a:lnTo>
                    <a:pt x="35" y="195"/>
                  </a:lnTo>
                  <a:lnTo>
                    <a:pt x="33" y="195"/>
                  </a:lnTo>
                  <a:lnTo>
                    <a:pt x="33" y="193"/>
                  </a:lnTo>
                  <a:lnTo>
                    <a:pt x="33" y="191"/>
                  </a:lnTo>
                  <a:lnTo>
                    <a:pt x="33" y="189"/>
                  </a:lnTo>
                  <a:lnTo>
                    <a:pt x="33" y="187"/>
                  </a:lnTo>
                  <a:lnTo>
                    <a:pt x="33" y="185"/>
                  </a:lnTo>
                  <a:lnTo>
                    <a:pt x="31" y="185"/>
                  </a:lnTo>
                  <a:lnTo>
                    <a:pt x="31" y="183"/>
                  </a:lnTo>
                  <a:lnTo>
                    <a:pt x="29" y="183"/>
                  </a:lnTo>
                  <a:lnTo>
                    <a:pt x="29" y="182"/>
                  </a:lnTo>
                  <a:lnTo>
                    <a:pt x="28" y="182"/>
                  </a:lnTo>
                  <a:lnTo>
                    <a:pt x="28" y="180"/>
                  </a:lnTo>
                  <a:lnTo>
                    <a:pt x="28" y="178"/>
                  </a:lnTo>
                  <a:lnTo>
                    <a:pt x="26" y="178"/>
                  </a:lnTo>
                  <a:lnTo>
                    <a:pt x="26" y="176"/>
                  </a:lnTo>
                  <a:lnTo>
                    <a:pt x="24" y="176"/>
                  </a:lnTo>
                  <a:lnTo>
                    <a:pt x="24" y="174"/>
                  </a:lnTo>
                  <a:lnTo>
                    <a:pt x="26" y="174"/>
                  </a:lnTo>
                  <a:lnTo>
                    <a:pt x="24" y="172"/>
                  </a:lnTo>
                  <a:lnTo>
                    <a:pt x="24" y="170"/>
                  </a:lnTo>
                  <a:lnTo>
                    <a:pt x="22" y="170"/>
                  </a:lnTo>
                  <a:lnTo>
                    <a:pt x="22" y="169"/>
                  </a:lnTo>
                  <a:lnTo>
                    <a:pt x="22" y="167"/>
                  </a:lnTo>
                  <a:lnTo>
                    <a:pt x="22" y="165"/>
                  </a:lnTo>
                  <a:lnTo>
                    <a:pt x="20" y="165"/>
                  </a:lnTo>
                  <a:lnTo>
                    <a:pt x="20" y="163"/>
                  </a:lnTo>
                  <a:lnTo>
                    <a:pt x="18" y="163"/>
                  </a:lnTo>
                  <a:lnTo>
                    <a:pt x="18" y="161"/>
                  </a:lnTo>
                  <a:lnTo>
                    <a:pt x="16" y="161"/>
                  </a:lnTo>
                  <a:lnTo>
                    <a:pt x="18" y="161"/>
                  </a:lnTo>
                  <a:lnTo>
                    <a:pt x="16" y="159"/>
                  </a:lnTo>
                  <a:lnTo>
                    <a:pt x="16" y="158"/>
                  </a:lnTo>
                  <a:lnTo>
                    <a:pt x="16" y="156"/>
                  </a:lnTo>
                  <a:lnTo>
                    <a:pt x="16" y="154"/>
                  </a:lnTo>
                  <a:lnTo>
                    <a:pt x="16" y="156"/>
                  </a:lnTo>
                  <a:lnTo>
                    <a:pt x="15" y="154"/>
                  </a:lnTo>
                  <a:lnTo>
                    <a:pt x="15" y="152"/>
                  </a:lnTo>
                  <a:lnTo>
                    <a:pt x="15" y="150"/>
                  </a:lnTo>
                  <a:lnTo>
                    <a:pt x="15" y="148"/>
                  </a:lnTo>
                  <a:lnTo>
                    <a:pt x="13" y="148"/>
                  </a:lnTo>
                  <a:lnTo>
                    <a:pt x="13" y="146"/>
                  </a:lnTo>
                  <a:lnTo>
                    <a:pt x="11" y="146"/>
                  </a:lnTo>
                  <a:lnTo>
                    <a:pt x="11" y="145"/>
                  </a:lnTo>
                  <a:lnTo>
                    <a:pt x="9" y="145"/>
                  </a:lnTo>
                  <a:lnTo>
                    <a:pt x="11" y="145"/>
                  </a:lnTo>
                  <a:lnTo>
                    <a:pt x="9" y="145"/>
                  </a:lnTo>
                  <a:lnTo>
                    <a:pt x="9" y="143"/>
                  </a:lnTo>
                  <a:lnTo>
                    <a:pt x="11" y="143"/>
                  </a:lnTo>
                  <a:lnTo>
                    <a:pt x="9" y="143"/>
                  </a:lnTo>
                  <a:lnTo>
                    <a:pt x="9" y="141"/>
                  </a:lnTo>
                  <a:lnTo>
                    <a:pt x="7" y="141"/>
                  </a:lnTo>
                  <a:lnTo>
                    <a:pt x="7" y="139"/>
                  </a:lnTo>
                  <a:lnTo>
                    <a:pt x="7" y="137"/>
                  </a:lnTo>
                  <a:lnTo>
                    <a:pt x="5" y="137"/>
                  </a:lnTo>
                  <a:lnTo>
                    <a:pt x="4" y="137"/>
                  </a:lnTo>
                  <a:lnTo>
                    <a:pt x="5" y="137"/>
                  </a:lnTo>
                  <a:lnTo>
                    <a:pt x="4" y="137"/>
                  </a:lnTo>
                  <a:lnTo>
                    <a:pt x="4" y="135"/>
                  </a:lnTo>
                  <a:lnTo>
                    <a:pt x="4" y="137"/>
                  </a:lnTo>
                  <a:lnTo>
                    <a:pt x="2" y="137"/>
                  </a:lnTo>
                  <a:lnTo>
                    <a:pt x="2" y="135"/>
                  </a:lnTo>
                  <a:lnTo>
                    <a:pt x="0" y="135"/>
                  </a:lnTo>
                  <a:lnTo>
                    <a:pt x="0" y="133"/>
                  </a:lnTo>
                  <a:lnTo>
                    <a:pt x="2" y="133"/>
                  </a:lnTo>
                  <a:lnTo>
                    <a:pt x="2" y="132"/>
                  </a:lnTo>
                  <a:lnTo>
                    <a:pt x="2" y="130"/>
                  </a:lnTo>
                  <a:lnTo>
                    <a:pt x="2" y="128"/>
                  </a:lnTo>
                  <a:lnTo>
                    <a:pt x="0" y="128"/>
                  </a:lnTo>
                  <a:lnTo>
                    <a:pt x="2" y="128"/>
                  </a:lnTo>
                  <a:lnTo>
                    <a:pt x="2" y="126"/>
                  </a:lnTo>
                  <a:lnTo>
                    <a:pt x="0" y="126"/>
                  </a:lnTo>
                  <a:lnTo>
                    <a:pt x="2" y="126"/>
                  </a:lnTo>
                  <a:lnTo>
                    <a:pt x="2" y="124"/>
                  </a:lnTo>
                  <a:lnTo>
                    <a:pt x="0" y="124"/>
                  </a:lnTo>
                  <a:lnTo>
                    <a:pt x="2" y="124"/>
                  </a:lnTo>
                  <a:lnTo>
                    <a:pt x="0" y="124"/>
                  </a:lnTo>
                  <a:lnTo>
                    <a:pt x="0" y="122"/>
                  </a:lnTo>
                  <a:lnTo>
                    <a:pt x="2" y="122"/>
                  </a:lnTo>
                  <a:lnTo>
                    <a:pt x="2" y="121"/>
                  </a:lnTo>
                  <a:lnTo>
                    <a:pt x="2" y="119"/>
                  </a:lnTo>
                  <a:lnTo>
                    <a:pt x="4" y="119"/>
                  </a:lnTo>
                  <a:lnTo>
                    <a:pt x="2" y="119"/>
                  </a:lnTo>
                  <a:lnTo>
                    <a:pt x="2" y="117"/>
                  </a:lnTo>
                  <a:lnTo>
                    <a:pt x="2" y="115"/>
                  </a:lnTo>
                  <a:lnTo>
                    <a:pt x="2" y="117"/>
                  </a:lnTo>
                  <a:lnTo>
                    <a:pt x="2" y="115"/>
                  </a:lnTo>
                  <a:lnTo>
                    <a:pt x="2" y="113"/>
                  </a:lnTo>
                  <a:lnTo>
                    <a:pt x="4" y="113"/>
                  </a:lnTo>
                  <a:lnTo>
                    <a:pt x="4" y="111"/>
                  </a:lnTo>
                  <a:lnTo>
                    <a:pt x="5" y="109"/>
                  </a:lnTo>
                  <a:lnTo>
                    <a:pt x="7" y="109"/>
                  </a:lnTo>
                  <a:lnTo>
                    <a:pt x="9" y="111"/>
                  </a:lnTo>
                  <a:lnTo>
                    <a:pt x="9" y="113"/>
                  </a:lnTo>
                  <a:lnTo>
                    <a:pt x="13" y="113"/>
                  </a:lnTo>
                  <a:lnTo>
                    <a:pt x="24" y="117"/>
                  </a:lnTo>
                  <a:lnTo>
                    <a:pt x="26" y="115"/>
                  </a:lnTo>
                  <a:lnTo>
                    <a:pt x="37" y="109"/>
                  </a:lnTo>
                  <a:lnTo>
                    <a:pt x="42" y="108"/>
                  </a:lnTo>
                  <a:lnTo>
                    <a:pt x="53" y="104"/>
                  </a:lnTo>
                  <a:lnTo>
                    <a:pt x="66" y="100"/>
                  </a:lnTo>
                  <a:lnTo>
                    <a:pt x="81" y="96"/>
                  </a:lnTo>
                  <a:lnTo>
                    <a:pt x="81" y="95"/>
                  </a:lnTo>
                  <a:lnTo>
                    <a:pt x="83" y="95"/>
                  </a:lnTo>
                  <a:lnTo>
                    <a:pt x="85" y="95"/>
                  </a:lnTo>
                  <a:lnTo>
                    <a:pt x="87" y="95"/>
                  </a:lnTo>
                  <a:lnTo>
                    <a:pt x="89" y="95"/>
                  </a:lnTo>
                  <a:lnTo>
                    <a:pt x="90" y="95"/>
                  </a:lnTo>
                  <a:lnTo>
                    <a:pt x="94" y="95"/>
                  </a:lnTo>
                  <a:lnTo>
                    <a:pt x="96" y="93"/>
                  </a:lnTo>
                  <a:lnTo>
                    <a:pt x="100" y="93"/>
                  </a:lnTo>
                  <a:lnTo>
                    <a:pt x="101" y="93"/>
                  </a:lnTo>
                  <a:lnTo>
                    <a:pt x="103" y="93"/>
                  </a:lnTo>
                  <a:lnTo>
                    <a:pt x="103" y="95"/>
                  </a:lnTo>
                  <a:lnTo>
                    <a:pt x="105" y="95"/>
                  </a:lnTo>
                  <a:lnTo>
                    <a:pt x="105" y="96"/>
                  </a:lnTo>
                  <a:lnTo>
                    <a:pt x="107" y="96"/>
                  </a:lnTo>
                  <a:lnTo>
                    <a:pt x="109" y="96"/>
                  </a:lnTo>
                  <a:lnTo>
                    <a:pt x="109" y="98"/>
                  </a:lnTo>
                  <a:lnTo>
                    <a:pt x="111" y="98"/>
                  </a:lnTo>
                  <a:lnTo>
                    <a:pt x="111" y="100"/>
                  </a:lnTo>
                  <a:lnTo>
                    <a:pt x="113" y="100"/>
                  </a:lnTo>
                  <a:lnTo>
                    <a:pt x="113" y="102"/>
                  </a:lnTo>
                  <a:lnTo>
                    <a:pt x="114" y="102"/>
                  </a:lnTo>
                  <a:lnTo>
                    <a:pt x="116" y="104"/>
                  </a:lnTo>
                  <a:lnTo>
                    <a:pt x="118" y="106"/>
                  </a:lnTo>
                  <a:lnTo>
                    <a:pt x="120" y="106"/>
                  </a:lnTo>
                  <a:lnTo>
                    <a:pt x="122" y="106"/>
                  </a:lnTo>
                  <a:lnTo>
                    <a:pt x="124" y="106"/>
                  </a:lnTo>
                  <a:lnTo>
                    <a:pt x="126" y="108"/>
                  </a:lnTo>
                  <a:lnTo>
                    <a:pt x="129" y="108"/>
                  </a:lnTo>
                  <a:lnTo>
                    <a:pt x="131" y="108"/>
                  </a:lnTo>
                  <a:lnTo>
                    <a:pt x="135" y="109"/>
                  </a:lnTo>
                  <a:lnTo>
                    <a:pt x="135" y="108"/>
                  </a:lnTo>
                  <a:lnTo>
                    <a:pt x="137" y="108"/>
                  </a:lnTo>
                  <a:lnTo>
                    <a:pt x="137" y="106"/>
                  </a:lnTo>
                  <a:lnTo>
                    <a:pt x="138" y="106"/>
                  </a:lnTo>
                  <a:lnTo>
                    <a:pt x="138" y="104"/>
                  </a:lnTo>
                  <a:lnTo>
                    <a:pt x="140" y="104"/>
                  </a:lnTo>
                  <a:lnTo>
                    <a:pt x="140" y="102"/>
                  </a:lnTo>
                  <a:lnTo>
                    <a:pt x="142" y="102"/>
                  </a:lnTo>
                  <a:lnTo>
                    <a:pt x="142" y="100"/>
                  </a:lnTo>
                  <a:lnTo>
                    <a:pt x="144" y="100"/>
                  </a:lnTo>
                  <a:lnTo>
                    <a:pt x="144" y="98"/>
                  </a:lnTo>
                  <a:lnTo>
                    <a:pt x="146" y="98"/>
                  </a:lnTo>
                  <a:lnTo>
                    <a:pt x="148" y="98"/>
                  </a:lnTo>
                  <a:lnTo>
                    <a:pt x="148" y="96"/>
                  </a:lnTo>
                  <a:lnTo>
                    <a:pt x="150" y="96"/>
                  </a:lnTo>
                  <a:lnTo>
                    <a:pt x="150" y="95"/>
                  </a:lnTo>
                  <a:lnTo>
                    <a:pt x="151" y="95"/>
                  </a:lnTo>
                  <a:lnTo>
                    <a:pt x="153" y="93"/>
                  </a:lnTo>
                  <a:lnTo>
                    <a:pt x="155" y="91"/>
                  </a:lnTo>
                  <a:lnTo>
                    <a:pt x="155" y="89"/>
                  </a:lnTo>
                  <a:lnTo>
                    <a:pt x="157" y="89"/>
                  </a:lnTo>
                  <a:lnTo>
                    <a:pt x="157" y="87"/>
                  </a:lnTo>
                  <a:lnTo>
                    <a:pt x="159" y="87"/>
                  </a:lnTo>
                  <a:lnTo>
                    <a:pt x="159" y="85"/>
                  </a:lnTo>
                  <a:lnTo>
                    <a:pt x="161" y="85"/>
                  </a:lnTo>
                  <a:lnTo>
                    <a:pt x="161" y="84"/>
                  </a:lnTo>
                  <a:lnTo>
                    <a:pt x="162" y="82"/>
                  </a:lnTo>
                  <a:lnTo>
                    <a:pt x="162" y="80"/>
                  </a:lnTo>
                  <a:lnTo>
                    <a:pt x="164" y="80"/>
                  </a:lnTo>
                  <a:lnTo>
                    <a:pt x="166" y="78"/>
                  </a:lnTo>
                  <a:lnTo>
                    <a:pt x="168" y="76"/>
                  </a:lnTo>
                  <a:lnTo>
                    <a:pt x="170" y="76"/>
                  </a:lnTo>
                  <a:lnTo>
                    <a:pt x="170" y="74"/>
                  </a:lnTo>
                  <a:lnTo>
                    <a:pt x="172" y="74"/>
                  </a:lnTo>
                  <a:lnTo>
                    <a:pt x="174" y="72"/>
                  </a:lnTo>
                  <a:lnTo>
                    <a:pt x="174" y="71"/>
                  </a:lnTo>
                  <a:lnTo>
                    <a:pt x="172" y="71"/>
                  </a:lnTo>
                  <a:lnTo>
                    <a:pt x="172" y="69"/>
                  </a:lnTo>
                  <a:lnTo>
                    <a:pt x="170" y="69"/>
                  </a:lnTo>
                  <a:lnTo>
                    <a:pt x="170" y="67"/>
                  </a:lnTo>
                  <a:lnTo>
                    <a:pt x="170" y="65"/>
                  </a:lnTo>
                  <a:lnTo>
                    <a:pt x="170" y="63"/>
                  </a:lnTo>
                  <a:lnTo>
                    <a:pt x="170" y="61"/>
                  </a:lnTo>
                  <a:lnTo>
                    <a:pt x="168" y="61"/>
                  </a:lnTo>
                  <a:lnTo>
                    <a:pt x="168" y="59"/>
                  </a:lnTo>
                  <a:lnTo>
                    <a:pt x="166" y="59"/>
                  </a:lnTo>
                  <a:lnTo>
                    <a:pt x="164" y="59"/>
                  </a:lnTo>
                  <a:lnTo>
                    <a:pt x="164" y="58"/>
                  </a:lnTo>
                  <a:lnTo>
                    <a:pt x="164" y="56"/>
                  </a:lnTo>
                  <a:lnTo>
                    <a:pt x="164" y="54"/>
                  </a:lnTo>
                  <a:lnTo>
                    <a:pt x="162" y="54"/>
                  </a:lnTo>
                  <a:lnTo>
                    <a:pt x="164" y="54"/>
                  </a:lnTo>
                  <a:lnTo>
                    <a:pt x="164" y="52"/>
                  </a:lnTo>
                  <a:lnTo>
                    <a:pt x="162" y="52"/>
                  </a:lnTo>
                  <a:lnTo>
                    <a:pt x="162" y="50"/>
                  </a:lnTo>
                  <a:lnTo>
                    <a:pt x="161" y="50"/>
                  </a:lnTo>
                  <a:lnTo>
                    <a:pt x="161" y="48"/>
                  </a:lnTo>
                  <a:lnTo>
                    <a:pt x="159" y="48"/>
                  </a:lnTo>
                  <a:lnTo>
                    <a:pt x="159" y="47"/>
                  </a:lnTo>
                  <a:lnTo>
                    <a:pt x="159" y="45"/>
                  </a:lnTo>
                  <a:lnTo>
                    <a:pt x="161" y="45"/>
                  </a:lnTo>
                  <a:lnTo>
                    <a:pt x="161" y="43"/>
                  </a:lnTo>
                  <a:lnTo>
                    <a:pt x="159" y="43"/>
                  </a:lnTo>
                  <a:lnTo>
                    <a:pt x="157" y="43"/>
                  </a:lnTo>
                  <a:lnTo>
                    <a:pt x="157" y="41"/>
                  </a:lnTo>
                  <a:lnTo>
                    <a:pt x="157" y="39"/>
                  </a:lnTo>
                  <a:lnTo>
                    <a:pt x="157" y="37"/>
                  </a:lnTo>
                  <a:lnTo>
                    <a:pt x="157" y="35"/>
                  </a:lnTo>
                  <a:lnTo>
                    <a:pt x="157" y="34"/>
                  </a:lnTo>
                  <a:lnTo>
                    <a:pt x="155" y="34"/>
                  </a:lnTo>
                  <a:lnTo>
                    <a:pt x="157" y="34"/>
                  </a:lnTo>
                  <a:lnTo>
                    <a:pt x="159" y="34"/>
                  </a:lnTo>
                  <a:lnTo>
                    <a:pt x="159" y="30"/>
                  </a:lnTo>
                  <a:lnTo>
                    <a:pt x="161" y="28"/>
                  </a:lnTo>
                  <a:lnTo>
                    <a:pt x="164" y="26"/>
                  </a:lnTo>
                  <a:lnTo>
                    <a:pt x="166" y="26"/>
                  </a:lnTo>
                  <a:lnTo>
                    <a:pt x="181" y="26"/>
                  </a:lnTo>
                  <a:lnTo>
                    <a:pt x="187" y="26"/>
                  </a:lnTo>
                  <a:lnTo>
                    <a:pt x="190" y="30"/>
                  </a:lnTo>
                  <a:lnTo>
                    <a:pt x="209" y="26"/>
                  </a:lnTo>
                  <a:lnTo>
                    <a:pt x="220" y="15"/>
                  </a:lnTo>
                  <a:lnTo>
                    <a:pt x="223" y="19"/>
                  </a:lnTo>
                  <a:lnTo>
                    <a:pt x="227" y="24"/>
                  </a:lnTo>
                  <a:lnTo>
                    <a:pt x="231" y="28"/>
                  </a:lnTo>
                  <a:lnTo>
                    <a:pt x="233" y="30"/>
                  </a:lnTo>
                  <a:lnTo>
                    <a:pt x="233" y="32"/>
                  </a:lnTo>
                  <a:lnTo>
                    <a:pt x="233" y="34"/>
                  </a:lnTo>
                  <a:lnTo>
                    <a:pt x="233" y="35"/>
                  </a:lnTo>
                  <a:lnTo>
                    <a:pt x="233" y="37"/>
                  </a:lnTo>
                  <a:lnTo>
                    <a:pt x="235" y="39"/>
                  </a:lnTo>
                  <a:lnTo>
                    <a:pt x="233" y="39"/>
                  </a:lnTo>
                  <a:lnTo>
                    <a:pt x="235" y="39"/>
                  </a:lnTo>
                  <a:lnTo>
                    <a:pt x="235" y="41"/>
                  </a:lnTo>
                  <a:lnTo>
                    <a:pt x="233" y="41"/>
                  </a:lnTo>
                  <a:lnTo>
                    <a:pt x="235" y="41"/>
                  </a:lnTo>
                  <a:lnTo>
                    <a:pt x="235" y="43"/>
                  </a:lnTo>
                  <a:lnTo>
                    <a:pt x="236" y="43"/>
                  </a:lnTo>
                  <a:lnTo>
                    <a:pt x="236" y="45"/>
                  </a:lnTo>
                  <a:lnTo>
                    <a:pt x="238" y="45"/>
                  </a:lnTo>
                  <a:lnTo>
                    <a:pt x="238" y="47"/>
                  </a:lnTo>
                  <a:lnTo>
                    <a:pt x="238" y="48"/>
                  </a:lnTo>
                  <a:lnTo>
                    <a:pt x="240" y="48"/>
                  </a:lnTo>
                  <a:lnTo>
                    <a:pt x="240" y="50"/>
                  </a:lnTo>
                  <a:lnTo>
                    <a:pt x="242" y="52"/>
                  </a:lnTo>
                  <a:lnTo>
                    <a:pt x="244" y="52"/>
                  </a:lnTo>
                  <a:lnTo>
                    <a:pt x="244" y="54"/>
                  </a:lnTo>
                  <a:lnTo>
                    <a:pt x="246" y="54"/>
                  </a:lnTo>
                  <a:lnTo>
                    <a:pt x="246" y="56"/>
                  </a:lnTo>
                  <a:lnTo>
                    <a:pt x="248" y="56"/>
                  </a:lnTo>
                  <a:lnTo>
                    <a:pt x="248" y="58"/>
                  </a:lnTo>
                  <a:lnTo>
                    <a:pt x="248" y="59"/>
                  </a:lnTo>
                  <a:lnTo>
                    <a:pt x="249" y="59"/>
                  </a:lnTo>
                  <a:lnTo>
                    <a:pt x="249" y="61"/>
                  </a:lnTo>
                  <a:lnTo>
                    <a:pt x="249" y="63"/>
                  </a:lnTo>
                  <a:lnTo>
                    <a:pt x="249" y="65"/>
                  </a:lnTo>
                  <a:lnTo>
                    <a:pt x="251" y="65"/>
                  </a:lnTo>
                  <a:lnTo>
                    <a:pt x="251" y="67"/>
                  </a:lnTo>
                  <a:lnTo>
                    <a:pt x="251" y="69"/>
                  </a:lnTo>
                  <a:lnTo>
                    <a:pt x="249" y="69"/>
                  </a:lnTo>
                  <a:lnTo>
                    <a:pt x="249" y="71"/>
                  </a:lnTo>
                  <a:lnTo>
                    <a:pt x="249" y="72"/>
                  </a:lnTo>
                  <a:lnTo>
                    <a:pt x="249" y="74"/>
                  </a:lnTo>
                  <a:lnTo>
                    <a:pt x="249" y="76"/>
                  </a:lnTo>
                  <a:lnTo>
                    <a:pt x="249" y="78"/>
                  </a:lnTo>
                  <a:lnTo>
                    <a:pt x="249" y="80"/>
                  </a:lnTo>
                  <a:lnTo>
                    <a:pt x="249" y="82"/>
                  </a:lnTo>
                  <a:lnTo>
                    <a:pt x="249" y="84"/>
                  </a:lnTo>
                  <a:lnTo>
                    <a:pt x="249" y="85"/>
                  </a:lnTo>
                  <a:lnTo>
                    <a:pt x="249" y="87"/>
                  </a:lnTo>
                  <a:lnTo>
                    <a:pt x="249" y="89"/>
                  </a:lnTo>
                  <a:lnTo>
                    <a:pt x="249" y="91"/>
                  </a:lnTo>
                  <a:lnTo>
                    <a:pt x="249" y="93"/>
                  </a:lnTo>
                  <a:lnTo>
                    <a:pt x="251" y="93"/>
                  </a:lnTo>
                  <a:lnTo>
                    <a:pt x="253" y="93"/>
                  </a:lnTo>
                  <a:lnTo>
                    <a:pt x="255" y="93"/>
                  </a:lnTo>
                  <a:lnTo>
                    <a:pt x="255" y="95"/>
                  </a:lnTo>
                  <a:lnTo>
                    <a:pt x="257" y="95"/>
                  </a:lnTo>
                  <a:lnTo>
                    <a:pt x="259" y="95"/>
                  </a:lnTo>
                  <a:lnTo>
                    <a:pt x="259" y="96"/>
                  </a:lnTo>
                  <a:lnTo>
                    <a:pt x="259" y="95"/>
                  </a:lnTo>
                  <a:lnTo>
                    <a:pt x="259" y="96"/>
                  </a:lnTo>
                  <a:lnTo>
                    <a:pt x="260" y="96"/>
                  </a:lnTo>
                  <a:lnTo>
                    <a:pt x="262" y="96"/>
                  </a:lnTo>
                  <a:lnTo>
                    <a:pt x="264" y="96"/>
                  </a:lnTo>
                  <a:lnTo>
                    <a:pt x="266" y="98"/>
                  </a:lnTo>
                  <a:lnTo>
                    <a:pt x="268" y="98"/>
                  </a:lnTo>
                  <a:lnTo>
                    <a:pt x="268" y="96"/>
                  </a:lnTo>
                  <a:lnTo>
                    <a:pt x="268" y="95"/>
                  </a:lnTo>
                  <a:lnTo>
                    <a:pt x="279" y="93"/>
                  </a:lnTo>
                  <a:lnTo>
                    <a:pt x="286" y="93"/>
                  </a:lnTo>
                  <a:lnTo>
                    <a:pt x="288" y="91"/>
                  </a:lnTo>
                  <a:lnTo>
                    <a:pt x="297" y="91"/>
                  </a:lnTo>
                  <a:lnTo>
                    <a:pt x="297" y="89"/>
                  </a:lnTo>
                  <a:lnTo>
                    <a:pt x="297" y="91"/>
                  </a:lnTo>
                  <a:lnTo>
                    <a:pt x="314" y="85"/>
                  </a:lnTo>
                  <a:lnTo>
                    <a:pt x="312" y="84"/>
                  </a:lnTo>
                  <a:lnTo>
                    <a:pt x="309" y="78"/>
                  </a:lnTo>
                  <a:lnTo>
                    <a:pt x="309" y="76"/>
                  </a:lnTo>
                  <a:lnTo>
                    <a:pt x="307" y="76"/>
                  </a:lnTo>
                  <a:lnTo>
                    <a:pt x="307" y="74"/>
                  </a:lnTo>
                  <a:lnTo>
                    <a:pt x="307" y="72"/>
                  </a:lnTo>
                  <a:lnTo>
                    <a:pt x="305" y="72"/>
                  </a:lnTo>
                  <a:lnTo>
                    <a:pt x="305" y="71"/>
                  </a:lnTo>
                  <a:lnTo>
                    <a:pt x="305" y="69"/>
                  </a:lnTo>
                  <a:lnTo>
                    <a:pt x="309" y="67"/>
                  </a:lnTo>
                  <a:lnTo>
                    <a:pt x="309" y="65"/>
                  </a:lnTo>
                  <a:lnTo>
                    <a:pt x="310" y="65"/>
                  </a:lnTo>
                  <a:lnTo>
                    <a:pt x="312" y="65"/>
                  </a:lnTo>
                  <a:lnTo>
                    <a:pt x="314" y="65"/>
                  </a:lnTo>
                  <a:lnTo>
                    <a:pt x="314" y="67"/>
                  </a:lnTo>
                  <a:lnTo>
                    <a:pt x="318" y="69"/>
                  </a:lnTo>
                  <a:lnTo>
                    <a:pt x="318" y="71"/>
                  </a:lnTo>
                  <a:lnTo>
                    <a:pt x="320" y="71"/>
                  </a:lnTo>
                  <a:lnTo>
                    <a:pt x="320" y="69"/>
                  </a:lnTo>
                  <a:lnTo>
                    <a:pt x="321" y="69"/>
                  </a:lnTo>
                  <a:lnTo>
                    <a:pt x="323" y="69"/>
                  </a:lnTo>
                  <a:lnTo>
                    <a:pt x="325" y="69"/>
                  </a:lnTo>
                  <a:lnTo>
                    <a:pt x="327" y="69"/>
                  </a:lnTo>
                  <a:lnTo>
                    <a:pt x="329" y="67"/>
                  </a:lnTo>
                  <a:lnTo>
                    <a:pt x="329" y="65"/>
                  </a:lnTo>
                  <a:lnTo>
                    <a:pt x="331" y="65"/>
                  </a:lnTo>
                  <a:lnTo>
                    <a:pt x="333" y="65"/>
                  </a:lnTo>
                  <a:lnTo>
                    <a:pt x="333" y="63"/>
                  </a:lnTo>
                  <a:lnTo>
                    <a:pt x="334" y="63"/>
                  </a:lnTo>
                  <a:lnTo>
                    <a:pt x="333" y="61"/>
                  </a:lnTo>
                  <a:lnTo>
                    <a:pt x="336" y="61"/>
                  </a:lnTo>
                  <a:lnTo>
                    <a:pt x="334" y="59"/>
                  </a:lnTo>
                  <a:lnTo>
                    <a:pt x="334" y="58"/>
                  </a:lnTo>
                  <a:lnTo>
                    <a:pt x="336" y="58"/>
                  </a:lnTo>
                  <a:lnTo>
                    <a:pt x="338" y="58"/>
                  </a:lnTo>
                  <a:lnTo>
                    <a:pt x="340" y="58"/>
                  </a:lnTo>
                  <a:lnTo>
                    <a:pt x="340" y="56"/>
                  </a:lnTo>
                  <a:lnTo>
                    <a:pt x="342" y="56"/>
                  </a:lnTo>
                  <a:lnTo>
                    <a:pt x="344" y="56"/>
                  </a:lnTo>
                  <a:lnTo>
                    <a:pt x="345" y="54"/>
                  </a:lnTo>
                  <a:lnTo>
                    <a:pt x="347" y="54"/>
                  </a:lnTo>
                  <a:lnTo>
                    <a:pt x="349" y="52"/>
                  </a:lnTo>
                  <a:lnTo>
                    <a:pt x="351" y="54"/>
                  </a:lnTo>
                  <a:lnTo>
                    <a:pt x="353" y="54"/>
                  </a:lnTo>
                  <a:lnTo>
                    <a:pt x="355" y="56"/>
                  </a:lnTo>
                  <a:lnTo>
                    <a:pt x="357" y="56"/>
                  </a:lnTo>
                  <a:lnTo>
                    <a:pt x="358" y="56"/>
                  </a:lnTo>
                  <a:lnTo>
                    <a:pt x="360" y="58"/>
                  </a:lnTo>
                  <a:lnTo>
                    <a:pt x="362" y="58"/>
                  </a:lnTo>
                  <a:lnTo>
                    <a:pt x="364" y="58"/>
                  </a:lnTo>
                  <a:lnTo>
                    <a:pt x="366" y="59"/>
                  </a:lnTo>
                  <a:lnTo>
                    <a:pt x="366" y="61"/>
                  </a:lnTo>
                  <a:lnTo>
                    <a:pt x="366" y="63"/>
                  </a:lnTo>
                  <a:lnTo>
                    <a:pt x="368" y="63"/>
                  </a:lnTo>
                  <a:lnTo>
                    <a:pt x="368" y="65"/>
                  </a:lnTo>
                  <a:lnTo>
                    <a:pt x="368" y="67"/>
                  </a:lnTo>
                  <a:lnTo>
                    <a:pt x="370" y="67"/>
                  </a:lnTo>
                  <a:lnTo>
                    <a:pt x="370" y="69"/>
                  </a:lnTo>
                  <a:lnTo>
                    <a:pt x="371" y="71"/>
                  </a:lnTo>
                  <a:lnTo>
                    <a:pt x="371" y="72"/>
                  </a:lnTo>
                  <a:lnTo>
                    <a:pt x="373" y="72"/>
                  </a:lnTo>
                  <a:lnTo>
                    <a:pt x="373" y="74"/>
                  </a:lnTo>
                  <a:lnTo>
                    <a:pt x="373" y="78"/>
                  </a:lnTo>
                  <a:lnTo>
                    <a:pt x="373" y="80"/>
                  </a:lnTo>
                  <a:lnTo>
                    <a:pt x="373" y="82"/>
                  </a:lnTo>
                  <a:lnTo>
                    <a:pt x="375" y="84"/>
                  </a:lnTo>
                  <a:lnTo>
                    <a:pt x="375" y="85"/>
                  </a:lnTo>
                  <a:lnTo>
                    <a:pt x="377" y="87"/>
                  </a:lnTo>
                  <a:lnTo>
                    <a:pt x="377" y="89"/>
                  </a:lnTo>
                  <a:lnTo>
                    <a:pt x="379" y="89"/>
                  </a:lnTo>
                  <a:lnTo>
                    <a:pt x="381" y="91"/>
                  </a:lnTo>
                  <a:lnTo>
                    <a:pt x="382" y="91"/>
                  </a:lnTo>
                  <a:lnTo>
                    <a:pt x="384" y="91"/>
                  </a:lnTo>
                  <a:lnTo>
                    <a:pt x="386" y="91"/>
                  </a:lnTo>
                  <a:lnTo>
                    <a:pt x="388" y="91"/>
                  </a:lnTo>
                  <a:lnTo>
                    <a:pt x="390" y="91"/>
                  </a:lnTo>
                  <a:lnTo>
                    <a:pt x="394" y="91"/>
                  </a:lnTo>
                  <a:lnTo>
                    <a:pt x="395" y="93"/>
                  </a:lnTo>
                  <a:lnTo>
                    <a:pt x="397" y="95"/>
                  </a:lnTo>
                  <a:lnTo>
                    <a:pt x="399" y="95"/>
                  </a:lnTo>
                  <a:lnTo>
                    <a:pt x="399" y="96"/>
                  </a:lnTo>
                  <a:lnTo>
                    <a:pt x="401" y="96"/>
                  </a:lnTo>
                  <a:lnTo>
                    <a:pt x="401" y="95"/>
                  </a:lnTo>
                  <a:lnTo>
                    <a:pt x="403" y="95"/>
                  </a:lnTo>
                  <a:lnTo>
                    <a:pt x="405" y="95"/>
                  </a:lnTo>
                  <a:lnTo>
                    <a:pt x="405" y="93"/>
                  </a:lnTo>
                  <a:lnTo>
                    <a:pt x="406" y="93"/>
                  </a:lnTo>
                  <a:lnTo>
                    <a:pt x="406" y="91"/>
                  </a:lnTo>
                  <a:lnTo>
                    <a:pt x="408" y="91"/>
                  </a:lnTo>
                  <a:lnTo>
                    <a:pt x="408" y="89"/>
                  </a:lnTo>
                  <a:lnTo>
                    <a:pt x="408" y="87"/>
                  </a:lnTo>
                  <a:lnTo>
                    <a:pt x="410" y="87"/>
                  </a:lnTo>
                  <a:lnTo>
                    <a:pt x="412" y="85"/>
                  </a:lnTo>
                  <a:lnTo>
                    <a:pt x="414" y="85"/>
                  </a:lnTo>
                  <a:lnTo>
                    <a:pt x="416" y="85"/>
                  </a:lnTo>
                  <a:lnTo>
                    <a:pt x="416" y="84"/>
                  </a:lnTo>
                  <a:lnTo>
                    <a:pt x="421" y="84"/>
                  </a:lnTo>
                  <a:lnTo>
                    <a:pt x="423" y="84"/>
                  </a:lnTo>
                  <a:lnTo>
                    <a:pt x="425" y="84"/>
                  </a:lnTo>
                  <a:lnTo>
                    <a:pt x="427" y="84"/>
                  </a:lnTo>
                  <a:lnTo>
                    <a:pt x="429" y="84"/>
                  </a:lnTo>
                  <a:lnTo>
                    <a:pt x="431" y="84"/>
                  </a:lnTo>
                  <a:lnTo>
                    <a:pt x="432" y="84"/>
                  </a:lnTo>
                  <a:lnTo>
                    <a:pt x="432" y="82"/>
                  </a:lnTo>
                  <a:lnTo>
                    <a:pt x="434" y="82"/>
                  </a:lnTo>
                  <a:lnTo>
                    <a:pt x="436" y="82"/>
                  </a:lnTo>
                  <a:lnTo>
                    <a:pt x="438" y="82"/>
                  </a:lnTo>
                  <a:lnTo>
                    <a:pt x="438" y="80"/>
                  </a:lnTo>
                  <a:lnTo>
                    <a:pt x="440" y="80"/>
                  </a:lnTo>
                  <a:lnTo>
                    <a:pt x="442" y="80"/>
                  </a:lnTo>
                  <a:lnTo>
                    <a:pt x="443" y="80"/>
                  </a:lnTo>
                  <a:lnTo>
                    <a:pt x="445" y="80"/>
                  </a:lnTo>
                  <a:lnTo>
                    <a:pt x="447" y="78"/>
                  </a:lnTo>
                  <a:lnTo>
                    <a:pt x="447" y="80"/>
                  </a:lnTo>
                  <a:lnTo>
                    <a:pt x="449" y="80"/>
                  </a:lnTo>
                  <a:lnTo>
                    <a:pt x="449" y="78"/>
                  </a:lnTo>
                  <a:lnTo>
                    <a:pt x="451" y="78"/>
                  </a:lnTo>
                  <a:lnTo>
                    <a:pt x="453" y="78"/>
                  </a:lnTo>
                  <a:lnTo>
                    <a:pt x="455" y="78"/>
                  </a:lnTo>
                  <a:lnTo>
                    <a:pt x="456" y="78"/>
                  </a:lnTo>
                  <a:lnTo>
                    <a:pt x="456" y="76"/>
                  </a:lnTo>
                  <a:lnTo>
                    <a:pt x="458" y="76"/>
                  </a:lnTo>
                  <a:lnTo>
                    <a:pt x="460" y="76"/>
                  </a:lnTo>
                  <a:lnTo>
                    <a:pt x="460" y="74"/>
                  </a:lnTo>
                  <a:lnTo>
                    <a:pt x="462" y="74"/>
                  </a:lnTo>
                  <a:lnTo>
                    <a:pt x="466" y="72"/>
                  </a:lnTo>
                  <a:lnTo>
                    <a:pt x="467" y="72"/>
                  </a:lnTo>
                  <a:lnTo>
                    <a:pt x="467" y="71"/>
                  </a:lnTo>
                  <a:lnTo>
                    <a:pt x="469" y="71"/>
                  </a:lnTo>
                  <a:lnTo>
                    <a:pt x="469" y="72"/>
                  </a:lnTo>
                  <a:lnTo>
                    <a:pt x="471" y="72"/>
                  </a:lnTo>
                  <a:lnTo>
                    <a:pt x="471" y="74"/>
                  </a:lnTo>
                  <a:lnTo>
                    <a:pt x="473" y="74"/>
                  </a:lnTo>
                  <a:lnTo>
                    <a:pt x="473" y="72"/>
                  </a:lnTo>
                  <a:lnTo>
                    <a:pt x="473" y="74"/>
                  </a:lnTo>
                  <a:lnTo>
                    <a:pt x="475" y="76"/>
                  </a:lnTo>
                  <a:lnTo>
                    <a:pt x="477" y="76"/>
                  </a:lnTo>
                  <a:lnTo>
                    <a:pt x="477" y="78"/>
                  </a:lnTo>
                  <a:lnTo>
                    <a:pt x="477" y="80"/>
                  </a:lnTo>
                  <a:lnTo>
                    <a:pt x="477" y="82"/>
                  </a:lnTo>
                  <a:lnTo>
                    <a:pt x="477" y="84"/>
                  </a:lnTo>
                  <a:lnTo>
                    <a:pt x="477" y="85"/>
                  </a:lnTo>
                  <a:lnTo>
                    <a:pt x="477" y="87"/>
                  </a:lnTo>
                  <a:lnTo>
                    <a:pt x="475" y="87"/>
                  </a:lnTo>
                  <a:lnTo>
                    <a:pt x="473" y="89"/>
                  </a:lnTo>
                  <a:lnTo>
                    <a:pt x="473" y="91"/>
                  </a:lnTo>
                  <a:lnTo>
                    <a:pt x="473" y="93"/>
                  </a:lnTo>
                  <a:lnTo>
                    <a:pt x="471" y="93"/>
                  </a:lnTo>
                  <a:lnTo>
                    <a:pt x="471" y="95"/>
                  </a:lnTo>
                  <a:lnTo>
                    <a:pt x="471" y="96"/>
                  </a:lnTo>
                  <a:lnTo>
                    <a:pt x="471" y="98"/>
                  </a:lnTo>
                  <a:lnTo>
                    <a:pt x="469" y="98"/>
                  </a:lnTo>
                  <a:lnTo>
                    <a:pt x="467" y="98"/>
                  </a:lnTo>
                  <a:lnTo>
                    <a:pt x="466" y="98"/>
                  </a:lnTo>
                  <a:lnTo>
                    <a:pt x="464" y="98"/>
                  </a:lnTo>
                  <a:lnTo>
                    <a:pt x="464" y="96"/>
                  </a:lnTo>
                  <a:lnTo>
                    <a:pt x="464" y="95"/>
                  </a:lnTo>
                  <a:lnTo>
                    <a:pt x="462" y="95"/>
                  </a:lnTo>
                  <a:lnTo>
                    <a:pt x="460" y="95"/>
                  </a:lnTo>
                  <a:lnTo>
                    <a:pt x="460" y="96"/>
                  </a:lnTo>
                  <a:lnTo>
                    <a:pt x="458" y="96"/>
                  </a:lnTo>
                  <a:lnTo>
                    <a:pt x="456" y="96"/>
                  </a:lnTo>
                  <a:lnTo>
                    <a:pt x="455" y="96"/>
                  </a:lnTo>
                  <a:lnTo>
                    <a:pt x="453" y="96"/>
                  </a:lnTo>
                  <a:lnTo>
                    <a:pt x="451" y="96"/>
                  </a:lnTo>
                  <a:lnTo>
                    <a:pt x="449" y="98"/>
                  </a:lnTo>
                  <a:lnTo>
                    <a:pt x="447" y="98"/>
                  </a:lnTo>
                  <a:lnTo>
                    <a:pt x="445" y="98"/>
                  </a:lnTo>
                  <a:lnTo>
                    <a:pt x="443" y="100"/>
                  </a:lnTo>
                  <a:lnTo>
                    <a:pt x="443" y="102"/>
                  </a:lnTo>
                  <a:lnTo>
                    <a:pt x="445" y="102"/>
                  </a:lnTo>
                  <a:lnTo>
                    <a:pt x="447" y="102"/>
                  </a:lnTo>
                  <a:lnTo>
                    <a:pt x="447" y="104"/>
                  </a:lnTo>
                  <a:lnTo>
                    <a:pt x="449" y="104"/>
                  </a:lnTo>
                  <a:lnTo>
                    <a:pt x="451" y="106"/>
                  </a:lnTo>
                  <a:lnTo>
                    <a:pt x="453" y="108"/>
                  </a:lnTo>
                  <a:lnTo>
                    <a:pt x="451" y="108"/>
                  </a:lnTo>
                  <a:lnTo>
                    <a:pt x="451" y="109"/>
                  </a:lnTo>
                  <a:lnTo>
                    <a:pt x="449" y="109"/>
                  </a:lnTo>
                  <a:lnTo>
                    <a:pt x="449" y="111"/>
                  </a:lnTo>
                  <a:lnTo>
                    <a:pt x="449" y="113"/>
                  </a:lnTo>
                  <a:lnTo>
                    <a:pt x="449" y="115"/>
                  </a:lnTo>
                  <a:lnTo>
                    <a:pt x="451" y="115"/>
                  </a:lnTo>
                  <a:lnTo>
                    <a:pt x="451" y="117"/>
                  </a:lnTo>
                  <a:lnTo>
                    <a:pt x="453" y="117"/>
                  </a:lnTo>
                  <a:lnTo>
                    <a:pt x="453" y="119"/>
                  </a:lnTo>
                  <a:lnTo>
                    <a:pt x="455" y="119"/>
                  </a:lnTo>
                  <a:lnTo>
                    <a:pt x="456" y="121"/>
                  </a:lnTo>
                  <a:lnTo>
                    <a:pt x="456" y="122"/>
                  </a:lnTo>
                  <a:lnTo>
                    <a:pt x="460" y="121"/>
                  </a:lnTo>
                  <a:lnTo>
                    <a:pt x="460" y="122"/>
                  </a:lnTo>
                  <a:lnTo>
                    <a:pt x="462" y="122"/>
                  </a:lnTo>
                  <a:lnTo>
                    <a:pt x="464" y="124"/>
                  </a:lnTo>
                  <a:lnTo>
                    <a:pt x="464" y="122"/>
                  </a:lnTo>
                  <a:lnTo>
                    <a:pt x="466" y="122"/>
                  </a:lnTo>
                  <a:lnTo>
                    <a:pt x="466" y="124"/>
                  </a:lnTo>
                  <a:lnTo>
                    <a:pt x="467" y="124"/>
                  </a:lnTo>
                  <a:lnTo>
                    <a:pt x="469" y="124"/>
                  </a:lnTo>
                  <a:lnTo>
                    <a:pt x="467" y="124"/>
                  </a:lnTo>
                  <a:lnTo>
                    <a:pt x="467" y="126"/>
                  </a:lnTo>
                  <a:lnTo>
                    <a:pt x="467" y="128"/>
                  </a:lnTo>
                  <a:lnTo>
                    <a:pt x="467" y="130"/>
                  </a:lnTo>
                  <a:lnTo>
                    <a:pt x="469" y="130"/>
                  </a:lnTo>
                  <a:lnTo>
                    <a:pt x="469" y="132"/>
                  </a:lnTo>
                  <a:lnTo>
                    <a:pt x="471" y="132"/>
                  </a:lnTo>
                  <a:lnTo>
                    <a:pt x="471" y="133"/>
                  </a:lnTo>
                  <a:lnTo>
                    <a:pt x="471" y="135"/>
                  </a:lnTo>
                  <a:lnTo>
                    <a:pt x="473" y="135"/>
                  </a:lnTo>
                  <a:lnTo>
                    <a:pt x="475" y="135"/>
                  </a:lnTo>
                  <a:lnTo>
                    <a:pt x="477" y="135"/>
                  </a:lnTo>
                  <a:lnTo>
                    <a:pt x="477" y="133"/>
                  </a:lnTo>
                  <a:lnTo>
                    <a:pt x="479" y="133"/>
                  </a:lnTo>
                  <a:lnTo>
                    <a:pt x="480" y="133"/>
                  </a:lnTo>
                  <a:lnTo>
                    <a:pt x="482" y="133"/>
                  </a:lnTo>
                  <a:lnTo>
                    <a:pt x="484" y="133"/>
                  </a:lnTo>
                  <a:lnTo>
                    <a:pt x="486" y="133"/>
                  </a:lnTo>
                  <a:lnTo>
                    <a:pt x="486" y="132"/>
                  </a:lnTo>
                  <a:lnTo>
                    <a:pt x="488" y="132"/>
                  </a:lnTo>
                  <a:lnTo>
                    <a:pt x="490" y="132"/>
                  </a:lnTo>
                  <a:lnTo>
                    <a:pt x="490" y="130"/>
                  </a:lnTo>
                  <a:lnTo>
                    <a:pt x="492" y="130"/>
                  </a:lnTo>
                  <a:lnTo>
                    <a:pt x="493" y="130"/>
                  </a:lnTo>
                  <a:lnTo>
                    <a:pt x="495" y="128"/>
                  </a:lnTo>
                  <a:lnTo>
                    <a:pt x="495" y="126"/>
                  </a:lnTo>
                  <a:lnTo>
                    <a:pt x="497" y="126"/>
                  </a:lnTo>
                  <a:lnTo>
                    <a:pt x="499" y="126"/>
                  </a:lnTo>
                  <a:lnTo>
                    <a:pt x="501" y="126"/>
                  </a:lnTo>
                  <a:lnTo>
                    <a:pt x="503" y="126"/>
                  </a:lnTo>
                  <a:lnTo>
                    <a:pt x="503" y="124"/>
                  </a:lnTo>
                  <a:lnTo>
                    <a:pt x="503" y="126"/>
                  </a:lnTo>
                  <a:lnTo>
                    <a:pt x="504" y="126"/>
                  </a:lnTo>
                  <a:lnTo>
                    <a:pt x="506" y="126"/>
                  </a:lnTo>
                  <a:lnTo>
                    <a:pt x="508" y="126"/>
                  </a:lnTo>
                  <a:lnTo>
                    <a:pt x="510" y="126"/>
                  </a:lnTo>
                  <a:lnTo>
                    <a:pt x="512" y="126"/>
                  </a:lnTo>
                  <a:lnTo>
                    <a:pt x="510" y="124"/>
                  </a:lnTo>
                  <a:lnTo>
                    <a:pt x="510" y="121"/>
                  </a:lnTo>
                  <a:lnTo>
                    <a:pt x="510" y="119"/>
                  </a:lnTo>
                  <a:lnTo>
                    <a:pt x="508" y="119"/>
                  </a:lnTo>
                  <a:lnTo>
                    <a:pt x="508" y="115"/>
                  </a:lnTo>
                  <a:lnTo>
                    <a:pt x="508" y="113"/>
                  </a:lnTo>
                  <a:lnTo>
                    <a:pt x="510" y="113"/>
                  </a:lnTo>
                  <a:lnTo>
                    <a:pt x="510" y="111"/>
                  </a:lnTo>
                  <a:lnTo>
                    <a:pt x="508" y="111"/>
                  </a:lnTo>
                  <a:lnTo>
                    <a:pt x="508" y="109"/>
                  </a:lnTo>
                  <a:lnTo>
                    <a:pt x="510" y="109"/>
                  </a:lnTo>
                  <a:lnTo>
                    <a:pt x="510" y="108"/>
                  </a:lnTo>
                  <a:lnTo>
                    <a:pt x="510" y="106"/>
                  </a:lnTo>
                  <a:lnTo>
                    <a:pt x="512" y="106"/>
                  </a:lnTo>
                  <a:lnTo>
                    <a:pt x="512" y="102"/>
                  </a:lnTo>
                  <a:lnTo>
                    <a:pt x="512" y="98"/>
                  </a:lnTo>
                  <a:lnTo>
                    <a:pt x="512" y="95"/>
                  </a:lnTo>
                  <a:lnTo>
                    <a:pt x="512" y="93"/>
                  </a:lnTo>
                  <a:lnTo>
                    <a:pt x="510" y="93"/>
                  </a:lnTo>
                  <a:lnTo>
                    <a:pt x="512" y="91"/>
                  </a:lnTo>
                  <a:lnTo>
                    <a:pt x="512" y="89"/>
                  </a:lnTo>
                  <a:lnTo>
                    <a:pt x="514" y="87"/>
                  </a:lnTo>
                  <a:lnTo>
                    <a:pt x="516" y="85"/>
                  </a:lnTo>
                  <a:lnTo>
                    <a:pt x="516" y="84"/>
                  </a:lnTo>
                  <a:lnTo>
                    <a:pt x="516" y="82"/>
                  </a:lnTo>
                  <a:lnTo>
                    <a:pt x="521" y="78"/>
                  </a:lnTo>
                  <a:lnTo>
                    <a:pt x="528" y="74"/>
                  </a:lnTo>
                  <a:lnTo>
                    <a:pt x="532" y="72"/>
                  </a:lnTo>
                  <a:lnTo>
                    <a:pt x="536" y="59"/>
                  </a:lnTo>
                  <a:lnTo>
                    <a:pt x="536" y="56"/>
                  </a:lnTo>
                  <a:lnTo>
                    <a:pt x="543" y="30"/>
                  </a:lnTo>
                  <a:lnTo>
                    <a:pt x="545" y="30"/>
                  </a:lnTo>
                  <a:lnTo>
                    <a:pt x="545" y="28"/>
                  </a:lnTo>
                  <a:lnTo>
                    <a:pt x="547" y="28"/>
                  </a:lnTo>
                  <a:lnTo>
                    <a:pt x="549" y="28"/>
                  </a:lnTo>
                  <a:lnTo>
                    <a:pt x="549" y="30"/>
                  </a:lnTo>
                  <a:lnTo>
                    <a:pt x="551" y="30"/>
                  </a:lnTo>
                  <a:lnTo>
                    <a:pt x="553" y="30"/>
                  </a:lnTo>
                  <a:lnTo>
                    <a:pt x="554" y="30"/>
                  </a:lnTo>
                  <a:lnTo>
                    <a:pt x="554" y="32"/>
                  </a:lnTo>
                  <a:lnTo>
                    <a:pt x="556" y="32"/>
                  </a:lnTo>
                  <a:lnTo>
                    <a:pt x="556" y="30"/>
                  </a:lnTo>
                  <a:lnTo>
                    <a:pt x="556" y="32"/>
                  </a:lnTo>
                  <a:lnTo>
                    <a:pt x="558" y="32"/>
                  </a:lnTo>
                  <a:lnTo>
                    <a:pt x="560" y="32"/>
                  </a:lnTo>
                  <a:lnTo>
                    <a:pt x="562" y="32"/>
                  </a:lnTo>
                  <a:lnTo>
                    <a:pt x="562" y="30"/>
                  </a:lnTo>
                  <a:lnTo>
                    <a:pt x="562" y="28"/>
                  </a:lnTo>
                  <a:lnTo>
                    <a:pt x="560" y="26"/>
                  </a:lnTo>
                  <a:lnTo>
                    <a:pt x="560" y="24"/>
                  </a:lnTo>
                  <a:lnTo>
                    <a:pt x="562" y="24"/>
                  </a:lnTo>
                  <a:lnTo>
                    <a:pt x="562" y="22"/>
                  </a:lnTo>
                  <a:lnTo>
                    <a:pt x="562" y="21"/>
                  </a:lnTo>
                  <a:lnTo>
                    <a:pt x="562" y="19"/>
                  </a:lnTo>
                  <a:lnTo>
                    <a:pt x="564" y="19"/>
                  </a:lnTo>
                  <a:lnTo>
                    <a:pt x="564" y="17"/>
                  </a:lnTo>
                  <a:lnTo>
                    <a:pt x="565" y="17"/>
                  </a:lnTo>
                  <a:lnTo>
                    <a:pt x="565" y="15"/>
                  </a:lnTo>
                  <a:lnTo>
                    <a:pt x="565" y="13"/>
                  </a:lnTo>
                  <a:lnTo>
                    <a:pt x="569" y="13"/>
                  </a:lnTo>
                  <a:lnTo>
                    <a:pt x="571" y="13"/>
                  </a:lnTo>
                  <a:lnTo>
                    <a:pt x="571" y="11"/>
                  </a:lnTo>
                  <a:lnTo>
                    <a:pt x="573" y="11"/>
                  </a:lnTo>
                  <a:lnTo>
                    <a:pt x="573" y="10"/>
                  </a:lnTo>
                  <a:lnTo>
                    <a:pt x="571" y="8"/>
                  </a:lnTo>
                  <a:lnTo>
                    <a:pt x="571" y="6"/>
                  </a:lnTo>
                  <a:lnTo>
                    <a:pt x="573" y="6"/>
                  </a:lnTo>
                  <a:lnTo>
                    <a:pt x="575" y="6"/>
                  </a:lnTo>
                  <a:lnTo>
                    <a:pt x="573" y="4"/>
                  </a:lnTo>
                  <a:lnTo>
                    <a:pt x="577" y="2"/>
                  </a:lnTo>
                  <a:lnTo>
                    <a:pt x="577" y="4"/>
                  </a:lnTo>
                  <a:lnTo>
                    <a:pt x="577" y="2"/>
                  </a:lnTo>
                  <a:lnTo>
                    <a:pt x="578" y="2"/>
                  </a:lnTo>
                  <a:lnTo>
                    <a:pt x="580" y="2"/>
                  </a:lnTo>
                  <a:lnTo>
                    <a:pt x="582" y="2"/>
                  </a:lnTo>
                  <a:lnTo>
                    <a:pt x="584" y="2"/>
                  </a:lnTo>
                  <a:lnTo>
                    <a:pt x="584" y="0"/>
                  </a:lnTo>
                  <a:lnTo>
                    <a:pt x="586" y="2"/>
                  </a:lnTo>
                  <a:lnTo>
                    <a:pt x="588" y="4"/>
                  </a:lnTo>
                  <a:lnTo>
                    <a:pt x="588" y="6"/>
                  </a:lnTo>
                  <a:lnTo>
                    <a:pt x="588" y="8"/>
                  </a:lnTo>
                  <a:lnTo>
                    <a:pt x="588" y="6"/>
                  </a:lnTo>
                  <a:lnTo>
                    <a:pt x="589" y="10"/>
                  </a:lnTo>
                  <a:lnTo>
                    <a:pt x="591" y="11"/>
                  </a:lnTo>
                  <a:lnTo>
                    <a:pt x="593" y="10"/>
                  </a:lnTo>
                  <a:lnTo>
                    <a:pt x="595" y="10"/>
                  </a:lnTo>
                  <a:lnTo>
                    <a:pt x="597" y="10"/>
                  </a:lnTo>
                  <a:lnTo>
                    <a:pt x="599" y="10"/>
                  </a:lnTo>
                  <a:lnTo>
                    <a:pt x="601" y="8"/>
                  </a:lnTo>
                  <a:lnTo>
                    <a:pt x="602" y="11"/>
                  </a:lnTo>
                  <a:lnTo>
                    <a:pt x="602" y="13"/>
                  </a:lnTo>
                  <a:lnTo>
                    <a:pt x="604" y="13"/>
                  </a:lnTo>
                  <a:lnTo>
                    <a:pt x="606" y="13"/>
                  </a:lnTo>
                  <a:lnTo>
                    <a:pt x="608" y="13"/>
                  </a:lnTo>
                  <a:lnTo>
                    <a:pt x="608" y="11"/>
                  </a:lnTo>
                  <a:lnTo>
                    <a:pt x="610" y="11"/>
                  </a:lnTo>
                  <a:lnTo>
                    <a:pt x="612" y="11"/>
                  </a:lnTo>
                  <a:lnTo>
                    <a:pt x="614" y="11"/>
                  </a:lnTo>
                  <a:lnTo>
                    <a:pt x="614" y="13"/>
                  </a:lnTo>
                  <a:lnTo>
                    <a:pt x="615" y="13"/>
                  </a:lnTo>
                  <a:lnTo>
                    <a:pt x="617" y="13"/>
                  </a:lnTo>
                  <a:lnTo>
                    <a:pt x="619" y="15"/>
                  </a:lnTo>
                  <a:lnTo>
                    <a:pt x="621" y="15"/>
                  </a:lnTo>
                  <a:lnTo>
                    <a:pt x="623" y="15"/>
                  </a:lnTo>
                  <a:lnTo>
                    <a:pt x="623" y="17"/>
                  </a:lnTo>
                  <a:lnTo>
                    <a:pt x="625" y="17"/>
                  </a:lnTo>
                  <a:lnTo>
                    <a:pt x="626" y="19"/>
                  </a:lnTo>
                  <a:lnTo>
                    <a:pt x="628" y="21"/>
                  </a:lnTo>
                  <a:lnTo>
                    <a:pt x="628" y="22"/>
                  </a:lnTo>
                  <a:lnTo>
                    <a:pt x="630" y="24"/>
                  </a:lnTo>
                  <a:lnTo>
                    <a:pt x="632" y="26"/>
                  </a:lnTo>
                  <a:lnTo>
                    <a:pt x="634" y="26"/>
                  </a:lnTo>
                  <a:lnTo>
                    <a:pt x="634" y="28"/>
                  </a:lnTo>
                  <a:lnTo>
                    <a:pt x="636" y="30"/>
                  </a:lnTo>
                  <a:lnTo>
                    <a:pt x="638" y="30"/>
                  </a:lnTo>
                  <a:lnTo>
                    <a:pt x="639" y="30"/>
                  </a:lnTo>
                  <a:lnTo>
                    <a:pt x="639" y="32"/>
                  </a:lnTo>
                  <a:lnTo>
                    <a:pt x="643" y="32"/>
                  </a:lnTo>
                  <a:lnTo>
                    <a:pt x="643" y="34"/>
                  </a:lnTo>
                  <a:lnTo>
                    <a:pt x="641" y="34"/>
                  </a:lnTo>
                  <a:lnTo>
                    <a:pt x="641" y="35"/>
                  </a:lnTo>
                  <a:lnTo>
                    <a:pt x="639" y="35"/>
                  </a:lnTo>
                  <a:lnTo>
                    <a:pt x="639" y="37"/>
                  </a:lnTo>
                  <a:lnTo>
                    <a:pt x="638" y="37"/>
                  </a:lnTo>
                  <a:lnTo>
                    <a:pt x="638" y="39"/>
                  </a:lnTo>
                  <a:lnTo>
                    <a:pt x="638" y="41"/>
                  </a:lnTo>
                  <a:lnTo>
                    <a:pt x="636" y="41"/>
                  </a:lnTo>
                  <a:lnTo>
                    <a:pt x="636" y="43"/>
                  </a:lnTo>
                  <a:lnTo>
                    <a:pt x="636" y="45"/>
                  </a:lnTo>
                  <a:lnTo>
                    <a:pt x="634" y="45"/>
                  </a:lnTo>
                  <a:lnTo>
                    <a:pt x="636" y="45"/>
                  </a:lnTo>
                  <a:lnTo>
                    <a:pt x="634" y="45"/>
                  </a:lnTo>
                  <a:lnTo>
                    <a:pt x="636" y="47"/>
                  </a:lnTo>
                  <a:lnTo>
                    <a:pt x="636" y="48"/>
                  </a:lnTo>
                  <a:lnTo>
                    <a:pt x="636" y="50"/>
                  </a:lnTo>
                  <a:lnTo>
                    <a:pt x="636" y="52"/>
                  </a:lnTo>
                  <a:lnTo>
                    <a:pt x="636" y="54"/>
                  </a:lnTo>
                  <a:lnTo>
                    <a:pt x="638" y="54"/>
                  </a:lnTo>
                  <a:lnTo>
                    <a:pt x="638" y="56"/>
                  </a:lnTo>
                  <a:lnTo>
                    <a:pt x="638" y="58"/>
                  </a:lnTo>
                  <a:lnTo>
                    <a:pt x="638" y="59"/>
                  </a:lnTo>
                  <a:lnTo>
                    <a:pt x="639" y="59"/>
                  </a:lnTo>
                  <a:lnTo>
                    <a:pt x="639" y="61"/>
                  </a:lnTo>
                  <a:lnTo>
                    <a:pt x="641" y="63"/>
                  </a:lnTo>
                  <a:lnTo>
                    <a:pt x="639" y="63"/>
                  </a:lnTo>
                  <a:lnTo>
                    <a:pt x="641" y="63"/>
                  </a:lnTo>
                  <a:lnTo>
                    <a:pt x="641" y="65"/>
                  </a:lnTo>
                  <a:lnTo>
                    <a:pt x="641" y="67"/>
                  </a:lnTo>
                  <a:lnTo>
                    <a:pt x="643" y="67"/>
                  </a:lnTo>
                  <a:lnTo>
                    <a:pt x="643" y="69"/>
                  </a:lnTo>
                  <a:lnTo>
                    <a:pt x="643" y="71"/>
                  </a:lnTo>
                  <a:lnTo>
                    <a:pt x="645" y="71"/>
                  </a:lnTo>
                  <a:lnTo>
                    <a:pt x="647" y="72"/>
                  </a:lnTo>
                  <a:lnTo>
                    <a:pt x="649" y="72"/>
                  </a:lnTo>
                  <a:lnTo>
                    <a:pt x="649" y="71"/>
                  </a:lnTo>
                  <a:lnTo>
                    <a:pt x="651" y="72"/>
                  </a:lnTo>
                  <a:lnTo>
                    <a:pt x="652" y="74"/>
                  </a:lnTo>
                  <a:lnTo>
                    <a:pt x="652" y="76"/>
                  </a:lnTo>
                  <a:lnTo>
                    <a:pt x="654" y="76"/>
                  </a:lnTo>
                  <a:lnTo>
                    <a:pt x="654" y="78"/>
                  </a:lnTo>
                  <a:lnTo>
                    <a:pt x="656" y="80"/>
                  </a:lnTo>
                  <a:lnTo>
                    <a:pt x="656" y="82"/>
                  </a:lnTo>
                  <a:lnTo>
                    <a:pt x="658" y="84"/>
                  </a:lnTo>
                  <a:lnTo>
                    <a:pt x="658" y="85"/>
                  </a:lnTo>
                  <a:lnTo>
                    <a:pt x="660" y="85"/>
                  </a:lnTo>
                  <a:lnTo>
                    <a:pt x="660" y="87"/>
                  </a:lnTo>
                  <a:lnTo>
                    <a:pt x="660" y="89"/>
                  </a:lnTo>
                  <a:lnTo>
                    <a:pt x="662" y="91"/>
                  </a:lnTo>
                  <a:lnTo>
                    <a:pt x="662" y="93"/>
                  </a:lnTo>
                  <a:lnTo>
                    <a:pt x="662" y="95"/>
                  </a:lnTo>
                  <a:lnTo>
                    <a:pt x="663" y="95"/>
                  </a:lnTo>
                  <a:lnTo>
                    <a:pt x="663" y="96"/>
                  </a:lnTo>
                  <a:lnTo>
                    <a:pt x="663" y="98"/>
                  </a:lnTo>
                  <a:lnTo>
                    <a:pt x="663" y="100"/>
                  </a:lnTo>
                  <a:lnTo>
                    <a:pt x="662" y="102"/>
                  </a:lnTo>
                  <a:lnTo>
                    <a:pt x="662" y="104"/>
                  </a:lnTo>
                  <a:lnTo>
                    <a:pt x="663" y="104"/>
                  </a:lnTo>
                  <a:lnTo>
                    <a:pt x="663" y="106"/>
                  </a:lnTo>
                  <a:lnTo>
                    <a:pt x="663" y="111"/>
                  </a:lnTo>
                  <a:lnTo>
                    <a:pt x="665" y="115"/>
                  </a:lnTo>
                  <a:lnTo>
                    <a:pt x="665" y="119"/>
                  </a:lnTo>
                  <a:lnTo>
                    <a:pt x="665" y="121"/>
                  </a:lnTo>
                  <a:lnTo>
                    <a:pt x="667" y="121"/>
                  </a:lnTo>
                  <a:lnTo>
                    <a:pt x="667" y="122"/>
                  </a:lnTo>
                  <a:lnTo>
                    <a:pt x="667" y="124"/>
                  </a:lnTo>
                  <a:lnTo>
                    <a:pt x="667" y="126"/>
                  </a:lnTo>
                  <a:lnTo>
                    <a:pt x="667" y="128"/>
                  </a:lnTo>
                  <a:lnTo>
                    <a:pt x="669" y="128"/>
                  </a:lnTo>
                  <a:lnTo>
                    <a:pt x="669" y="130"/>
                  </a:lnTo>
                  <a:lnTo>
                    <a:pt x="671" y="132"/>
                  </a:lnTo>
                  <a:lnTo>
                    <a:pt x="671" y="133"/>
                  </a:lnTo>
                  <a:lnTo>
                    <a:pt x="673" y="133"/>
                  </a:lnTo>
                  <a:lnTo>
                    <a:pt x="673" y="135"/>
                  </a:lnTo>
                  <a:lnTo>
                    <a:pt x="671" y="135"/>
                  </a:lnTo>
                  <a:lnTo>
                    <a:pt x="671" y="137"/>
                  </a:lnTo>
                  <a:lnTo>
                    <a:pt x="671" y="139"/>
                  </a:lnTo>
                  <a:lnTo>
                    <a:pt x="671" y="141"/>
                  </a:lnTo>
                  <a:lnTo>
                    <a:pt x="671" y="143"/>
                  </a:lnTo>
                  <a:lnTo>
                    <a:pt x="669" y="143"/>
                  </a:lnTo>
                  <a:lnTo>
                    <a:pt x="671" y="145"/>
                  </a:lnTo>
                  <a:lnTo>
                    <a:pt x="671" y="146"/>
                  </a:lnTo>
                  <a:lnTo>
                    <a:pt x="673" y="146"/>
                  </a:lnTo>
                  <a:lnTo>
                    <a:pt x="678" y="148"/>
                  </a:lnTo>
                  <a:lnTo>
                    <a:pt x="678" y="150"/>
                  </a:lnTo>
                  <a:lnTo>
                    <a:pt x="680" y="152"/>
                  </a:lnTo>
                  <a:lnTo>
                    <a:pt x="680" y="156"/>
                  </a:lnTo>
                  <a:lnTo>
                    <a:pt x="682" y="156"/>
                  </a:lnTo>
                  <a:lnTo>
                    <a:pt x="682" y="158"/>
                  </a:lnTo>
                  <a:lnTo>
                    <a:pt x="682" y="159"/>
                  </a:lnTo>
                  <a:lnTo>
                    <a:pt x="682" y="161"/>
                  </a:lnTo>
                  <a:lnTo>
                    <a:pt x="684" y="161"/>
                  </a:lnTo>
                  <a:lnTo>
                    <a:pt x="684" y="163"/>
                  </a:lnTo>
                  <a:lnTo>
                    <a:pt x="684" y="165"/>
                  </a:lnTo>
                  <a:lnTo>
                    <a:pt x="682" y="165"/>
                  </a:lnTo>
                  <a:lnTo>
                    <a:pt x="682" y="167"/>
                  </a:lnTo>
                  <a:lnTo>
                    <a:pt x="684" y="167"/>
                  </a:lnTo>
                  <a:lnTo>
                    <a:pt x="684" y="169"/>
                  </a:lnTo>
                  <a:lnTo>
                    <a:pt x="686" y="170"/>
                  </a:lnTo>
                  <a:lnTo>
                    <a:pt x="686" y="172"/>
                  </a:lnTo>
                  <a:lnTo>
                    <a:pt x="686" y="174"/>
                  </a:lnTo>
                  <a:lnTo>
                    <a:pt x="686" y="176"/>
                  </a:lnTo>
                  <a:lnTo>
                    <a:pt x="686" y="178"/>
                  </a:lnTo>
                  <a:lnTo>
                    <a:pt x="686" y="180"/>
                  </a:lnTo>
                  <a:lnTo>
                    <a:pt x="686" y="182"/>
                  </a:lnTo>
                  <a:lnTo>
                    <a:pt x="686" y="183"/>
                  </a:lnTo>
                  <a:lnTo>
                    <a:pt x="687" y="183"/>
                  </a:lnTo>
                  <a:lnTo>
                    <a:pt x="687" y="185"/>
                  </a:lnTo>
                  <a:lnTo>
                    <a:pt x="689" y="187"/>
                  </a:lnTo>
                  <a:lnTo>
                    <a:pt x="689" y="189"/>
                  </a:lnTo>
                  <a:lnTo>
                    <a:pt x="689" y="191"/>
                  </a:lnTo>
                  <a:lnTo>
                    <a:pt x="691" y="191"/>
                  </a:lnTo>
                  <a:lnTo>
                    <a:pt x="691" y="193"/>
                  </a:lnTo>
                  <a:lnTo>
                    <a:pt x="693" y="195"/>
                  </a:lnTo>
                  <a:lnTo>
                    <a:pt x="693" y="196"/>
                  </a:lnTo>
                  <a:lnTo>
                    <a:pt x="695" y="196"/>
                  </a:lnTo>
                  <a:lnTo>
                    <a:pt x="695" y="198"/>
                  </a:lnTo>
                  <a:lnTo>
                    <a:pt x="697" y="198"/>
                  </a:lnTo>
                  <a:lnTo>
                    <a:pt x="697" y="200"/>
                  </a:lnTo>
                  <a:lnTo>
                    <a:pt x="697" y="202"/>
                  </a:lnTo>
                  <a:lnTo>
                    <a:pt x="697" y="204"/>
                  </a:lnTo>
                  <a:lnTo>
                    <a:pt x="697" y="206"/>
                  </a:lnTo>
                  <a:lnTo>
                    <a:pt x="699" y="206"/>
                  </a:lnTo>
                  <a:lnTo>
                    <a:pt x="699" y="207"/>
                  </a:lnTo>
                  <a:lnTo>
                    <a:pt x="699" y="209"/>
                  </a:lnTo>
                  <a:lnTo>
                    <a:pt x="697" y="209"/>
                  </a:lnTo>
                  <a:lnTo>
                    <a:pt x="697" y="211"/>
                  </a:lnTo>
                  <a:lnTo>
                    <a:pt x="699" y="213"/>
                  </a:lnTo>
                  <a:lnTo>
                    <a:pt x="699" y="215"/>
                  </a:lnTo>
                  <a:lnTo>
                    <a:pt x="697" y="217"/>
                  </a:lnTo>
                  <a:lnTo>
                    <a:pt x="699" y="217"/>
                  </a:lnTo>
                  <a:lnTo>
                    <a:pt x="699" y="219"/>
                  </a:lnTo>
                  <a:lnTo>
                    <a:pt x="699" y="220"/>
                  </a:lnTo>
                  <a:lnTo>
                    <a:pt x="699" y="222"/>
                  </a:lnTo>
                  <a:lnTo>
                    <a:pt x="699" y="224"/>
                  </a:lnTo>
                  <a:lnTo>
                    <a:pt x="699" y="226"/>
                  </a:lnTo>
                  <a:lnTo>
                    <a:pt x="700" y="226"/>
                  </a:lnTo>
                  <a:lnTo>
                    <a:pt x="700" y="228"/>
                  </a:lnTo>
                  <a:lnTo>
                    <a:pt x="702" y="228"/>
                  </a:lnTo>
                  <a:lnTo>
                    <a:pt x="702" y="230"/>
                  </a:lnTo>
                  <a:lnTo>
                    <a:pt x="700" y="232"/>
                  </a:lnTo>
                  <a:lnTo>
                    <a:pt x="702" y="232"/>
                  </a:lnTo>
                  <a:lnTo>
                    <a:pt x="704" y="232"/>
                  </a:lnTo>
                  <a:lnTo>
                    <a:pt x="706" y="232"/>
                  </a:lnTo>
                  <a:lnTo>
                    <a:pt x="706" y="233"/>
                  </a:lnTo>
                  <a:lnTo>
                    <a:pt x="706" y="235"/>
                  </a:lnTo>
                  <a:lnTo>
                    <a:pt x="706" y="237"/>
                  </a:lnTo>
                  <a:lnTo>
                    <a:pt x="708" y="237"/>
                  </a:lnTo>
                  <a:lnTo>
                    <a:pt x="708" y="239"/>
                  </a:lnTo>
                  <a:lnTo>
                    <a:pt x="710" y="239"/>
                  </a:lnTo>
                  <a:lnTo>
                    <a:pt x="708" y="241"/>
                  </a:lnTo>
                  <a:lnTo>
                    <a:pt x="710" y="241"/>
                  </a:lnTo>
                  <a:lnTo>
                    <a:pt x="710" y="243"/>
                  </a:lnTo>
                  <a:lnTo>
                    <a:pt x="712" y="244"/>
                  </a:lnTo>
                  <a:lnTo>
                    <a:pt x="713" y="246"/>
                  </a:lnTo>
                  <a:lnTo>
                    <a:pt x="712" y="248"/>
                  </a:lnTo>
                  <a:lnTo>
                    <a:pt x="712" y="250"/>
                  </a:lnTo>
                  <a:lnTo>
                    <a:pt x="713" y="250"/>
                  </a:lnTo>
                  <a:lnTo>
                    <a:pt x="713" y="252"/>
                  </a:lnTo>
                  <a:lnTo>
                    <a:pt x="715" y="252"/>
                  </a:lnTo>
                  <a:lnTo>
                    <a:pt x="717" y="252"/>
                  </a:lnTo>
                  <a:lnTo>
                    <a:pt x="717" y="254"/>
                  </a:lnTo>
                  <a:lnTo>
                    <a:pt x="719" y="256"/>
                  </a:lnTo>
                  <a:lnTo>
                    <a:pt x="719" y="257"/>
                  </a:lnTo>
                  <a:lnTo>
                    <a:pt x="721" y="257"/>
                  </a:lnTo>
                  <a:lnTo>
                    <a:pt x="721" y="259"/>
                  </a:lnTo>
                  <a:lnTo>
                    <a:pt x="721" y="261"/>
                  </a:lnTo>
                  <a:lnTo>
                    <a:pt x="723" y="263"/>
                  </a:lnTo>
                  <a:lnTo>
                    <a:pt x="724" y="263"/>
                  </a:lnTo>
                  <a:lnTo>
                    <a:pt x="724" y="265"/>
                  </a:lnTo>
                  <a:lnTo>
                    <a:pt x="726" y="265"/>
                  </a:lnTo>
                  <a:lnTo>
                    <a:pt x="726" y="267"/>
                  </a:lnTo>
                  <a:lnTo>
                    <a:pt x="726" y="268"/>
                  </a:lnTo>
                  <a:lnTo>
                    <a:pt x="726" y="272"/>
                  </a:lnTo>
                  <a:lnTo>
                    <a:pt x="728" y="272"/>
                  </a:lnTo>
                  <a:lnTo>
                    <a:pt x="728" y="274"/>
                  </a:lnTo>
                  <a:lnTo>
                    <a:pt x="730" y="274"/>
                  </a:lnTo>
                  <a:lnTo>
                    <a:pt x="730" y="276"/>
                  </a:lnTo>
                  <a:lnTo>
                    <a:pt x="730" y="278"/>
                  </a:lnTo>
                  <a:lnTo>
                    <a:pt x="730" y="280"/>
                  </a:lnTo>
                  <a:lnTo>
                    <a:pt x="730" y="281"/>
                  </a:lnTo>
                  <a:lnTo>
                    <a:pt x="730" y="283"/>
                  </a:lnTo>
                  <a:lnTo>
                    <a:pt x="732" y="283"/>
                  </a:lnTo>
                  <a:lnTo>
                    <a:pt x="732" y="285"/>
                  </a:lnTo>
                  <a:lnTo>
                    <a:pt x="732" y="287"/>
                  </a:lnTo>
                  <a:lnTo>
                    <a:pt x="734" y="287"/>
                  </a:lnTo>
                  <a:lnTo>
                    <a:pt x="736" y="287"/>
                  </a:lnTo>
                  <a:lnTo>
                    <a:pt x="736" y="289"/>
                  </a:lnTo>
                  <a:lnTo>
                    <a:pt x="737" y="289"/>
                  </a:lnTo>
                  <a:lnTo>
                    <a:pt x="739" y="289"/>
                  </a:lnTo>
                  <a:lnTo>
                    <a:pt x="739" y="291"/>
                  </a:lnTo>
                  <a:lnTo>
                    <a:pt x="741" y="291"/>
                  </a:lnTo>
                  <a:lnTo>
                    <a:pt x="743" y="291"/>
                  </a:lnTo>
                  <a:lnTo>
                    <a:pt x="745" y="293"/>
                  </a:lnTo>
                  <a:lnTo>
                    <a:pt x="747" y="293"/>
                  </a:lnTo>
                  <a:lnTo>
                    <a:pt x="748" y="293"/>
                  </a:lnTo>
                  <a:lnTo>
                    <a:pt x="748" y="294"/>
                  </a:lnTo>
                  <a:lnTo>
                    <a:pt x="750" y="294"/>
                  </a:lnTo>
                  <a:lnTo>
                    <a:pt x="750" y="296"/>
                  </a:lnTo>
                  <a:lnTo>
                    <a:pt x="750" y="300"/>
                  </a:lnTo>
                  <a:lnTo>
                    <a:pt x="752" y="300"/>
                  </a:lnTo>
                  <a:lnTo>
                    <a:pt x="754" y="300"/>
                  </a:lnTo>
                  <a:lnTo>
                    <a:pt x="756" y="300"/>
                  </a:lnTo>
                  <a:lnTo>
                    <a:pt x="758" y="300"/>
                  </a:lnTo>
                  <a:lnTo>
                    <a:pt x="760" y="300"/>
                  </a:lnTo>
                  <a:lnTo>
                    <a:pt x="760" y="298"/>
                  </a:lnTo>
                  <a:lnTo>
                    <a:pt x="761" y="298"/>
                  </a:lnTo>
                  <a:lnTo>
                    <a:pt x="761" y="300"/>
                  </a:lnTo>
                  <a:lnTo>
                    <a:pt x="761" y="298"/>
                  </a:lnTo>
                  <a:lnTo>
                    <a:pt x="761" y="300"/>
                  </a:lnTo>
                  <a:lnTo>
                    <a:pt x="763" y="300"/>
                  </a:lnTo>
                  <a:lnTo>
                    <a:pt x="763" y="298"/>
                  </a:lnTo>
                  <a:lnTo>
                    <a:pt x="763" y="300"/>
                  </a:lnTo>
                  <a:lnTo>
                    <a:pt x="763" y="298"/>
                  </a:lnTo>
                  <a:lnTo>
                    <a:pt x="765" y="298"/>
                  </a:lnTo>
                  <a:lnTo>
                    <a:pt x="765" y="300"/>
                  </a:lnTo>
                  <a:lnTo>
                    <a:pt x="767" y="300"/>
                  </a:lnTo>
                  <a:lnTo>
                    <a:pt x="769" y="300"/>
                  </a:lnTo>
                  <a:lnTo>
                    <a:pt x="771" y="300"/>
                  </a:lnTo>
                  <a:lnTo>
                    <a:pt x="774" y="302"/>
                  </a:lnTo>
                  <a:lnTo>
                    <a:pt x="778" y="300"/>
                  </a:lnTo>
                  <a:lnTo>
                    <a:pt x="778" y="302"/>
                  </a:lnTo>
                  <a:lnTo>
                    <a:pt x="780" y="302"/>
                  </a:lnTo>
                  <a:lnTo>
                    <a:pt x="780" y="304"/>
                  </a:lnTo>
                  <a:lnTo>
                    <a:pt x="782" y="304"/>
                  </a:lnTo>
                  <a:lnTo>
                    <a:pt x="782" y="302"/>
                  </a:lnTo>
                  <a:lnTo>
                    <a:pt x="789" y="302"/>
                  </a:lnTo>
                  <a:lnTo>
                    <a:pt x="791" y="304"/>
                  </a:lnTo>
                  <a:lnTo>
                    <a:pt x="793" y="304"/>
                  </a:lnTo>
                  <a:lnTo>
                    <a:pt x="793" y="302"/>
                  </a:lnTo>
                  <a:lnTo>
                    <a:pt x="795" y="302"/>
                  </a:lnTo>
                  <a:lnTo>
                    <a:pt x="797" y="302"/>
                  </a:lnTo>
                  <a:lnTo>
                    <a:pt x="797" y="300"/>
                  </a:lnTo>
                  <a:lnTo>
                    <a:pt x="798" y="300"/>
                  </a:lnTo>
                  <a:lnTo>
                    <a:pt x="800" y="298"/>
                  </a:lnTo>
                  <a:lnTo>
                    <a:pt x="802" y="300"/>
                  </a:lnTo>
                  <a:lnTo>
                    <a:pt x="802" y="302"/>
                  </a:lnTo>
                  <a:lnTo>
                    <a:pt x="806" y="307"/>
                  </a:lnTo>
                  <a:lnTo>
                    <a:pt x="806" y="311"/>
                  </a:lnTo>
                  <a:lnTo>
                    <a:pt x="808" y="313"/>
                  </a:lnTo>
                  <a:lnTo>
                    <a:pt x="806" y="313"/>
                  </a:lnTo>
                  <a:lnTo>
                    <a:pt x="806" y="315"/>
                  </a:lnTo>
                  <a:lnTo>
                    <a:pt x="806" y="317"/>
                  </a:lnTo>
                  <a:lnTo>
                    <a:pt x="808" y="317"/>
                  </a:lnTo>
                  <a:lnTo>
                    <a:pt x="808" y="320"/>
                  </a:lnTo>
                  <a:lnTo>
                    <a:pt x="806" y="320"/>
                  </a:lnTo>
                  <a:lnTo>
                    <a:pt x="806" y="322"/>
                  </a:lnTo>
                  <a:lnTo>
                    <a:pt x="806" y="324"/>
                  </a:lnTo>
                  <a:lnTo>
                    <a:pt x="804" y="326"/>
                  </a:lnTo>
                  <a:lnTo>
                    <a:pt x="804" y="328"/>
                  </a:lnTo>
                  <a:lnTo>
                    <a:pt x="806" y="328"/>
                  </a:lnTo>
                  <a:lnTo>
                    <a:pt x="806" y="330"/>
                  </a:lnTo>
                  <a:lnTo>
                    <a:pt x="808" y="331"/>
                  </a:lnTo>
                  <a:lnTo>
                    <a:pt x="808" y="333"/>
                  </a:lnTo>
                  <a:lnTo>
                    <a:pt x="809" y="333"/>
                  </a:lnTo>
                  <a:lnTo>
                    <a:pt x="809" y="331"/>
                  </a:lnTo>
                  <a:lnTo>
                    <a:pt x="811" y="331"/>
                  </a:lnTo>
                  <a:lnTo>
                    <a:pt x="813" y="333"/>
                  </a:lnTo>
                  <a:lnTo>
                    <a:pt x="815" y="333"/>
                  </a:lnTo>
                  <a:lnTo>
                    <a:pt x="815" y="331"/>
                  </a:lnTo>
                  <a:lnTo>
                    <a:pt x="817" y="333"/>
                  </a:lnTo>
                  <a:lnTo>
                    <a:pt x="817" y="331"/>
                  </a:lnTo>
                  <a:lnTo>
                    <a:pt x="817" y="333"/>
                  </a:lnTo>
                  <a:lnTo>
                    <a:pt x="819" y="333"/>
                  </a:lnTo>
                  <a:lnTo>
                    <a:pt x="819" y="331"/>
                  </a:lnTo>
                  <a:lnTo>
                    <a:pt x="821" y="331"/>
                  </a:lnTo>
                  <a:lnTo>
                    <a:pt x="822" y="331"/>
                  </a:lnTo>
                  <a:lnTo>
                    <a:pt x="824" y="331"/>
                  </a:lnTo>
                  <a:lnTo>
                    <a:pt x="824" y="330"/>
                  </a:lnTo>
                  <a:lnTo>
                    <a:pt x="824" y="331"/>
                  </a:lnTo>
                  <a:lnTo>
                    <a:pt x="826" y="331"/>
                  </a:lnTo>
                  <a:lnTo>
                    <a:pt x="828" y="331"/>
                  </a:lnTo>
                  <a:lnTo>
                    <a:pt x="828" y="330"/>
                  </a:lnTo>
                  <a:lnTo>
                    <a:pt x="830" y="330"/>
                  </a:lnTo>
                  <a:lnTo>
                    <a:pt x="832" y="328"/>
                  </a:lnTo>
                  <a:lnTo>
                    <a:pt x="835" y="326"/>
                  </a:lnTo>
                  <a:lnTo>
                    <a:pt x="837" y="324"/>
                  </a:lnTo>
                  <a:lnTo>
                    <a:pt x="839" y="324"/>
                  </a:lnTo>
                  <a:lnTo>
                    <a:pt x="841" y="322"/>
                  </a:lnTo>
                  <a:lnTo>
                    <a:pt x="843" y="320"/>
                  </a:lnTo>
                  <a:lnTo>
                    <a:pt x="841" y="320"/>
                  </a:lnTo>
                  <a:lnTo>
                    <a:pt x="843" y="320"/>
                  </a:lnTo>
                  <a:lnTo>
                    <a:pt x="843" y="318"/>
                  </a:lnTo>
                  <a:lnTo>
                    <a:pt x="845" y="318"/>
                  </a:lnTo>
                  <a:lnTo>
                    <a:pt x="845" y="320"/>
                  </a:lnTo>
                  <a:lnTo>
                    <a:pt x="846" y="320"/>
                  </a:lnTo>
                  <a:lnTo>
                    <a:pt x="848" y="320"/>
                  </a:lnTo>
                  <a:lnTo>
                    <a:pt x="850" y="318"/>
                  </a:lnTo>
                  <a:lnTo>
                    <a:pt x="850" y="320"/>
                  </a:lnTo>
                  <a:lnTo>
                    <a:pt x="850" y="318"/>
                  </a:lnTo>
                  <a:lnTo>
                    <a:pt x="852" y="318"/>
                  </a:lnTo>
                  <a:lnTo>
                    <a:pt x="852" y="317"/>
                  </a:lnTo>
                  <a:lnTo>
                    <a:pt x="854" y="317"/>
                  </a:lnTo>
                  <a:lnTo>
                    <a:pt x="854" y="318"/>
                  </a:lnTo>
                  <a:lnTo>
                    <a:pt x="856" y="328"/>
                  </a:lnTo>
                  <a:lnTo>
                    <a:pt x="856" y="330"/>
                  </a:lnTo>
                  <a:lnTo>
                    <a:pt x="856" y="331"/>
                  </a:lnTo>
                  <a:lnTo>
                    <a:pt x="856" y="335"/>
                  </a:lnTo>
                  <a:lnTo>
                    <a:pt x="856" y="337"/>
                  </a:lnTo>
                  <a:lnTo>
                    <a:pt x="858" y="337"/>
                  </a:lnTo>
                  <a:lnTo>
                    <a:pt x="856" y="337"/>
                  </a:lnTo>
                  <a:lnTo>
                    <a:pt x="858" y="339"/>
                  </a:lnTo>
                  <a:lnTo>
                    <a:pt x="858" y="341"/>
                  </a:lnTo>
                  <a:lnTo>
                    <a:pt x="858" y="342"/>
                  </a:lnTo>
                  <a:lnTo>
                    <a:pt x="859" y="344"/>
                  </a:lnTo>
                  <a:lnTo>
                    <a:pt x="859" y="346"/>
                  </a:lnTo>
                  <a:lnTo>
                    <a:pt x="859" y="348"/>
                  </a:lnTo>
                  <a:lnTo>
                    <a:pt x="859" y="350"/>
                  </a:lnTo>
                  <a:lnTo>
                    <a:pt x="859" y="352"/>
                  </a:lnTo>
                  <a:lnTo>
                    <a:pt x="861" y="352"/>
                  </a:lnTo>
                  <a:lnTo>
                    <a:pt x="863" y="352"/>
                  </a:lnTo>
                  <a:lnTo>
                    <a:pt x="869" y="346"/>
                  </a:lnTo>
                  <a:lnTo>
                    <a:pt x="870" y="346"/>
                  </a:lnTo>
                  <a:lnTo>
                    <a:pt x="872" y="346"/>
                  </a:lnTo>
                  <a:lnTo>
                    <a:pt x="872" y="344"/>
                  </a:lnTo>
                  <a:lnTo>
                    <a:pt x="874" y="344"/>
                  </a:lnTo>
                  <a:lnTo>
                    <a:pt x="876" y="344"/>
                  </a:lnTo>
                  <a:lnTo>
                    <a:pt x="876" y="342"/>
                  </a:lnTo>
                  <a:lnTo>
                    <a:pt x="878" y="342"/>
                  </a:lnTo>
                  <a:lnTo>
                    <a:pt x="878" y="341"/>
                  </a:lnTo>
                  <a:lnTo>
                    <a:pt x="896" y="326"/>
                  </a:lnTo>
                  <a:lnTo>
                    <a:pt x="915" y="350"/>
                  </a:lnTo>
                  <a:lnTo>
                    <a:pt x="915" y="378"/>
                  </a:lnTo>
                  <a:lnTo>
                    <a:pt x="891" y="367"/>
                  </a:lnTo>
                  <a:lnTo>
                    <a:pt x="891" y="365"/>
                  </a:lnTo>
                  <a:lnTo>
                    <a:pt x="891" y="363"/>
                  </a:lnTo>
                  <a:lnTo>
                    <a:pt x="889" y="363"/>
                  </a:lnTo>
                  <a:lnTo>
                    <a:pt x="889" y="361"/>
                  </a:lnTo>
                  <a:lnTo>
                    <a:pt x="889" y="359"/>
                  </a:lnTo>
                  <a:lnTo>
                    <a:pt x="889" y="357"/>
                  </a:lnTo>
                  <a:lnTo>
                    <a:pt x="889" y="355"/>
                  </a:lnTo>
                  <a:lnTo>
                    <a:pt x="887" y="354"/>
                  </a:lnTo>
                  <a:lnTo>
                    <a:pt x="885" y="354"/>
                  </a:lnTo>
                  <a:lnTo>
                    <a:pt x="885" y="355"/>
                  </a:lnTo>
                  <a:lnTo>
                    <a:pt x="883" y="355"/>
                  </a:lnTo>
                  <a:lnTo>
                    <a:pt x="883" y="354"/>
                  </a:lnTo>
                  <a:lnTo>
                    <a:pt x="882" y="354"/>
                  </a:lnTo>
                  <a:lnTo>
                    <a:pt x="880" y="354"/>
                  </a:lnTo>
                  <a:lnTo>
                    <a:pt x="878" y="355"/>
                  </a:lnTo>
                  <a:lnTo>
                    <a:pt x="876" y="355"/>
                  </a:lnTo>
                  <a:lnTo>
                    <a:pt x="874" y="357"/>
                  </a:lnTo>
                  <a:lnTo>
                    <a:pt x="874" y="355"/>
                  </a:lnTo>
                  <a:lnTo>
                    <a:pt x="872" y="355"/>
                  </a:lnTo>
                  <a:lnTo>
                    <a:pt x="870" y="355"/>
                  </a:lnTo>
                  <a:lnTo>
                    <a:pt x="870" y="354"/>
                  </a:lnTo>
                  <a:lnTo>
                    <a:pt x="869" y="355"/>
                  </a:lnTo>
                  <a:lnTo>
                    <a:pt x="869" y="354"/>
                  </a:lnTo>
                  <a:lnTo>
                    <a:pt x="867" y="352"/>
                  </a:lnTo>
                  <a:lnTo>
                    <a:pt x="865" y="354"/>
                  </a:lnTo>
                  <a:lnTo>
                    <a:pt x="863" y="354"/>
                  </a:lnTo>
                  <a:lnTo>
                    <a:pt x="861" y="352"/>
                  </a:lnTo>
                  <a:lnTo>
                    <a:pt x="859" y="350"/>
                  </a:lnTo>
                  <a:lnTo>
                    <a:pt x="854" y="350"/>
                  </a:lnTo>
                  <a:lnTo>
                    <a:pt x="854" y="352"/>
                  </a:lnTo>
                  <a:lnTo>
                    <a:pt x="852" y="355"/>
                  </a:lnTo>
                  <a:lnTo>
                    <a:pt x="852" y="357"/>
                  </a:lnTo>
                  <a:lnTo>
                    <a:pt x="850" y="357"/>
                  </a:lnTo>
                  <a:lnTo>
                    <a:pt x="848" y="355"/>
                  </a:lnTo>
                  <a:lnTo>
                    <a:pt x="846" y="355"/>
                  </a:lnTo>
                  <a:lnTo>
                    <a:pt x="845" y="355"/>
                  </a:lnTo>
                  <a:lnTo>
                    <a:pt x="843" y="355"/>
                  </a:lnTo>
                  <a:lnTo>
                    <a:pt x="843" y="357"/>
                  </a:lnTo>
                  <a:lnTo>
                    <a:pt x="841" y="357"/>
                  </a:lnTo>
                  <a:lnTo>
                    <a:pt x="841" y="359"/>
                  </a:lnTo>
                  <a:lnTo>
                    <a:pt x="839" y="359"/>
                  </a:lnTo>
                  <a:lnTo>
                    <a:pt x="839" y="361"/>
                  </a:lnTo>
                  <a:lnTo>
                    <a:pt x="837" y="359"/>
                  </a:lnTo>
                  <a:lnTo>
                    <a:pt x="837" y="361"/>
                  </a:lnTo>
                  <a:lnTo>
                    <a:pt x="837" y="363"/>
                  </a:lnTo>
                  <a:lnTo>
                    <a:pt x="835" y="365"/>
                  </a:lnTo>
                  <a:lnTo>
                    <a:pt x="837" y="365"/>
                  </a:lnTo>
                  <a:lnTo>
                    <a:pt x="837" y="367"/>
                  </a:lnTo>
                  <a:lnTo>
                    <a:pt x="835" y="367"/>
                  </a:lnTo>
                  <a:lnTo>
                    <a:pt x="834" y="367"/>
                  </a:lnTo>
                  <a:lnTo>
                    <a:pt x="832" y="368"/>
                  </a:lnTo>
                  <a:lnTo>
                    <a:pt x="832" y="367"/>
                  </a:lnTo>
                  <a:lnTo>
                    <a:pt x="832" y="368"/>
                  </a:lnTo>
                  <a:lnTo>
                    <a:pt x="832" y="367"/>
                  </a:lnTo>
                  <a:lnTo>
                    <a:pt x="830" y="367"/>
                  </a:lnTo>
                  <a:lnTo>
                    <a:pt x="830" y="368"/>
                  </a:lnTo>
                  <a:lnTo>
                    <a:pt x="828" y="368"/>
                  </a:lnTo>
                  <a:lnTo>
                    <a:pt x="826" y="368"/>
                  </a:lnTo>
                  <a:lnTo>
                    <a:pt x="826" y="370"/>
                  </a:lnTo>
                  <a:lnTo>
                    <a:pt x="826" y="368"/>
                  </a:lnTo>
                  <a:lnTo>
                    <a:pt x="824" y="370"/>
                  </a:lnTo>
                  <a:lnTo>
                    <a:pt x="822" y="370"/>
                  </a:lnTo>
                  <a:lnTo>
                    <a:pt x="821" y="370"/>
                  </a:lnTo>
                  <a:lnTo>
                    <a:pt x="821" y="372"/>
                  </a:lnTo>
                  <a:lnTo>
                    <a:pt x="819" y="372"/>
                  </a:lnTo>
                  <a:lnTo>
                    <a:pt x="817" y="372"/>
                  </a:lnTo>
                  <a:lnTo>
                    <a:pt x="817" y="374"/>
                  </a:lnTo>
                  <a:lnTo>
                    <a:pt x="815" y="374"/>
                  </a:lnTo>
                  <a:lnTo>
                    <a:pt x="815" y="376"/>
                  </a:lnTo>
                  <a:lnTo>
                    <a:pt x="813" y="376"/>
                  </a:lnTo>
                  <a:lnTo>
                    <a:pt x="811" y="379"/>
                  </a:lnTo>
                  <a:lnTo>
                    <a:pt x="809" y="381"/>
                  </a:lnTo>
                  <a:lnTo>
                    <a:pt x="808" y="383"/>
                  </a:lnTo>
                  <a:lnTo>
                    <a:pt x="808" y="385"/>
                  </a:lnTo>
                  <a:lnTo>
                    <a:pt x="806" y="385"/>
                  </a:lnTo>
                  <a:lnTo>
                    <a:pt x="806" y="387"/>
                  </a:lnTo>
                  <a:lnTo>
                    <a:pt x="806" y="389"/>
                  </a:lnTo>
                  <a:lnTo>
                    <a:pt x="804" y="389"/>
                  </a:lnTo>
                  <a:lnTo>
                    <a:pt x="802" y="391"/>
                  </a:lnTo>
                  <a:lnTo>
                    <a:pt x="798" y="392"/>
                  </a:lnTo>
                  <a:lnTo>
                    <a:pt x="798" y="394"/>
                  </a:lnTo>
                  <a:lnTo>
                    <a:pt x="798" y="396"/>
                  </a:lnTo>
                  <a:lnTo>
                    <a:pt x="798" y="398"/>
                  </a:lnTo>
                  <a:lnTo>
                    <a:pt x="800" y="398"/>
                  </a:lnTo>
                  <a:lnTo>
                    <a:pt x="798" y="402"/>
                  </a:lnTo>
                  <a:lnTo>
                    <a:pt x="798" y="404"/>
                  </a:lnTo>
                  <a:lnTo>
                    <a:pt x="800" y="407"/>
                  </a:lnTo>
                  <a:lnTo>
                    <a:pt x="800" y="409"/>
                  </a:lnTo>
                  <a:lnTo>
                    <a:pt x="798" y="411"/>
                  </a:lnTo>
                  <a:lnTo>
                    <a:pt x="798" y="413"/>
                  </a:lnTo>
                  <a:lnTo>
                    <a:pt x="798" y="415"/>
                  </a:lnTo>
                  <a:lnTo>
                    <a:pt x="798" y="416"/>
                  </a:lnTo>
                  <a:lnTo>
                    <a:pt x="797" y="416"/>
                  </a:lnTo>
                  <a:lnTo>
                    <a:pt x="798" y="416"/>
                  </a:lnTo>
                  <a:lnTo>
                    <a:pt x="797" y="418"/>
                  </a:lnTo>
                  <a:lnTo>
                    <a:pt x="795" y="418"/>
                  </a:lnTo>
                  <a:lnTo>
                    <a:pt x="795" y="420"/>
                  </a:lnTo>
                  <a:lnTo>
                    <a:pt x="797" y="420"/>
                  </a:lnTo>
                  <a:lnTo>
                    <a:pt x="795" y="422"/>
                  </a:lnTo>
                  <a:lnTo>
                    <a:pt x="795" y="424"/>
                  </a:lnTo>
                  <a:lnTo>
                    <a:pt x="793" y="424"/>
                  </a:lnTo>
                  <a:lnTo>
                    <a:pt x="791" y="426"/>
                  </a:lnTo>
                  <a:lnTo>
                    <a:pt x="789" y="426"/>
                  </a:lnTo>
                  <a:lnTo>
                    <a:pt x="789" y="428"/>
                  </a:lnTo>
                  <a:lnTo>
                    <a:pt x="787" y="429"/>
                  </a:lnTo>
                  <a:lnTo>
                    <a:pt x="785" y="429"/>
                  </a:lnTo>
                  <a:lnTo>
                    <a:pt x="785" y="431"/>
                  </a:lnTo>
                  <a:lnTo>
                    <a:pt x="784" y="431"/>
                  </a:lnTo>
                  <a:lnTo>
                    <a:pt x="782" y="431"/>
                  </a:lnTo>
                  <a:lnTo>
                    <a:pt x="782" y="433"/>
                  </a:lnTo>
                  <a:lnTo>
                    <a:pt x="780" y="433"/>
                  </a:lnTo>
                  <a:lnTo>
                    <a:pt x="780" y="435"/>
                  </a:lnTo>
                  <a:lnTo>
                    <a:pt x="778" y="435"/>
                  </a:lnTo>
                  <a:lnTo>
                    <a:pt x="778" y="437"/>
                  </a:lnTo>
                  <a:lnTo>
                    <a:pt x="776" y="437"/>
                  </a:lnTo>
                  <a:lnTo>
                    <a:pt x="774" y="437"/>
                  </a:lnTo>
                  <a:lnTo>
                    <a:pt x="774" y="439"/>
                  </a:lnTo>
                  <a:lnTo>
                    <a:pt x="773" y="439"/>
                  </a:lnTo>
                  <a:lnTo>
                    <a:pt x="771" y="441"/>
                  </a:lnTo>
                  <a:lnTo>
                    <a:pt x="771" y="442"/>
                  </a:lnTo>
                  <a:lnTo>
                    <a:pt x="771" y="444"/>
                  </a:lnTo>
                  <a:lnTo>
                    <a:pt x="771" y="446"/>
                  </a:lnTo>
                  <a:lnTo>
                    <a:pt x="773" y="448"/>
                  </a:lnTo>
                  <a:lnTo>
                    <a:pt x="773" y="450"/>
                  </a:lnTo>
                  <a:lnTo>
                    <a:pt x="773" y="452"/>
                  </a:lnTo>
                  <a:lnTo>
                    <a:pt x="773" y="453"/>
                  </a:lnTo>
                  <a:lnTo>
                    <a:pt x="773" y="455"/>
                  </a:lnTo>
                  <a:lnTo>
                    <a:pt x="773" y="457"/>
                  </a:lnTo>
                  <a:lnTo>
                    <a:pt x="773" y="459"/>
                  </a:lnTo>
                  <a:lnTo>
                    <a:pt x="774" y="459"/>
                  </a:lnTo>
                  <a:lnTo>
                    <a:pt x="776" y="461"/>
                  </a:lnTo>
                  <a:lnTo>
                    <a:pt x="782" y="461"/>
                  </a:lnTo>
                  <a:lnTo>
                    <a:pt x="784" y="461"/>
                  </a:lnTo>
                  <a:lnTo>
                    <a:pt x="785" y="463"/>
                  </a:lnTo>
                  <a:lnTo>
                    <a:pt x="787" y="463"/>
                  </a:lnTo>
                  <a:lnTo>
                    <a:pt x="828" y="450"/>
                  </a:lnTo>
                  <a:lnTo>
                    <a:pt x="830" y="450"/>
                  </a:lnTo>
                  <a:lnTo>
                    <a:pt x="832" y="450"/>
                  </a:lnTo>
                  <a:lnTo>
                    <a:pt x="832" y="452"/>
                  </a:lnTo>
                  <a:lnTo>
                    <a:pt x="834" y="452"/>
                  </a:lnTo>
                  <a:lnTo>
                    <a:pt x="834" y="453"/>
                  </a:lnTo>
                  <a:lnTo>
                    <a:pt x="835" y="453"/>
                  </a:lnTo>
                  <a:lnTo>
                    <a:pt x="837" y="453"/>
                  </a:lnTo>
                  <a:lnTo>
                    <a:pt x="839" y="453"/>
                  </a:lnTo>
                  <a:lnTo>
                    <a:pt x="841" y="453"/>
                  </a:lnTo>
                  <a:lnTo>
                    <a:pt x="843" y="453"/>
                  </a:lnTo>
                  <a:lnTo>
                    <a:pt x="843" y="455"/>
                  </a:lnTo>
                  <a:lnTo>
                    <a:pt x="845" y="455"/>
                  </a:lnTo>
                  <a:lnTo>
                    <a:pt x="846" y="457"/>
                  </a:lnTo>
                  <a:lnTo>
                    <a:pt x="848" y="459"/>
                  </a:lnTo>
                  <a:lnTo>
                    <a:pt x="850" y="461"/>
                  </a:lnTo>
                  <a:lnTo>
                    <a:pt x="848" y="461"/>
                  </a:lnTo>
                  <a:lnTo>
                    <a:pt x="848" y="463"/>
                  </a:lnTo>
                  <a:lnTo>
                    <a:pt x="850" y="465"/>
                  </a:lnTo>
                  <a:lnTo>
                    <a:pt x="852" y="465"/>
                  </a:lnTo>
                  <a:lnTo>
                    <a:pt x="852" y="466"/>
                  </a:lnTo>
                  <a:lnTo>
                    <a:pt x="854" y="466"/>
                  </a:lnTo>
                  <a:lnTo>
                    <a:pt x="856" y="466"/>
                  </a:lnTo>
                  <a:lnTo>
                    <a:pt x="858" y="468"/>
                  </a:lnTo>
                  <a:lnTo>
                    <a:pt x="859" y="468"/>
                  </a:lnTo>
                  <a:lnTo>
                    <a:pt x="859" y="470"/>
                  </a:lnTo>
                  <a:lnTo>
                    <a:pt x="861" y="470"/>
                  </a:lnTo>
                  <a:lnTo>
                    <a:pt x="861" y="472"/>
                  </a:lnTo>
                  <a:lnTo>
                    <a:pt x="863" y="472"/>
                  </a:lnTo>
                  <a:lnTo>
                    <a:pt x="867" y="476"/>
                  </a:lnTo>
                  <a:lnTo>
                    <a:pt x="869" y="476"/>
                  </a:lnTo>
                  <a:lnTo>
                    <a:pt x="869" y="478"/>
                  </a:lnTo>
                  <a:lnTo>
                    <a:pt x="870" y="478"/>
                  </a:lnTo>
                  <a:lnTo>
                    <a:pt x="872" y="479"/>
                  </a:lnTo>
                  <a:lnTo>
                    <a:pt x="872" y="481"/>
                  </a:lnTo>
                  <a:lnTo>
                    <a:pt x="876" y="485"/>
                  </a:lnTo>
                  <a:lnTo>
                    <a:pt x="878" y="485"/>
                  </a:lnTo>
                  <a:lnTo>
                    <a:pt x="880" y="485"/>
                  </a:lnTo>
                  <a:lnTo>
                    <a:pt x="882" y="485"/>
                  </a:lnTo>
                  <a:lnTo>
                    <a:pt x="883" y="485"/>
                  </a:lnTo>
                  <a:lnTo>
                    <a:pt x="883" y="487"/>
                  </a:lnTo>
                  <a:lnTo>
                    <a:pt x="887" y="490"/>
                  </a:lnTo>
                  <a:lnTo>
                    <a:pt x="889" y="490"/>
                  </a:lnTo>
                  <a:lnTo>
                    <a:pt x="889" y="492"/>
                  </a:lnTo>
                  <a:lnTo>
                    <a:pt x="891" y="494"/>
                  </a:lnTo>
                  <a:lnTo>
                    <a:pt x="895" y="500"/>
                  </a:lnTo>
                  <a:lnTo>
                    <a:pt x="896" y="500"/>
                  </a:lnTo>
                  <a:lnTo>
                    <a:pt x="896" y="502"/>
                  </a:lnTo>
                  <a:lnTo>
                    <a:pt x="898" y="502"/>
                  </a:lnTo>
                  <a:lnTo>
                    <a:pt x="900" y="503"/>
                  </a:lnTo>
                  <a:lnTo>
                    <a:pt x="902" y="503"/>
                  </a:lnTo>
                  <a:lnTo>
                    <a:pt x="904" y="505"/>
                  </a:lnTo>
                  <a:lnTo>
                    <a:pt x="904" y="507"/>
                  </a:lnTo>
                  <a:lnTo>
                    <a:pt x="906" y="509"/>
                  </a:lnTo>
                  <a:lnTo>
                    <a:pt x="907" y="511"/>
                  </a:lnTo>
                  <a:lnTo>
                    <a:pt x="909" y="513"/>
                  </a:lnTo>
                  <a:lnTo>
                    <a:pt x="911" y="513"/>
                  </a:lnTo>
                  <a:lnTo>
                    <a:pt x="911" y="515"/>
                  </a:lnTo>
                  <a:lnTo>
                    <a:pt x="913" y="516"/>
                  </a:lnTo>
                  <a:lnTo>
                    <a:pt x="913" y="518"/>
                  </a:lnTo>
                  <a:lnTo>
                    <a:pt x="915" y="518"/>
                  </a:lnTo>
                  <a:lnTo>
                    <a:pt x="917" y="520"/>
                  </a:lnTo>
                  <a:lnTo>
                    <a:pt x="919" y="522"/>
                  </a:lnTo>
                  <a:lnTo>
                    <a:pt x="919" y="524"/>
                  </a:lnTo>
                  <a:lnTo>
                    <a:pt x="922" y="524"/>
                  </a:lnTo>
                  <a:lnTo>
                    <a:pt x="922" y="526"/>
                  </a:lnTo>
                  <a:lnTo>
                    <a:pt x="924" y="526"/>
                  </a:lnTo>
                  <a:lnTo>
                    <a:pt x="924" y="527"/>
                  </a:lnTo>
                  <a:lnTo>
                    <a:pt x="926" y="529"/>
                  </a:lnTo>
                  <a:lnTo>
                    <a:pt x="926" y="531"/>
                  </a:lnTo>
                  <a:lnTo>
                    <a:pt x="928" y="531"/>
                  </a:lnTo>
                  <a:lnTo>
                    <a:pt x="928" y="533"/>
                  </a:lnTo>
                  <a:lnTo>
                    <a:pt x="930" y="533"/>
                  </a:lnTo>
                  <a:lnTo>
                    <a:pt x="931" y="533"/>
                  </a:lnTo>
                  <a:lnTo>
                    <a:pt x="933" y="533"/>
                  </a:lnTo>
                  <a:lnTo>
                    <a:pt x="935" y="533"/>
                  </a:lnTo>
                  <a:lnTo>
                    <a:pt x="937" y="533"/>
                  </a:lnTo>
                  <a:lnTo>
                    <a:pt x="939" y="533"/>
                  </a:lnTo>
                  <a:lnTo>
                    <a:pt x="941" y="533"/>
                  </a:lnTo>
                  <a:lnTo>
                    <a:pt x="941" y="535"/>
                  </a:lnTo>
                  <a:lnTo>
                    <a:pt x="943" y="535"/>
                  </a:lnTo>
                  <a:lnTo>
                    <a:pt x="944" y="537"/>
                  </a:lnTo>
                  <a:lnTo>
                    <a:pt x="944" y="539"/>
                  </a:lnTo>
                  <a:lnTo>
                    <a:pt x="946" y="539"/>
                  </a:lnTo>
                  <a:lnTo>
                    <a:pt x="946" y="540"/>
                  </a:lnTo>
                  <a:lnTo>
                    <a:pt x="946" y="542"/>
                  </a:lnTo>
                  <a:lnTo>
                    <a:pt x="946" y="544"/>
                  </a:lnTo>
                  <a:lnTo>
                    <a:pt x="946" y="546"/>
                  </a:lnTo>
                  <a:lnTo>
                    <a:pt x="946" y="548"/>
                  </a:lnTo>
                  <a:lnTo>
                    <a:pt x="944" y="550"/>
                  </a:lnTo>
                  <a:lnTo>
                    <a:pt x="944" y="552"/>
                  </a:lnTo>
                  <a:lnTo>
                    <a:pt x="946" y="553"/>
                  </a:lnTo>
                  <a:lnTo>
                    <a:pt x="946" y="555"/>
                  </a:lnTo>
                  <a:lnTo>
                    <a:pt x="946" y="557"/>
                  </a:lnTo>
                  <a:lnTo>
                    <a:pt x="944" y="557"/>
                  </a:lnTo>
                  <a:lnTo>
                    <a:pt x="944" y="559"/>
                  </a:lnTo>
                  <a:lnTo>
                    <a:pt x="944" y="561"/>
                  </a:lnTo>
                  <a:lnTo>
                    <a:pt x="943" y="563"/>
                  </a:lnTo>
                  <a:lnTo>
                    <a:pt x="943" y="564"/>
                  </a:lnTo>
                  <a:lnTo>
                    <a:pt x="943" y="566"/>
                  </a:lnTo>
                  <a:lnTo>
                    <a:pt x="941" y="566"/>
                  </a:lnTo>
                  <a:lnTo>
                    <a:pt x="941" y="568"/>
                  </a:lnTo>
                  <a:lnTo>
                    <a:pt x="943" y="568"/>
                  </a:lnTo>
                  <a:lnTo>
                    <a:pt x="943" y="570"/>
                  </a:lnTo>
                  <a:lnTo>
                    <a:pt x="941" y="570"/>
                  </a:lnTo>
                  <a:lnTo>
                    <a:pt x="939" y="570"/>
                  </a:lnTo>
                  <a:lnTo>
                    <a:pt x="939" y="572"/>
                  </a:lnTo>
                  <a:lnTo>
                    <a:pt x="939" y="574"/>
                  </a:lnTo>
                  <a:lnTo>
                    <a:pt x="937" y="574"/>
                  </a:lnTo>
                  <a:lnTo>
                    <a:pt x="935" y="574"/>
                  </a:lnTo>
                  <a:lnTo>
                    <a:pt x="933" y="574"/>
                  </a:lnTo>
                  <a:lnTo>
                    <a:pt x="933" y="576"/>
                  </a:lnTo>
                  <a:lnTo>
                    <a:pt x="931" y="576"/>
                  </a:lnTo>
                  <a:lnTo>
                    <a:pt x="931" y="577"/>
                  </a:lnTo>
                  <a:lnTo>
                    <a:pt x="930" y="577"/>
                  </a:lnTo>
                  <a:lnTo>
                    <a:pt x="930" y="579"/>
                  </a:lnTo>
                  <a:lnTo>
                    <a:pt x="928" y="581"/>
                  </a:lnTo>
                  <a:lnTo>
                    <a:pt x="926" y="581"/>
                  </a:lnTo>
                  <a:lnTo>
                    <a:pt x="926" y="579"/>
                  </a:lnTo>
                  <a:lnTo>
                    <a:pt x="926" y="581"/>
                  </a:lnTo>
                  <a:lnTo>
                    <a:pt x="924" y="581"/>
                  </a:lnTo>
                  <a:lnTo>
                    <a:pt x="922" y="581"/>
                  </a:lnTo>
                  <a:lnTo>
                    <a:pt x="920" y="581"/>
                  </a:lnTo>
                  <a:lnTo>
                    <a:pt x="919" y="581"/>
                  </a:lnTo>
                  <a:lnTo>
                    <a:pt x="917" y="583"/>
                  </a:lnTo>
                  <a:lnTo>
                    <a:pt x="915" y="583"/>
                  </a:lnTo>
                  <a:lnTo>
                    <a:pt x="911" y="585"/>
                  </a:lnTo>
                  <a:lnTo>
                    <a:pt x="909" y="587"/>
                  </a:lnTo>
                  <a:lnTo>
                    <a:pt x="907" y="587"/>
                  </a:lnTo>
                  <a:lnTo>
                    <a:pt x="904" y="588"/>
                  </a:lnTo>
                  <a:lnTo>
                    <a:pt x="902" y="588"/>
                  </a:lnTo>
                  <a:lnTo>
                    <a:pt x="900" y="588"/>
                  </a:lnTo>
                  <a:lnTo>
                    <a:pt x="900" y="590"/>
                  </a:lnTo>
                  <a:lnTo>
                    <a:pt x="898" y="590"/>
                  </a:lnTo>
                  <a:lnTo>
                    <a:pt x="896" y="590"/>
                  </a:lnTo>
                  <a:lnTo>
                    <a:pt x="895" y="590"/>
                  </a:lnTo>
                  <a:lnTo>
                    <a:pt x="893" y="590"/>
                  </a:lnTo>
                  <a:lnTo>
                    <a:pt x="891" y="592"/>
                  </a:lnTo>
                  <a:lnTo>
                    <a:pt x="883" y="590"/>
                  </a:lnTo>
                  <a:lnTo>
                    <a:pt x="883" y="564"/>
                  </a:lnTo>
                  <a:lnTo>
                    <a:pt x="869" y="559"/>
                  </a:lnTo>
                  <a:lnTo>
                    <a:pt x="826" y="548"/>
                  </a:lnTo>
                  <a:lnTo>
                    <a:pt x="824" y="579"/>
                  </a:lnTo>
                  <a:lnTo>
                    <a:pt x="824" y="581"/>
                  </a:lnTo>
                  <a:lnTo>
                    <a:pt x="826" y="583"/>
                  </a:lnTo>
                  <a:lnTo>
                    <a:pt x="824" y="583"/>
                  </a:lnTo>
                  <a:lnTo>
                    <a:pt x="824" y="585"/>
                  </a:lnTo>
                  <a:lnTo>
                    <a:pt x="826" y="585"/>
                  </a:lnTo>
                  <a:lnTo>
                    <a:pt x="826" y="587"/>
                  </a:lnTo>
                  <a:lnTo>
                    <a:pt x="824" y="587"/>
                  </a:lnTo>
                  <a:lnTo>
                    <a:pt x="822" y="587"/>
                  </a:lnTo>
                  <a:lnTo>
                    <a:pt x="821" y="587"/>
                  </a:lnTo>
                  <a:lnTo>
                    <a:pt x="819" y="587"/>
                  </a:lnTo>
                  <a:lnTo>
                    <a:pt x="817" y="587"/>
                  </a:lnTo>
                  <a:lnTo>
                    <a:pt x="815" y="587"/>
                  </a:lnTo>
                  <a:lnTo>
                    <a:pt x="811" y="587"/>
                  </a:lnTo>
                  <a:lnTo>
                    <a:pt x="809" y="587"/>
                  </a:lnTo>
                  <a:lnTo>
                    <a:pt x="808" y="587"/>
                  </a:lnTo>
                  <a:lnTo>
                    <a:pt x="806" y="587"/>
                  </a:lnTo>
                  <a:lnTo>
                    <a:pt x="804" y="587"/>
                  </a:lnTo>
                  <a:lnTo>
                    <a:pt x="804" y="585"/>
                  </a:lnTo>
                  <a:lnTo>
                    <a:pt x="802" y="585"/>
                  </a:lnTo>
                  <a:lnTo>
                    <a:pt x="800" y="585"/>
                  </a:lnTo>
                  <a:lnTo>
                    <a:pt x="798" y="585"/>
                  </a:lnTo>
                  <a:lnTo>
                    <a:pt x="797" y="585"/>
                  </a:lnTo>
                  <a:lnTo>
                    <a:pt x="797" y="583"/>
                  </a:lnTo>
                  <a:lnTo>
                    <a:pt x="795" y="583"/>
                  </a:lnTo>
                  <a:lnTo>
                    <a:pt x="795" y="585"/>
                  </a:lnTo>
                  <a:lnTo>
                    <a:pt x="793" y="585"/>
                  </a:lnTo>
                  <a:lnTo>
                    <a:pt x="793" y="583"/>
                  </a:lnTo>
                  <a:lnTo>
                    <a:pt x="791" y="585"/>
                  </a:lnTo>
                  <a:lnTo>
                    <a:pt x="789" y="585"/>
                  </a:lnTo>
                  <a:lnTo>
                    <a:pt x="787" y="585"/>
                  </a:lnTo>
                  <a:lnTo>
                    <a:pt x="785" y="583"/>
                  </a:lnTo>
                  <a:lnTo>
                    <a:pt x="784" y="583"/>
                  </a:lnTo>
                  <a:lnTo>
                    <a:pt x="782" y="583"/>
                  </a:lnTo>
                  <a:lnTo>
                    <a:pt x="780" y="583"/>
                  </a:lnTo>
                  <a:lnTo>
                    <a:pt x="778" y="583"/>
                  </a:lnTo>
                  <a:lnTo>
                    <a:pt x="778" y="585"/>
                  </a:lnTo>
                  <a:lnTo>
                    <a:pt x="776" y="585"/>
                  </a:lnTo>
                  <a:lnTo>
                    <a:pt x="774" y="585"/>
                  </a:lnTo>
                  <a:lnTo>
                    <a:pt x="773" y="587"/>
                  </a:lnTo>
                  <a:lnTo>
                    <a:pt x="771" y="587"/>
                  </a:lnTo>
                  <a:lnTo>
                    <a:pt x="769" y="587"/>
                  </a:lnTo>
                  <a:lnTo>
                    <a:pt x="767" y="587"/>
                  </a:lnTo>
                  <a:lnTo>
                    <a:pt x="765" y="585"/>
                  </a:lnTo>
                  <a:lnTo>
                    <a:pt x="763" y="583"/>
                  </a:lnTo>
                  <a:lnTo>
                    <a:pt x="763" y="581"/>
                  </a:lnTo>
                  <a:lnTo>
                    <a:pt x="765" y="581"/>
                  </a:lnTo>
                  <a:lnTo>
                    <a:pt x="765" y="579"/>
                  </a:lnTo>
                  <a:lnTo>
                    <a:pt x="767" y="577"/>
                  </a:lnTo>
                  <a:lnTo>
                    <a:pt x="765" y="548"/>
                  </a:lnTo>
                  <a:lnTo>
                    <a:pt x="743" y="544"/>
                  </a:lnTo>
                  <a:lnTo>
                    <a:pt x="697" y="607"/>
                  </a:lnTo>
                  <a:lnTo>
                    <a:pt x="675" y="587"/>
                  </a:lnTo>
                  <a:lnTo>
                    <a:pt x="665" y="588"/>
                  </a:lnTo>
                  <a:lnTo>
                    <a:pt x="663" y="588"/>
                  </a:lnTo>
                  <a:lnTo>
                    <a:pt x="662" y="588"/>
                  </a:lnTo>
                  <a:lnTo>
                    <a:pt x="660" y="588"/>
                  </a:lnTo>
                  <a:lnTo>
                    <a:pt x="658" y="588"/>
                  </a:lnTo>
                  <a:lnTo>
                    <a:pt x="658" y="590"/>
                  </a:lnTo>
                  <a:lnTo>
                    <a:pt x="656" y="590"/>
                  </a:lnTo>
                  <a:lnTo>
                    <a:pt x="656" y="588"/>
                  </a:lnTo>
                  <a:lnTo>
                    <a:pt x="654" y="588"/>
                  </a:lnTo>
                  <a:lnTo>
                    <a:pt x="652" y="588"/>
                  </a:lnTo>
                  <a:lnTo>
                    <a:pt x="651" y="588"/>
                  </a:lnTo>
                  <a:lnTo>
                    <a:pt x="649" y="588"/>
                  </a:lnTo>
                  <a:lnTo>
                    <a:pt x="647" y="588"/>
                  </a:lnTo>
                  <a:lnTo>
                    <a:pt x="645" y="588"/>
                  </a:lnTo>
                  <a:lnTo>
                    <a:pt x="645" y="590"/>
                  </a:lnTo>
                  <a:lnTo>
                    <a:pt x="643" y="590"/>
                  </a:lnTo>
                  <a:lnTo>
                    <a:pt x="643" y="588"/>
                  </a:lnTo>
                  <a:lnTo>
                    <a:pt x="641" y="588"/>
                  </a:lnTo>
                  <a:lnTo>
                    <a:pt x="641" y="590"/>
                  </a:lnTo>
                  <a:lnTo>
                    <a:pt x="639" y="590"/>
                  </a:lnTo>
                  <a:lnTo>
                    <a:pt x="639" y="592"/>
                  </a:lnTo>
                  <a:lnTo>
                    <a:pt x="639" y="594"/>
                  </a:lnTo>
                  <a:lnTo>
                    <a:pt x="638" y="594"/>
                  </a:lnTo>
                  <a:lnTo>
                    <a:pt x="636" y="594"/>
                  </a:lnTo>
                  <a:lnTo>
                    <a:pt x="634" y="596"/>
                  </a:lnTo>
                  <a:lnTo>
                    <a:pt x="632" y="596"/>
                  </a:lnTo>
                  <a:lnTo>
                    <a:pt x="630" y="596"/>
                  </a:lnTo>
                  <a:lnTo>
                    <a:pt x="628" y="596"/>
                  </a:lnTo>
                  <a:lnTo>
                    <a:pt x="626" y="596"/>
                  </a:lnTo>
                  <a:lnTo>
                    <a:pt x="625" y="596"/>
                  </a:lnTo>
                  <a:lnTo>
                    <a:pt x="623" y="594"/>
                  </a:lnTo>
                  <a:lnTo>
                    <a:pt x="621" y="594"/>
                  </a:lnTo>
                  <a:lnTo>
                    <a:pt x="621" y="592"/>
                  </a:lnTo>
                  <a:lnTo>
                    <a:pt x="619" y="592"/>
                  </a:lnTo>
                  <a:lnTo>
                    <a:pt x="619" y="590"/>
                  </a:lnTo>
                  <a:lnTo>
                    <a:pt x="617" y="590"/>
                  </a:lnTo>
                  <a:lnTo>
                    <a:pt x="612" y="590"/>
                  </a:lnTo>
                  <a:lnTo>
                    <a:pt x="608" y="590"/>
                  </a:lnTo>
                  <a:lnTo>
                    <a:pt x="606" y="590"/>
                  </a:lnTo>
                  <a:lnTo>
                    <a:pt x="604" y="590"/>
                  </a:lnTo>
                  <a:lnTo>
                    <a:pt x="602" y="590"/>
                  </a:lnTo>
                  <a:lnTo>
                    <a:pt x="601" y="590"/>
                  </a:lnTo>
                  <a:lnTo>
                    <a:pt x="599" y="590"/>
                  </a:lnTo>
                  <a:lnTo>
                    <a:pt x="597" y="592"/>
                  </a:lnTo>
                  <a:lnTo>
                    <a:pt x="593" y="594"/>
                  </a:lnTo>
                  <a:lnTo>
                    <a:pt x="591" y="596"/>
                  </a:lnTo>
                  <a:lnTo>
                    <a:pt x="588" y="598"/>
                  </a:lnTo>
                  <a:lnTo>
                    <a:pt x="586" y="598"/>
                  </a:lnTo>
                  <a:lnTo>
                    <a:pt x="586" y="600"/>
                  </a:lnTo>
                  <a:lnTo>
                    <a:pt x="586" y="601"/>
                  </a:lnTo>
                  <a:lnTo>
                    <a:pt x="584" y="601"/>
                  </a:lnTo>
                  <a:lnTo>
                    <a:pt x="584" y="603"/>
                  </a:lnTo>
                  <a:lnTo>
                    <a:pt x="580" y="607"/>
                  </a:lnTo>
                  <a:lnTo>
                    <a:pt x="577" y="611"/>
                  </a:lnTo>
                  <a:lnTo>
                    <a:pt x="577" y="613"/>
                  </a:lnTo>
                  <a:lnTo>
                    <a:pt x="571" y="614"/>
                  </a:lnTo>
                  <a:lnTo>
                    <a:pt x="567" y="613"/>
                  </a:lnTo>
                  <a:lnTo>
                    <a:pt x="567" y="611"/>
                  </a:lnTo>
                  <a:lnTo>
                    <a:pt x="565" y="611"/>
                  </a:lnTo>
                  <a:lnTo>
                    <a:pt x="565" y="609"/>
                  </a:lnTo>
                  <a:lnTo>
                    <a:pt x="564" y="607"/>
                  </a:lnTo>
                  <a:lnTo>
                    <a:pt x="564" y="605"/>
                  </a:lnTo>
                  <a:lnTo>
                    <a:pt x="562" y="603"/>
                  </a:lnTo>
                  <a:lnTo>
                    <a:pt x="558" y="605"/>
                  </a:lnTo>
                  <a:lnTo>
                    <a:pt x="556" y="603"/>
                  </a:lnTo>
                  <a:lnTo>
                    <a:pt x="553" y="601"/>
                  </a:lnTo>
                  <a:lnTo>
                    <a:pt x="549" y="601"/>
                  </a:lnTo>
                  <a:lnTo>
                    <a:pt x="549" y="603"/>
                  </a:lnTo>
                  <a:lnTo>
                    <a:pt x="547" y="603"/>
                  </a:lnTo>
                  <a:lnTo>
                    <a:pt x="547" y="605"/>
                  </a:lnTo>
                  <a:lnTo>
                    <a:pt x="547" y="607"/>
                  </a:lnTo>
                  <a:lnTo>
                    <a:pt x="545" y="609"/>
                  </a:lnTo>
                  <a:lnTo>
                    <a:pt x="543" y="611"/>
                  </a:lnTo>
                  <a:lnTo>
                    <a:pt x="543" y="613"/>
                  </a:lnTo>
                  <a:lnTo>
                    <a:pt x="541" y="613"/>
                  </a:lnTo>
                  <a:lnTo>
                    <a:pt x="541" y="614"/>
                  </a:lnTo>
                  <a:lnTo>
                    <a:pt x="541" y="616"/>
                  </a:lnTo>
                  <a:lnTo>
                    <a:pt x="540" y="616"/>
                  </a:lnTo>
                  <a:lnTo>
                    <a:pt x="540" y="618"/>
                  </a:lnTo>
                  <a:lnTo>
                    <a:pt x="540" y="620"/>
                  </a:lnTo>
                  <a:lnTo>
                    <a:pt x="538" y="622"/>
                  </a:lnTo>
                  <a:lnTo>
                    <a:pt x="536" y="624"/>
                  </a:lnTo>
                  <a:lnTo>
                    <a:pt x="534" y="625"/>
                  </a:lnTo>
                  <a:lnTo>
                    <a:pt x="534" y="627"/>
                  </a:lnTo>
                  <a:lnTo>
                    <a:pt x="536" y="627"/>
                  </a:lnTo>
                  <a:lnTo>
                    <a:pt x="536" y="629"/>
                  </a:lnTo>
                  <a:lnTo>
                    <a:pt x="538" y="629"/>
                  </a:lnTo>
                  <a:lnTo>
                    <a:pt x="538" y="631"/>
                  </a:lnTo>
                  <a:lnTo>
                    <a:pt x="538" y="633"/>
                  </a:lnTo>
                  <a:lnTo>
                    <a:pt x="540" y="633"/>
                  </a:lnTo>
                  <a:lnTo>
                    <a:pt x="541" y="635"/>
                  </a:lnTo>
                  <a:lnTo>
                    <a:pt x="541" y="637"/>
                  </a:lnTo>
                  <a:lnTo>
                    <a:pt x="543" y="637"/>
                  </a:lnTo>
                  <a:lnTo>
                    <a:pt x="545" y="638"/>
                  </a:lnTo>
                  <a:lnTo>
                    <a:pt x="547" y="638"/>
                  </a:lnTo>
                  <a:lnTo>
                    <a:pt x="547" y="640"/>
                  </a:lnTo>
                  <a:lnTo>
                    <a:pt x="549" y="640"/>
                  </a:lnTo>
                  <a:lnTo>
                    <a:pt x="551" y="642"/>
                  </a:lnTo>
                  <a:lnTo>
                    <a:pt x="551" y="644"/>
                  </a:lnTo>
                  <a:lnTo>
                    <a:pt x="551" y="646"/>
                  </a:lnTo>
                  <a:lnTo>
                    <a:pt x="551" y="648"/>
                  </a:lnTo>
                  <a:lnTo>
                    <a:pt x="547" y="650"/>
                  </a:lnTo>
                  <a:lnTo>
                    <a:pt x="545" y="650"/>
                  </a:lnTo>
                  <a:lnTo>
                    <a:pt x="541" y="650"/>
                  </a:lnTo>
                  <a:lnTo>
                    <a:pt x="538" y="650"/>
                  </a:lnTo>
                  <a:lnTo>
                    <a:pt x="536" y="650"/>
                  </a:lnTo>
                  <a:lnTo>
                    <a:pt x="532" y="650"/>
                  </a:lnTo>
                  <a:lnTo>
                    <a:pt x="530" y="651"/>
                  </a:lnTo>
                  <a:lnTo>
                    <a:pt x="528" y="651"/>
                  </a:lnTo>
                  <a:lnTo>
                    <a:pt x="525" y="651"/>
                  </a:lnTo>
                  <a:lnTo>
                    <a:pt x="523" y="653"/>
                  </a:lnTo>
                  <a:lnTo>
                    <a:pt x="519" y="653"/>
                  </a:lnTo>
                  <a:lnTo>
                    <a:pt x="514" y="655"/>
                  </a:lnTo>
                  <a:lnTo>
                    <a:pt x="512" y="653"/>
                  </a:lnTo>
                  <a:lnTo>
                    <a:pt x="510" y="653"/>
                  </a:lnTo>
                  <a:lnTo>
                    <a:pt x="503" y="651"/>
                  </a:lnTo>
                  <a:lnTo>
                    <a:pt x="492" y="644"/>
                  </a:lnTo>
                  <a:lnTo>
                    <a:pt x="486" y="650"/>
                  </a:lnTo>
                  <a:lnTo>
                    <a:pt x="484" y="651"/>
                  </a:lnTo>
                  <a:lnTo>
                    <a:pt x="482" y="651"/>
                  </a:lnTo>
                  <a:lnTo>
                    <a:pt x="480" y="651"/>
                  </a:lnTo>
                  <a:lnTo>
                    <a:pt x="479" y="651"/>
                  </a:lnTo>
                  <a:lnTo>
                    <a:pt x="477" y="651"/>
                  </a:lnTo>
                  <a:lnTo>
                    <a:pt x="475" y="653"/>
                  </a:lnTo>
                  <a:lnTo>
                    <a:pt x="473" y="653"/>
                  </a:lnTo>
                  <a:lnTo>
                    <a:pt x="471" y="655"/>
                  </a:lnTo>
                  <a:lnTo>
                    <a:pt x="469" y="657"/>
                  </a:lnTo>
                  <a:lnTo>
                    <a:pt x="466" y="659"/>
                  </a:lnTo>
                  <a:lnTo>
                    <a:pt x="464" y="659"/>
                  </a:lnTo>
                  <a:lnTo>
                    <a:pt x="462" y="659"/>
                  </a:lnTo>
                  <a:lnTo>
                    <a:pt x="460" y="659"/>
                  </a:lnTo>
                  <a:lnTo>
                    <a:pt x="458" y="661"/>
                  </a:lnTo>
                  <a:lnTo>
                    <a:pt x="456" y="662"/>
                  </a:lnTo>
                  <a:lnTo>
                    <a:pt x="455" y="662"/>
                  </a:lnTo>
                  <a:lnTo>
                    <a:pt x="453" y="666"/>
                  </a:lnTo>
                  <a:lnTo>
                    <a:pt x="451" y="668"/>
                  </a:lnTo>
                  <a:lnTo>
                    <a:pt x="449" y="666"/>
                  </a:lnTo>
                  <a:lnTo>
                    <a:pt x="449" y="668"/>
                  </a:lnTo>
                  <a:lnTo>
                    <a:pt x="447" y="668"/>
                  </a:lnTo>
                  <a:lnTo>
                    <a:pt x="447" y="670"/>
                  </a:lnTo>
                  <a:lnTo>
                    <a:pt x="447" y="672"/>
                  </a:lnTo>
                  <a:lnTo>
                    <a:pt x="445" y="672"/>
                  </a:lnTo>
                  <a:lnTo>
                    <a:pt x="443" y="672"/>
                  </a:lnTo>
                  <a:lnTo>
                    <a:pt x="442" y="674"/>
                  </a:lnTo>
                  <a:lnTo>
                    <a:pt x="440" y="674"/>
                  </a:lnTo>
                  <a:lnTo>
                    <a:pt x="440" y="675"/>
                  </a:lnTo>
                  <a:lnTo>
                    <a:pt x="442" y="675"/>
                  </a:lnTo>
                  <a:lnTo>
                    <a:pt x="442" y="677"/>
                  </a:lnTo>
                  <a:lnTo>
                    <a:pt x="442" y="683"/>
                  </a:lnTo>
                  <a:lnTo>
                    <a:pt x="445" y="690"/>
                  </a:lnTo>
                  <a:lnTo>
                    <a:pt x="455" y="701"/>
                  </a:lnTo>
                  <a:lnTo>
                    <a:pt x="455" y="703"/>
                  </a:lnTo>
                  <a:lnTo>
                    <a:pt x="456" y="703"/>
                  </a:lnTo>
                  <a:lnTo>
                    <a:pt x="458" y="703"/>
                  </a:lnTo>
                  <a:lnTo>
                    <a:pt x="458" y="705"/>
                  </a:lnTo>
                  <a:lnTo>
                    <a:pt x="460" y="707"/>
                  </a:lnTo>
                  <a:lnTo>
                    <a:pt x="460" y="709"/>
                  </a:lnTo>
                  <a:lnTo>
                    <a:pt x="462" y="711"/>
                  </a:lnTo>
                  <a:lnTo>
                    <a:pt x="462" y="712"/>
                  </a:lnTo>
                  <a:lnTo>
                    <a:pt x="460" y="712"/>
                  </a:lnTo>
                  <a:lnTo>
                    <a:pt x="460" y="714"/>
                  </a:lnTo>
                  <a:lnTo>
                    <a:pt x="458" y="714"/>
                  </a:lnTo>
                  <a:lnTo>
                    <a:pt x="458" y="716"/>
                  </a:lnTo>
                  <a:lnTo>
                    <a:pt x="456" y="716"/>
                  </a:lnTo>
                  <a:lnTo>
                    <a:pt x="456" y="718"/>
                  </a:lnTo>
                  <a:lnTo>
                    <a:pt x="455" y="718"/>
                  </a:lnTo>
                  <a:lnTo>
                    <a:pt x="453" y="718"/>
                  </a:lnTo>
                  <a:lnTo>
                    <a:pt x="453" y="720"/>
                  </a:lnTo>
                  <a:lnTo>
                    <a:pt x="451" y="722"/>
                  </a:lnTo>
                  <a:lnTo>
                    <a:pt x="451" y="724"/>
                  </a:lnTo>
                  <a:lnTo>
                    <a:pt x="449" y="724"/>
                  </a:lnTo>
                  <a:lnTo>
                    <a:pt x="447" y="724"/>
                  </a:lnTo>
                  <a:lnTo>
                    <a:pt x="445" y="725"/>
                  </a:lnTo>
                  <a:lnTo>
                    <a:pt x="443" y="727"/>
                  </a:lnTo>
                  <a:lnTo>
                    <a:pt x="443" y="729"/>
                  </a:lnTo>
                  <a:lnTo>
                    <a:pt x="442" y="729"/>
                  </a:lnTo>
                  <a:lnTo>
                    <a:pt x="440" y="731"/>
                  </a:lnTo>
                  <a:lnTo>
                    <a:pt x="438" y="731"/>
                  </a:lnTo>
                  <a:lnTo>
                    <a:pt x="436" y="733"/>
                  </a:lnTo>
                  <a:lnTo>
                    <a:pt x="434" y="735"/>
                  </a:lnTo>
                  <a:lnTo>
                    <a:pt x="432" y="736"/>
                  </a:lnTo>
                  <a:lnTo>
                    <a:pt x="431" y="736"/>
                  </a:lnTo>
                  <a:lnTo>
                    <a:pt x="431" y="738"/>
                  </a:lnTo>
                  <a:lnTo>
                    <a:pt x="429" y="740"/>
                  </a:lnTo>
                  <a:lnTo>
                    <a:pt x="427" y="742"/>
                  </a:lnTo>
                  <a:lnTo>
                    <a:pt x="425" y="744"/>
                  </a:lnTo>
                  <a:lnTo>
                    <a:pt x="423" y="744"/>
                  </a:lnTo>
                  <a:lnTo>
                    <a:pt x="423" y="746"/>
                  </a:lnTo>
                  <a:lnTo>
                    <a:pt x="421" y="746"/>
                  </a:lnTo>
                  <a:lnTo>
                    <a:pt x="419" y="746"/>
                  </a:lnTo>
                  <a:lnTo>
                    <a:pt x="419" y="748"/>
                  </a:lnTo>
                  <a:lnTo>
                    <a:pt x="418" y="748"/>
                  </a:lnTo>
                  <a:lnTo>
                    <a:pt x="418" y="749"/>
                  </a:lnTo>
                  <a:lnTo>
                    <a:pt x="418" y="751"/>
                  </a:lnTo>
                  <a:lnTo>
                    <a:pt x="416" y="751"/>
                  </a:lnTo>
                  <a:lnTo>
                    <a:pt x="416" y="753"/>
                  </a:lnTo>
                  <a:lnTo>
                    <a:pt x="414" y="755"/>
                  </a:lnTo>
                  <a:lnTo>
                    <a:pt x="412" y="757"/>
                  </a:lnTo>
                  <a:lnTo>
                    <a:pt x="412" y="759"/>
                  </a:lnTo>
                  <a:lnTo>
                    <a:pt x="410" y="761"/>
                  </a:lnTo>
                  <a:lnTo>
                    <a:pt x="410" y="762"/>
                  </a:lnTo>
                  <a:lnTo>
                    <a:pt x="408" y="762"/>
                  </a:lnTo>
                  <a:lnTo>
                    <a:pt x="408" y="764"/>
                  </a:lnTo>
                  <a:lnTo>
                    <a:pt x="406" y="766"/>
                  </a:lnTo>
                  <a:lnTo>
                    <a:pt x="406" y="768"/>
                  </a:lnTo>
                  <a:lnTo>
                    <a:pt x="405" y="770"/>
                  </a:lnTo>
                  <a:lnTo>
                    <a:pt x="405" y="772"/>
                  </a:lnTo>
                  <a:lnTo>
                    <a:pt x="403" y="772"/>
                  </a:lnTo>
                  <a:lnTo>
                    <a:pt x="403" y="773"/>
                  </a:lnTo>
                  <a:lnTo>
                    <a:pt x="401" y="775"/>
                  </a:lnTo>
                  <a:lnTo>
                    <a:pt x="401" y="777"/>
                  </a:lnTo>
                  <a:lnTo>
                    <a:pt x="401" y="779"/>
                  </a:lnTo>
                  <a:lnTo>
                    <a:pt x="399" y="781"/>
                  </a:lnTo>
                  <a:lnTo>
                    <a:pt x="397" y="783"/>
                  </a:lnTo>
                  <a:lnTo>
                    <a:pt x="397" y="785"/>
                  </a:lnTo>
                  <a:lnTo>
                    <a:pt x="395" y="785"/>
                  </a:lnTo>
                  <a:lnTo>
                    <a:pt x="395" y="786"/>
                  </a:lnTo>
                  <a:lnTo>
                    <a:pt x="395" y="788"/>
                  </a:lnTo>
                  <a:lnTo>
                    <a:pt x="395" y="790"/>
                  </a:lnTo>
                  <a:lnTo>
                    <a:pt x="394" y="792"/>
                  </a:lnTo>
                  <a:lnTo>
                    <a:pt x="394" y="794"/>
                  </a:lnTo>
                  <a:lnTo>
                    <a:pt x="394" y="796"/>
                  </a:lnTo>
                  <a:lnTo>
                    <a:pt x="392" y="798"/>
                  </a:lnTo>
                  <a:lnTo>
                    <a:pt x="392" y="799"/>
                  </a:lnTo>
                  <a:lnTo>
                    <a:pt x="390" y="801"/>
                  </a:lnTo>
                  <a:lnTo>
                    <a:pt x="390" y="803"/>
                  </a:lnTo>
                  <a:lnTo>
                    <a:pt x="390" y="805"/>
                  </a:lnTo>
                  <a:lnTo>
                    <a:pt x="388" y="805"/>
                  </a:lnTo>
                  <a:lnTo>
                    <a:pt x="388" y="807"/>
                  </a:lnTo>
                  <a:lnTo>
                    <a:pt x="386" y="807"/>
                  </a:lnTo>
                  <a:lnTo>
                    <a:pt x="386" y="805"/>
                  </a:lnTo>
                  <a:lnTo>
                    <a:pt x="384" y="805"/>
                  </a:lnTo>
                  <a:lnTo>
                    <a:pt x="384" y="803"/>
                  </a:lnTo>
                  <a:lnTo>
                    <a:pt x="382" y="803"/>
                  </a:lnTo>
                  <a:lnTo>
                    <a:pt x="382" y="799"/>
                  </a:lnTo>
                  <a:lnTo>
                    <a:pt x="381" y="798"/>
                  </a:lnTo>
                  <a:lnTo>
                    <a:pt x="381" y="796"/>
                  </a:lnTo>
                  <a:lnTo>
                    <a:pt x="381" y="792"/>
                  </a:lnTo>
                  <a:lnTo>
                    <a:pt x="381" y="788"/>
                  </a:lnTo>
                  <a:lnTo>
                    <a:pt x="381" y="785"/>
                  </a:lnTo>
                  <a:lnTo>
                    <a:pt x="382" y="783"/>
                  </a:lnTo>
                  <a:lnTo>
                    <a:pt x="381" y="781"/>
                  </a:lnTo>
                  <a:lnTo>
                    <a:pt x="382" y="781"/>
                  </a:lnTo>
                  <a:lnTo>
                    <a:pt x="382" y="779"/>
                  </a:lnTo>
                  <a:lnTo>
                    <a:pt x="382" y="777"/>
                  </a:lnTo>
                  <a:lnTo>
                    <a:pt x="382" y="775"/>
                  </a:lnTo>
                  <a:lnTo>
                    <a:pt x="381" y="775"/>
                  </a:lnTo>
                  <a:lnTo>
                    <a:pt x="379" y="775"/>
                  </a:lnTo>
                  <a:lnTo>
                    <a:pt x="379" y="773"/>
                  </a:lnTo>
                  <a:lnTo>
                    <a:pt x="377" y="773"/>
                  </a:lnTo>
                  <a:lnTo>
                    <a:pt x="375" y="773"/>
                  </a:lnTo>
                  <a:lnTo>
                    <a:pt x="373" y="773"/>
                  </a:lnTo>
                  <a:lnTo>
                    <a:pt x="371" y="773"/>
                  </a:lnTo>
                  <a:lnTo>
                    <a:pt x="371" y="772"/>
                  </a:lnTo>
                  <a:lnTo>
                    <a:pt x="370" y="772"/>
                  </a:lnTo>
                  <a:lnTo>
                    <a:pt x="370" y="770"/>
                  </a:lnTo>
                  <a:lnTo>
                    <a:pt x="364" y="768"/>
                  </a:lnTo>
                  <a:lnTo>
                    <a:pt x="364" y="770"/>
                  </a:lnTo>
                  <a:lnTo>
                    <a:pt x="362" y="770"/>
                  </a:lnTo>
                  <a:lnTo>
                    <a:pt x="362" y="772"/>
                  </a:lnTo>
                  <a:lnTo>
                    <a:pt x="358" y="773"/>
                  </a:lnTo>
                  <a:lnTo>
                    <a:pt x="357" y="773"/>
                  </a:lnTo>
                  <a:lnTo>
                    <a:pt x="355" y="775"/>
                  </a:lnTo>
                  <a:lnTo>
                    <a:pt x="353" y="777"/>
                  </a:lnTo>
                  <a:lnTo>
                    <a:pt x="353" y="779"/>
                  </a:lnTo>
                  <a:lnTo>
                    <a:pt x="351" y="779"/>
                  </a:lnTo>
                  <a:lnTo>
                    <a:pt x="351" y="783"/>
                  </a:lnTo>
                  <a:lnTo>
                    <a:pt x="349" y="786"/>
                  </a:lnTo>
                  <a:lnTo>
                    <a:pt x="349" y="788"/>
                  </a:lnTo>
                  <a:lnTo>
                    <a:pt x="349" y="792"/>
                  </a:lnTo>
                  <a:lnTo>
                    <a:pt x="347" y="792"/>
                  </a:lnTo>
                  <a:lnTo>
                    <a:pt x="347" y="794"/>
                  </a:lnTo>
                  <a:lnTo>
                    <a:pt x="344" y="796"/>
                  </a:lnTo>
                  <a:lnTo>
                    <a:pt x="342" y="798"/>
                  </a:lnTo>
                  <a:lnTo>
                    <a:pt x="340" y="798"/>
                  </a:lnTo>
                  <a:lnTo>
                    <a:pt x="338" y="798"/>
                  </a:lnTo>
                  <a:lnTo>
                    <a:pt x="334" y="798"/>
                  </a:lnTo>
                  <a:lnTo>
                    <a:pt x="333" y="799"/>
                  </a:lnTo>
                  <a:lnTo>
                    <a:pt x="331" y="799"/>
                  </a:lnTo>
                  <a:lnTo>
                    <a:pt x="329" y="801"/>
                  </a:lnTo>
                  <a:lnTo>
                    <a:pt x="329" y="810"/>
                  </a:lnTo>
                  <a:lnTo>
                    <a:pt x="329" y="814"/>
                  </a:lnTo>
                  <a:lnTo>
                    <a:pt x="325" y="818"/>
                  </a:lnTo>
                  <a:lnTo>
                    <a:pt x="327" y="822"/>
                  </a:lnTo>
                  <a:lnTo>
                    <a:pt x="327" y="823"/>
                  </a:lnTo>
                  <a:lnTo>
                    <a:pt x="329" y="827"/>
                  </a:lnTo>
                  <a:lnTo>
                    <a:pt x="329" y="829"/>
                  </a:lnTo>
                  <a:lnTo>
                    <a:pt x="331" y="829"/>
                  </a:lnTo>
                  <a:lnTo>
                    <a:pt x="331" y="831"/>
                  </a:lnTo>
                  <a:lnTo>
                    <a:pt x="331" y="833"/>
                  </a:lnTo>
                  <a:lnTo>
                    <a:pt x="331" y="835"/>
                  </a:lnTo>
                  <a:lnTo>
                    <a:pt x="331" y="836"/>
                  </a:lnTo>
                  <a:lnTo>
                    <a:pt x="331" y="838"/>
                  </a:lnTo>
                  <a:lnTo>
                    <a:pt x="331" y="840"/>
                  </a:lnTo>
                  <a:lnTo>
                    <a:pt x="331" y="842"/>
                  </a:lnTo>
                  <a:lnTo>
                    <a:pt x="331" y="844"/>
                  </a:lnTo>
                  <a:lnTo>
                    <a:pt x="333" y="846"/>
                  </a:lnTo>
                  <a:lnTo>
                    <a:pt x="331" y="847"/>
                  </a:lnTo>
                  <a:lnTo>
                    <a:pt x="331" y="849"/>
                  </a:lnTo>
                  <a:lnTo>
                    <a:pt x="329" y="851"/>
                  </a:lnTo>
                  <a:lnTo>
                    <a:pt x="331" y="853"/>
                  </a:lnTo>
                  <a:lnTo>
                    <a:pt x="331" y="855"/>
                  </a:lnTo>
                  <a:lnTo>
                    <a:pt x="329" y="857"/>
                  </a:lnTo>
                  <a:lnTo>
                    <a:pt x="327" y="859"/>
                  </a:lnTo>
                  <a:lnTo>
                    <a:pt x="325" y="859"/>
                  </a:lnTo>
                  <a:lnTo>
                    <a:pt x="325" y="860"/>
                  </a:lnTo>
                  <a:lnTo>
                    <a:pt x="323" y="860"/>
                  </a:lnTo>
                  <a:lnTo>
                    <a:pt x="325" y="862"/>
                  </a:lnTo>
                  <a:lnTo>
                    <a:pt x="325" y="864"/>
                  </a:lnTo>
                  <a:lnTo>
                    <a:pt x="325" y="866"/>
                  </a:lnTo>
                  <a:lnTo>
                    <a:pt x="325" y="868"/>
                  </a:lnTo>
                  <a:lnTo>
                    <a:pt x="327" y="870"/>
                  </a:lnTo>
                  <a:lnTo>
                    <a:pt x="325" y="870"/>
                  </a:lnTo>
                  <a:lnTo>
                    <a:pt x="325" y="872"/>
                  </a:lnTo>
                  <a:lnTo>
                    <a:pt x="323" y="875"/>
                  </a:lnTo>
                  <a:lnTo>
                    <a:pt x="323" y="877"/>
                  </a:lnTo>
                  <a:lnTo>
                    <a:pt x="321" y="877"/>
                  </a:lnTo>
                  <a:lnTo>
                    <a:pt x="320" y="877"/>
                  </a:lnTo>
                  <a:lnTo>
                    <a:pt x="320" y="879"/>
                  </a:lnTo>
                  <a:lnTo>
                    <a:pt x="318" y="877"/>
                  </a:lnTo>
                  <a:lnTo>
                    <a:pt x="316" y="877"/>
                  </a:lnTo>
                  <a:lnTo>
                    <a:pt x="314" y="879"/>
                  </a:lnTo>
                  <a:lnTo>
                    <a:pt x="312" y="879"/>
                  </a:lnTo>
                  <a:lnTo>
                    <a:pt x="314" y="879"/>
                  </a:lnTo>
                  <a:lnTo>
                    <a:pt x="314" y="881"/>
                  </a:lnTo>
                  <a:lnTo>
                    <a:pt x="312" y="883"/>
                  </a:lnTo>
                  <a:lnTo>
                    <a:pt x="314" y="883"/>
                  </a:lnTo>
                  <a:lnTo>
                    <a:pt x="314" y="884"/>
                  </a:lnTo>
                  <a:lnTo>
                    <a:pt x="314" y="886"/>
                  </a:lnTo>
                  <a:lnTo>
                    <a:pt x="314" y="888"/>
                  </a:lnTo>
                  <a:lnTo>
                    <a:pt x="314" y="890"/>
                  </a:lnTo>
                  <a:lnTo>
                    <a:pt x="312" y="890"/>
                  </a:lnTo>
                  <a:lnTo>
                    <a:pt x="312" y="892"/>
                  </a:lnTo>
                  <a:lnTo>
                    <a:pt x="310" y="894"/>
                  </a:lnTo>
                  <a:lnTo>
                    <a:pt x="310" y="896"/>
                  </a:lnTo>
                  <a:lnTo>
                    <a:pt x="310" y="897"/>
                  </a:lnTo>
                  <a:lnTo>
                    <a:pt x="309" y="897"/>
                  </a:lnTo>
                  <a:lnTo>
                    <a:pt x="307" y="897"/>
                  </a:lnTo>
                  <a:lnTo>
                    <a:pt x="307" y="899"/>
                  </a:lnTo>
                  <a:lnTo>
                    <a:pt x="305" y="899"/>
                  </a:lnTo>
                  <a:lnTo>
                    <a:pt x="305" y="901"/>
                  </a:lnTo>
                  <a:lnTo>
                    <a:pt x="303" y="903"/>
                  </a:lnTo>
                  <a:lnTo>
                    <a:pt x="303" y="905"/>
                  </a:lnTo>
                  <a:lnTo>
                    <a:pt x="301" y="905"/>
                  </a:lnTo>
                  <a:lnTo>
                    <a:pt x="299" y="905"/>
                  </a:lnTo>
                  <a:lnTo>
                    <a:pt x="297" y="907"/>
                  </a:lnTo>
                  <a:lnTo>
                    <a:pt x="296" y="907"/>
                  </a:lnTo>
                  <a:lnTo>
                    <a:pt x="296" y="908"/>
                  </a:lnTo>
                  <a:lnTo>
                    <a:pt x="296" y="910"/>
                  </a:lnTo>
                  <a:lnTo>
                    <a:pt x="296" y="912"/>
                  </a:lnTo>
                  <a:lnTo>
                    <a:pt x="294" y="914"/>
                  </a:lnTo>
                  <a:lnTo>
                    <a:pt x="294" y="916"/>
                  </a:lnTo>
                  <a:lnTo>
                    <a:pt x="292" y="921"/>
                  </a:lnTo>
                  <a:lnTo>
                    <a:pt x="292" y="923"/>
                  </a:lnTo>
                  <a:lnTo>
                    <a:pt x="294" y="923"/>
                  </a:lnTo>
                  <a:lnTo>
                    <a:pt x="294" y="925"/>
                  </a:lnTo>
                  <a:lnTo>
                    <a:pt x="296" y="925"/>
                  </a:lnTo>
                  <a:lnTo>
                    <a:pt x="296" y="927"/>
                  </a:lnTo>
                  <a:lnTo>
                    <a:pt x="296" y="929"/>
                  </a:lnTo>
                  <a:lnTo>
                    <a:pt x="297" y="931"/>
                  </a:lnTo>
                  <a:lnTo>
                    <a:pt x="299" y="931"/>
                  </a:lnTo>
                  <a:lnTo>
                    <a:pt x="299" y="933"/>
                  </a:lnTo>
                  <a:lnTo>
                    <a:pt x="299" y="934"/>
                  </a:lnTo>
                  <a:lnTo>
                    <a:pt x="297" y="936"/>
                  </a:lnTo>
                  <a:lnTo>
                    <a:pt x="299" y="938"/>
                  </a:lnTo>
                  <a:lnTo>
                    <a:pt x="303" y="944"/>
                  </a:lnTo>
                  <a:lnTo>
                    <a:pt x="305" y="944"/>
                  </a:lnTo>
                  <a:lnTo>
                    <a:pt x="305" y="945"/>
                  </a:lnTo>
                  <a:lnTo>
                    <a:pt x="307" y="947"/>
                  </a:lnTo>
                  <a:lnTo>
                    <a:pt x="307" y="949"/>
                  </a:lnTo>
                  <a:lnTo>
                    <a:pt x="307" y="951"/>
                  </a:lnTo>
                  <a:lnTo>
                    <a:pt x="309" y="951"/>
                  </a:lnTo>
                  <a:lnTo>
                    <a:pt x="309" y="953"/>
                  </a:lnTo>
                  <a:lnTo>
                    <a:pt x="310" y="955"/>
                  </a:lnTo>
                  <a:lnTo>
                    <a:pt x="310" y="957"/>
                  </a:lnTo>
                  <a:lnTo>
                    <a:pt x="312" y="957"/>
                  </a:lnTo>
                  <a:lnTo>
                    <a:pt x="312" y="958"/>
                  </a:lnTo>
                  <a:lnTo>
                    <a:pt x="312" y="960"/>
                  </a:lnTo>
                  <a:lnTo>
                    <a:pt x="314" y="960"/>
                  </a:lnTo>
                  <a:lnTo>
                    <a:pt x="314" y="962"/>
                  </a:lnTo>
                  <a:lnTo>
                    <a:pt x="316" y="964"/>
                  </a:lnTo>
                  <a:lnTo>
                    <a:pt x="316" y="966"/>
                  </a:lnTo>
                  <a:lnTo>
                    <a:pt x="318" y="968"/>
                  </a:lnTo>
                  <a:lnTo>
                    <a:pt x="318" y="970"/>
                  </a:lnTo>
                  <a:lnTo>
                    <a:pt x="318" y="971"/>
                  </a:lnTo>
                  <a:lnTo>
                    <a:pt x="320" y="971"/>
                  </a:lnTo>
                  <a:lnTo>
                    <a:pt x="320" y="973"/>
                  </a:lnTo>
                  <a:lnTo>
                    <a:pt x="321" y="975"/>
                  </a:lnTo>
                  <a:lnTo>
                    <a:pt x="321" y="977"/>
                  </a:lnTo>
                  <a:lnTo>
                    <a:pt x="323" y="979"/>
                  </a:lnTo>
                  <a:lnTo>
                    <a:pt x="323" y="981"/>
                  </a:lnTo>
                  <a:lnTo>
                    <a:pt x="323" y="982"/>
                  </a:lnTo>
                  <a:lnTo>
                    <a:pt x="323" y="984"/>
                  </a:lnTo>
                  <a:lnTo>
                    <a:pt x="323" y="986"/>
                  </a:lnTo>
                  <a:lnTo>
                    <a:pt x="323" y="988"/>
                  </a:lnTo>
                  <a:lnTo>
                    <a:pt x="323" y="990"/>
                  </a:lnTo>
                  <a:lnTo>
                    <a:pt x="320" y="990"/>
                  </a:lnTo>
                  <a:lnTo>
                    <a:pt x="318" y="990"/>
                  </a:lnTo>
                  <a:lnTo>
                    <a:pt x="318" y="994"/>
                  </a:lnTo>
                  <a:lnTo>
                    <a:pt x="316" y="994"/>
                  </a:lnTo>
                  <a:lnTo>
                    <a:pt x="316" y="995"/>
                  </a:lnTo>
                  <a:lnTo>
                    <a:pt x="314" y="994"/>
                  </a:lnTo>
                  <a:lnTo>
                    <a:pt x="310" y="997"/>
                  </a:lnTo>
                  <a:lnTo>
                    <a:pt x="310" y="999"/>
                  </a:lnTo>
                  <a:lnTo>
                    <a:pt x="310" y="1001"/>
                  </a:lnTo>
                  <a:lnTo>
                    <a:pt x="310" y="1003"/>
                  </a:lnTo>
                  <a:lnTo>
                    <a:pt x="312" y="1003"/>
                  </a:lnTo>
                  <a:lnTo>
                    <a:pt x="312" y="1005"/>
                  </a:lnTo>
                  <a:lnTo>
                    <a:pt x="312" y="1007"/>
                  </a:lnTo>
                  <a:lnTo>
                    <a:pt x="312" y="1008"/>
                  </a:lnTo>
                  <a:lnTo>
                    <a:pt x="312" y="1010"/>
                  </a:lnTo>
                  <a:lnTo>
                    <a:pt x="310" y="1010"/>
                  </a:lnTo>
                  <a:lnTo>
                    <a:pt x="310" y="1012"/>
                  </a:lnTo>
                  <a:lnTo>
                    <a:pt x="309" y="1012"/>
                  </a:lnTo>
                  <a:lnTo>
                    <a:pt x="309" y="1014"/>
                  </a:lnTo>
                  <a:lnTo>
                    <a:pt x="307" y="1014"/>
                  </a:lnTo>
                  <a:lnTo>
                    <a:pt x="307" y="1016"/>
                  </a:lnTo>
                  <a:lnTo>
                    <a:pt x="305" y="1016"/>
                  </a:lnTo>
                  <a:lnTo>
                    <a:pt x="305" y="1018"/>
                  </a:lnTo>
                  <a:lnTo>
                    <a:pt x="303" y="1019"/>
                  </a:lnTo>
                  <a:lnTo>
                    <a:pt x="299" y="1023"/>
                  </a:lnTo>
                  <a:lnTo>
                    <a:pt x="297" y="1023"/>
                  </a:lnTo>
                  <a:lnTo>
                    <a:pt x="296" y="1023"/>
                  </a:lnTo>
                  <a:lnTo>
                    <a:pt x="294" y="1023"/>
                  </a:lnTo>
                  <a:lnTo>
                    <a:pt x="294" y="1021"/>
                  </a:lnTo>
                  <a:lnTo>
                    <a:pt x="292" y="1021"/>
                  </a:lnTo>
                  <a:lnTo>
                    <a:pt x="290" y="1021"/>
                  </a:lnTo>
                  <a:lnTo>
                    <a:pt x="288" y="1021"/>
                  </a:lnTo>
                  <a:lnTo>
                    <a:pt x="286" y="1021"/>
                  </a:lnTo>
                  <a:lnTo>
                    <a:pt x="286" y="1019"/>
                  </a:lnTo>
                  <a:lnTo>
                    <a:pt x="284" y="1019"/>
                  </a:lnTo>
                  <a:lnTo>
                    <a:pt x="283" y="1019"/>
                  </a:lnTo>
                  <a:lnTo>
                    <a:pt x="283" y="1018"/>
                  </a:lnTo>
                  <a:lnTo>
                    <a:pt x="281" y="1018"/>
                  </a:lnTo>
                  <a:lnTo>
                    <a:pt x="279" y="1018"/>
                  </a:lnTo>
                  <a:lnTo>
                    <a:pt x="277" y="1018"/>
                  </a:lnTo>
                  <a:lnTo>
                    <a:pt x="277" y="1016"/>
                  </a:lnTo>
                  <a:lnTo>
                    <a:pt x="275" y="1016"/>
                  </a:lnTo>
                  <a:lnTo>
                    <a:pt x="275" y="1018"/>
                  </a:lnTo>
                  <a:lnTo>
                    <a:pt x="273" y="1018"/>
                  </a:lnTo>
                  <a:lnTo>
                    <a:pt x="272" y="1018"/>
                  </a:lnTo>
                  <a:lnTo>
                    <a:pt x="270" y="1018"/>
                  </a:lnTo>
                  <a:lnTo>
                    <a:pt x="268" y="1018"/>
                  </a:lnTo>
                  <a:lnTo>
                    <a:pt x="266" y="1019"/>
                  </a:lnTo>
                  <a:lnTo>
                    <a:pt x="264" y="1019"/>
                  </a:lnTo>
                  <a:lnTo>
                    <a:pt x="262" y="1019"/>
                  </a:lnTo>
                  <a:lnTo>
                    <a:pt x="260" y="1019"/>
                  </a:lnTo>
                  <a:lnTo>
                    <a:pt x="260" y="1021"/>
                  </a:lnTo>
                  <a:lnTo>
                    <a:pt x="259" y="1021"/>
                  </a:lnTo>
                  <a:lnTo>
                    <a:pt x="257" y="1021"/>
                  </a:lnTo>
                  <a:lnTo>
                    <a:pt x="255" y="1021"/>
                  </a:lnTo>
                  <a:lnTo>
                    <a:pt x="255" y="1023"/>
                  </a:lnTo>
                  <a:lnTo>
                    <a:pt x="253" y="1023"/>
                  </a:lnTo>
                  <a:lnTo>
                    <a:pt x="253" y="1025"/>
                  </a:lnTo>
                  <a:lnTo>
                    <a:pt x="251" y="1025"/>
                  </a:lnTo>
                  <a:lnTo>
                    <a:pt x="249" y="1025"/>
                  </a:lnTo>
                  <a:lnTo>
                    <a:pt x="249" y="1027"/>
                  </a:lnTo>
                  <a:lnTo>
                    <a:pt x="248" y="1027"/>
                  </a:lnTo>
                  <a:lnTo>
                    <a:pt x="246" y="1027"/>
                  </a:lnTo>
                  <a:lnTo>
                    <a:pt x="246" y="1029"/>
                  </a:lnTo>
                  <a:lnTo>
                    <a:pt x="244" y="1029"/>
                  </a:lnTo>
                  <a:lnTo>
                    <a:pt x="242" y="1029"/>
                  </a:lnTo>
                  <a:lnTo>
                    <a:pt x="242" y="1031"/>
                  </a:lnTo>
                  <a:lnTo>
                    <a:pt x="240" y="1031"/>
                  </a:lnTo>
                  <a:lnTo>
                    <a:pt x="238" y="1031"/>
                  </a:lnTo>
                  <a:lnTo>
                    <a:pt x="236" y="1031"/>
                  </a:lnTo>
                  <a:lnTo>
                    <a:pt x="235" y="1032"/>
                  </a:lnTo>
                  <a:lnTo>
                    <a:pt x="231" y="1032"/>
                  </a:lnTo>
                  <a:lnTo>
                    <a:pt x="229" y="1032"/>
                  </a:lnTo>
                  <a:lnTo>
                    <a:pt x="229" y="1034"/>
                  </a:lnTo>
                  <a:lnTo>
                    <a:pt x="227" y="1034"/>
                  </a:lnTo>
                  <a:lnTo>
                    <a:pt x="227" y="1036"/>
                  </a:lnTo>
                  <a:lnTo>
                    <a:pt x="227" y="1038"/>
                  </a:lnTo>
                  <a:lnTo>
                    <a:pt x="225" y="1038"/>
                  </a:lnTo>
                  <a:lnTo>
                    <a:pt x="225" y="1040"/>
                  </a:lnTo>
                  <a:lnTo>
                    <a:pt x="223" y="1040"/>
                  </a:lnTo>
                  <a:lnTo>
                    <a:pt x="222" y="1042"/>
                  </a:lnTo>
                  <a:lnTo>
                    <a:pt x="220" y="1044"/>
                  </a:lnTo>
                  <a:lnTo>
                    <a:pt x="218" y="1045"/>
                  </a:lnTo>
                  <a:lnTo>
                    <a:pt x="216" y="1045"/>
                  </a:lnTo>
                  <a:lnTo>
                    <a:pt x="216" y="1047"/>
                  </a:lnTo>
                  <a:lnTo>
                    <a:pt x="214" y="1047"/>
                  </a:lnTo>
                  <a:lnTo>
                    <a:pt x="212" y="1047"/>
                  </a:lnTo>
                  <a:lnTo>
                    <a:pt x="211" y="1047"/>
                  </a:lnTo>
                  <a:lnTo>
                    <a:pt x="211" y="1045"/>
                  </a:lnTo>
                  <a:lnTo>
                    <a:pt x="209" y="1045"/>
                  </a:lnTo>
                  <a:lnTo>
                    <a:pt x="207" y="1045"/>
                  </a:lnTo>
                  <a:lnTo>
                    <a:pt x="207" y="1044"/>
                  </a:lnTo>
                  <a:lnTo>
                    <a:pt x="205" y="1044"/>
                  </a:lnTo>
                  <a:lnTo>
                    <a:pt x="203" y="1044"/>
                  </a:lnTo>
                  <a:lnTo>
                    <a:pt x="201" y="1044"/>
                  </a:lnTo>
                  <a:lnTo>
                    <a:pt x="199" y="1044"/>
                  </a:lnTo>
                  <a:lnTo>
                    <a:pt x="196" y="1042"/>
                  </a:lnTo>
                  <a:lnTo>
                    <a:pt x="196" y="1040"/>
                  </a:lnTo>
                  <a:lnTo>
                    <a:pt x="194" y="1038"/>
                  </a:lnTo>
                  <a:lnTo>
                    <a:pt x="194" y="1036"/>
                  </a:lnTo>
                  <a:lnTo>
                    <a:pt x="192" y="1034"/>
                  </a:lnTo>
                  <a:lnTo>
                    <a:pt x="190" y="1032"/>
                  </a:lnTo>
                  <a:lnTo>
                    <a:pt x="190" y="1031"/>
                  </a:lnTo>
                  <a:lnTo>
                    <a:pt x="190" y="1029"/>
                  </a:lnTo>
                  <a:lnTo>
                    <a:pt x="190" y="1027"/>
                  </a:lnTo>
                  <a:lnTo>
                    <a:pt x="188" y="1027"/>
                  </a:lnTo>
                  <a:lnTo>
                    <a:pt x="187" y="1027"/>
                  </a:lnTo>
                  <a:lnTo>
                    <a:pt x="187" y="1025"/>
                  </a:lnTo>
                  <a:lnTo>
                    <a:pt x="185" y="1025"/>
                  </a:lnTo>
                  <a:lnTo>
                    <a:pt x="185" y="1023"/>
                  </a:lnTo>
                  <a:lnTo>
                    <a:pt x="183" y="1023"/>
                  </a:lnTo>
                  <a:lnTo>
                    <a:pt x="181" y="1023"/>
                  </a:lnTo>
                  <a:lnTo>
                    <a:pt x="181" y="1021"/>
                  </a:lnTo>
                  <a:lnTo>
                    <a:pt x="179" y="1021"/>
                  </a:lnTo>
                  <a:lnTo>
                    <a:pt x="179" y="1019"/>
                  </a:lnTo>
                  <a:lnTo>
                    <a:pt x="177" y="1019"/>
                  </a:lnTo>
                  <a:lnTo>
                    <a:pt x="175" y="1019"/>
                  </a:lnTo>
                  <a:lnTo>
                    <a:pt x="174" y="1019"/>
                  </a:lnTo>
                  <a:lnTo>
                    <a:pt x="174" y="1018"/>
                  </a:lnTo>
                  <a:lnTo>
                    <a:pt x="172" y="1018"/>
                  </a:lnTo>
                  <a:lnTo>
                    <a:pt x="172" y="1016"/>
                  </a:lnTo>
                  <a:lnTo>
                    <a:pt x="170" y="1016"/>
                  </a:lnTo>
                  <a:lnTo>
                    <a:pt x="170" y="1014"/>
                  </a:lnTo>
                  <a:lnTo>
                    <a:pt x="168" y="1014"/>
                  </a:lnTo>
                  <a:lnTo>
                    <a:pt x="168" y="1012"/>
                  </a:lnTo>
                  <a:lnTo>
                    <a:pt x="166" y="1012"/>
                  </a:lnTo>
                  <a:lnTo>
                    <a:pt x="166" y="1010"/>
                  </a:lnTo>
                  <a:lnTo>
                    <a:pt x="168" y="1010"/>
                  </a:lnTo>
                  <a:lnTo>
                    <a:pt x="168" y="1008"/>
                  </a:lnTo>
                  <a:lnTo>
                    <a:pt x="168" y="1007"/>
                  </a:lnTo>
                  <a:lnTo>
                    <a:pt x="168" y="1005"/>
                  </a:lnTo>
                  <a:lnTo>
                    <a:pt x="166" y="1003"/>
                  </a:lnTo>
                  <a:lnTo>
                    <a:pt x="166" y="1001"/>
                  </a:lnTo>
                  <a:lnTo>
                    <a:pt x="166" y="999"/>
                  </a:lnTo>
                  <a:lnTo>
                    <a:pt x="164" y="999"/>
                  </a:lnTo>
                  <a:lnTo>
                    <a:pt x="164" y="997"/>
                  </a:lnTo>
                  <a:lnTo>
                    <a:pt x="159" y="988"/>
                  </a:lnTo>
                  <a:lnTo>
                    <a:pt x="159" y="986"/>
                  </a:lnTo>
                  <a:lnTo>
                    <a:pt x="151" y="981"/>
                  </a:lnTo>
                  <a:lnTo>
                    <a:pt x="144" y="975"/>
                  </a:lnTo>
                  <a:lnTo>
                    <a:pt x="133" y="964"/>
                  </a:lnTo>
                  <a:lnTo>
                    <a:pt x="124" y="957"/>
                  </a:lnTo>
                  <a:lnTo>
                    <a:pt x="114" y="951"/>
                  </a:lnTo>
                  <a:lnTo>
                    <a:pt x="109" y="947"/>
                  </a:lnTo>
                  <a:lnTo>
                    <a:pt x="107" y="947"/>
                  </a:lnTo>
                  <a:lnTo>
                    <a:pt x="100" y="942"/>
                  </a:lnTo>
                  <a:lnTo>
                    <a:pt x="87" y="934"/>
                  </a:lnTo>
                  <a:lnTo>
                    <a:pt x="61" y="921"/>
                  </a:lnTo>
                  <a:lnTo>
                    <a:pt x="59" y="918"/>
                  </a:lnTo>
                  <a:lnTo>
                    <a:pt x="57" y="916"/>
                  </a:lnTo>
                  <a:lnTo>
                    <a:pt x="55" y="910"/>
                  </a:lnTo>
                  <a:lnTo>
                    <a:pt x="53" y="910"/>
                  </a:lnTo>
                  <a:lnTo>
                    <a:pt x="52" y="908"/>
                  </a:lnTo>
                  <a:lnTo>
                    <a:pt x="52" y="907"/>
                  </a:lnTo>
                  <a:lnTo>
                    <a:pt x="52" y="905"/>
                  </a:lnTo>
                  <a:lnTo>
                    <a:pt x="52" y="903"/>
                  </a:lnTo>
                  <a:lnTo>
                    <a:pt x="52" y="901"/>
                  </a:lnTo>
                  <a:lnTo>
                    <a:pt x="50" y="899"/>
                  </a:lnTo>
                  <a:lnTo>
                    <a:pt x="48" y="896"/>
                  </a:lnTo>
                  <a:lnTo>
                    <a:pt x="48" y="894"/>
                  </a:lnTo>
                  <a:lnTo>
                    <a:pt x="48" y="892"/>
                  </a:lnTo>
                  <a:lnTo>
                    <a:pt x="48" y="890"/>
                  </a:lnTo>
                  <a:lnTo>
                    <a:pt x="48" y="888"/>
                  </a:lnTo>
                  <a:lnTo>
                    <a:pt x="48" y="886"/>
                  </a:lnTo>
                  <a:lnTo>
                    <a:pt x="48" y="884"/>
                  </a:lnTo>
                  <a:lnTo>
                    <a:pt x="48" y="881"/>
                  </a:lnTo>
                  <a:lnTo>
                    <a:pt x="48" y="879"/>
                  </a:lnTo>
                  <a:lnTo>
                    <a:pt x="48" y="877"/>
                  </a:lnTo>
                  <a:lnTo>
                    <a:pt x="48" y="875"/>
                  </a:lnTo>
                  <a:lnTo>
                    <a:pt x="50" y="873"/>
                  </a:lnTo>
                  <a:lnTo>
                    <a:pt x="50" y="872"/>
                  </a:lnTo>
                  <a:lnTo>
                    <a:pt x="50" y="870"/>
                  </a:lnTo>
                  <a:lnTo>
                    <a:pt x="50" y="868"/>
                  </a:lnTo>
                  <a:lnTo>
                    <a:pt x="50" y="866"/>
                  </a:lnTo>
                  <a:lnTo>
                    <a:pt x="48" y="866"/>
                  </a:lnTo>
                  <a:lnTo>
                    <a:pt x="44" y="862"/>
                  </a:lnTo>
                  <a:lnTo>
                    <a:pt x="42" y="857"/>
                  </a:lnTo>
                  <a:lnTo>
                    <a:pt x="39" y="855"/>
                  </a:lnTo>
                  <a:lnTo>
                    <a:pt x="37" y="855"/>
                  </a:lnTo>
                  <a:lnTo>
                    <a:pt x="33" y="853"/>
                  </a:lnTo>
                  <a:lnTo>
                    <a:pt x="33" y="844"/>
                  </a:lnTo>
                  <a:lnTo>
                    <a:pt x="33" y="840"/>
                  </a:lnTo>
                  <a:lnTo>
                    <a:pt x="33" y="838"/>
                  </a:lnTo>
                  <a:lnTo>
                    <a:pt x="33" y="836"/>
                  </a:lnTo>
                  <a:lnTo>
                    <a:pt x="33" y="835"/>
                  </a:lnTo>
                  <a:lnTo>
                    <a:pt x="31" y="833"/>
                  </a:lnTo>
                  <a:lnTo>
                    <a:pt x="31" y="827"/>
                  </a:lnTo>
                  <a:lnTo>
                    <a:pt x="33" y="825"/>
                  </a:lnTo>
                  <a:lnTo>
                    <a:pt x="35" y="823"/>
                  </a:lnTo>
                  <a:lnTo>
                    <a:pt x="37" y="823"/>
                  </a:lnTo>
                  <a:lnTo>
                    <a:pt x="39" y="822"/>
                  </a:lnTo>
                  <a:lnTo>
                    <a:pt x="40" y="822"/>
                  </a:lnTo>
                  <a:lnTo>
                    <a:pt x="42" y="822"/>
                  </a:lnTo>
                  <a:lnTo>
                    <a:pt x="44" y="822"/>
                  </a:lnTo>
                  <a:lnTo>
                    <a:pt x="46" y="822"/>
                  </a:lnTo>
                  <a:lnTo>
                    <a:pt x="48" y="822"/>
                  </a:lnTo>
                  <a:lnTo>
                    <a:pt x="48" y="820"/>
                  </a:lnTo>
                  <a:lnTo>
                    <a:pt x="50" y="820"/>
                  </a:lnTo>
                  <a:lnTo>
                    <a:pt x="50" y="818"/>
                  </a:lnTo>
                  <a:lnTo>
                    <a:pt x="50" y="816"/>
                  </a:lnTo>
                  <a:lnTo>
                    <a:pt x="52" y="816"/>
                  </a:lnTo>
                  <a:lnTo>
                    <a:pt x="53" y="816"/>
                  </a:lnTo>
                  <a:lnTo>
                    <a:pt x="55" y="816"/>
                  </a:lnTo>
                  <a:lnTo>
                    <a:pt x="55" y="814"/>
                  </a:lnTo>
                  <a:lnTo>
                    <a:pt x="55" y="812"/>
                  </a:lnTo>
                  <a:lnTo>
                    <a:pt x="53" y="812"/>
                  </a:lnTo>
                  <a:lnTo>
                    <a:pt x="55" y="810"/>
                  </a:lnTo>
                  <a:lnTo>
                    <a:pt x="55" y="809"/>
                  </a:lnTo>
                  <a:lnTo>
                    <a:pt x="55" y="807"/>
                  </a:lnTo>
                  <a:lnTo>
                    <a:pt x="57" y="805"/>
                  </a:lnTo>
                  <a:lnTo>
                    <a:pt x="57" y="803"/>
                  </a:lnTo>
                  <a:lnTo>
                    <a:pt x="59" y="803"/>
                  </a:lnTo>
                  <a:lnTo>
                    <a:pt x="59" y="801"/>
                  </a:lnTo>
                  <a:lnTo>
                    <a:pt x="59" y="799"/>
                  </a:lnTo>
                  <a:lnTo>
                    <a:pt x="61" y="799"/>
                  </a:lnTo>
                  <a:lnTo>
                    <a:pt x="61" y="798"/>
                  </a:lnTo>
                  <a:lnTo>
                    <a:pt x="63" y="798"/>
                  </a:lnTo>
                  <a:lnTo>
                    <a:pt x="63" y="796"/>
                  </a:lnTo>
                  <a:lnTo>
                    <a:pt x="65" y="796"/>
                  </a:lnTo>
                  <a:lnTo>
                    <a:pt x="66" y="796"/>
                  </a:lnTo>
                  <a:lnTo>
                    <a:pt x="66" y="794"/>
                  </a:lnTo>
                  <a:lnTo>
                    <a:pt x="65" y="794"/>
                  </a:lnTo>
                  <a:lnTo>
                    <a:pt x="65" y="792"/>
                  </a:lnTo>
                  <a:lnTo>
                    <a:pt x="65" y="790"/>
                  </a:lnTo>
                  <a:lnTo>
                    <a:pt x="66" y="790"/>
                  </a:lnTo>
                  <a:lnTo>
                    <a:pt x="66" y="788"/>
                  </a:lnTo>
                  <a:lnTo>
                    <a:pt x="68" y="786"/>
                  </a:lnTo>
                  <a:lnTo>
                    <a:pt x="68" y="785"/>
                  </a:lnTo>
                  <a:lnTo>
                    <a:pt x="68" y="783"/>
                  </a:lnTo>
                  <a:lnTo>
                    <a:pt x="68" y="781"/>
                  </a:lnTo>
                  <a:lnTo>
                    <a:pt x="68" y="779"/>
                  </a:lnTo>
                  <a:lnTo>
                    <a:pt x="66" y="779"/>
                  </a:lnTo>
                  <a:lnTo>
                    <a:pt x="66" y="777"/>
                  </a:lnTo>
                  <a:lnTo>
                    <a:pt x="66" y="775"/>
                  </a:lnTo>
                  <a:lnTo>
                    <a:pt x="65" y="773"/>
                  </a:lnTo>
                  <a:lnTo>
                    <a:pt x="65" y="772"/>
                  </a:lnTo>
                  <a:lnTo>
                    <a:pt x="63" y="772"/>
                  </a:lnTo>
                  <a:lnTo>
                    <a:pt x="61" y="772"/>
                  </a:lnTo>
                  <a:lnTo>
                    <a:pt x="59" y="772"/>
                  </a:lnTo>
                  <a:lnTo>
                    <a:pt x="57" y="772"/>
                  </a:lnTo>
                  <a:lnTo>
                    <a:pt x="55" y="770"/>
                  </a:lnTo>
                  <a:lnTo>
                    <a:pt x="55" y="768"/>
                  </a:lnTo>
                  <a:lnTo>
                    <a:pt x="53" y="768"/>
                  </a:lnTo>
                  <a:lnTo>
                    <a:pt x="52" y="766"/>
                  </a:lnTo>
                  <a:lnTo>
                    <a:pt x="50" y="764"/>
                  </a:lnTo>
                  <a:lnTo>
                    <a:pt x="48" y="764"/>
                  </a:lnTo>
                  <a:lnTo>
                    <a:pt x="46" y="764"/>
                  </a:lnTo>
                  <a:lnTo>
                    <a:pt x="46" y="762"/>
                  </a:lnTo>
                  <a:lnTo>
                    <a:pt x="48" y="762"/>
                  </a:lnTo>
                  <a:lnTo>
                    <a:pt x="48" y="761"/>
                  </a:lnTo>
                  <a:lnTo>
                    <a:pt x="48" y="759"/>
                  </a:lnTo>
                  <a:lnTo>
                    <a:pt x="50" y="759"/>
                  </a:lnTo>
                  <a:lnTo>
                    <a:pt x="50" y="757"/>
                  </a:lnTo>
                  <a:lnTo>
                    <a:pt x="50" y="755"/>
                  </a:lnTo>
                  <a:lnTo>
                    <a:pt x="50" y="753"/>
                  </a:lnTo>
                  <a:lnTo>
                    <a:pt x="52" y="751"/>
                  </a:lnTo>
                  <a:lnTo>
                    <a:pt x="52" y="749"/>
                  </a:lnTo>
                  <a:lnTo>
                    <a:pt x="52" y="748"/>
                  </a:lnTo>
                  <a:lnTo>
                    <a:pt x="53" y="748"/>
                  </a:lnTo>
                  <a:lnTo>
                    <a:pt x="53" y="746"/>
                  </a:lnTo>
                  <a:lnTo>
                    <a:pt x="53" y="744"/>
                  </a:lnTo>
                  <a:lnTo>
                    <a:pt x="55" y="744"/>
                  </a:lnTo>
                  <a:lnTo>
                    <a:pt x="55" y="742"/>
                  </a:lnTo>
                  <a:lnTo>
                    <a:pt x="57" y="742"/>
                  </a:lnTo>
                  <a:lnTo>
                    <a:pt x="57" y="740"/>
                  </a:lnTo>
                  <a:lnTo>
                    <a:pt x="59" y="740"/>
                  </a:lnTo>
                  <a:lnTo>
                    <a:pt x="59" y="738"/>
                  </a:lnTo>
                  <a:lnTo>
                    <a:pt x="61" y="738"/>
                  </a:lnTo>
                  <a:lnTo>
                    <a:pt x="63" y="738"/>
                  </a:lnTo>
                  <a:lnTo>
                    <a:pt x="63" y="736"/>
                  </a:lnTo>
                  <a:lnTo>
                    <a:pt x="65" y="736"/>
                  </a:lnTo>
                  <a:lnTo>
                    <a:pt x="66" y="736"/>
                  </a:lnTo>
                  <a:lnTo>
                    <a:pt x="66" y="735"/>
                  </a:lnTo>
                  <a:lnTo>
                    <a:pt x="68" y="735"/>
                  </a:lnTo>
                  <a:lnTo>
                    <a:pt x="70" y="735"/>
                  </a:lnTo>
                  <a:lnTo>
                    <a:pt x="70" y="733"/>
                  </a:lnTo>
                  <a:lnTo>
                    <a:pt x="72" y="733"/>
                  </a:lnTo>
                  <a:lnTo>
                    <a:pt x="74" y="733"/>
                  </a:lnTo>
                  <a:lnTo>
                    <a:pt x="74" y="731"/>
                  </a:lnTo>
                  <a:lnTo>
                    <a:pt x="76" y="731"/>
                  </a:lnTo>
                  <a:lnTo>
                    <a:pt x="77" y="731"/>
                  </a:lnTo>
                  <a:lnTo>
                    <a:pt x="77" y="729"/>
                  </a:lnTo>
                  <a:lnTo>
                    <a:pt x="79" y="729"/>
                  </a:lnTo>
                  <a:lnTo>
                    <a:pt x="81" y="729"/>
                  </a:lnTo>
                  <a:lnTo>
                    <a:pt x="83" y="727"/>
                  </a:lnTo>
                  <a:lnTo>
                    <a:pt x="85" y="725"/>
                  </a:lnTo>
                  <a:lnTo>
                    <a:pt x="87" y="725"/>
                  </a:lnTo>
                  <a:lnTo>
                    <a:pt x="87" y="724"/>
                  </a:lnTo>
                  <a:lnTo>
                    <a:pt x="89" y="724"/>
                  </a:lnTo>
                  <a:lnTo>
                    <a:pt x="90" y="724"/>
                  </a:lnTo>
                  <a:lnTo>
                    <a:pt x="92" y="724"/>
                  </a:lnTo>
                  <a:lnTo>
                    <a:pt x="94" y="724"/>
                  </a:lnTo>
                  <a:lnTo>
                    <a:pt x="96" y="724"/>
                  </a:lnTo>
                  <a:lnTo>
                    <a:pt x="96" y="725"/>
                  </a:lnTo>
                  <a:lnTo>
                    <a:pt x="98" y="725"/>
                  </a:lnTo>
                  <a:lnTo>
                    <a:pt x="98" y="727"/>
                  </a:lnTo>
                  <a:lnTo>
                    <a:pt x="100" y="727"/>
                  </a:lnTo>
                  <a:lnTo>
                    <a:pt x="101" y="727"/>
                  </a:lnTo>
                  <a:lnTo>
                    <a:pt x="103" y="727"/>
                  </a:lnTo>
                  <a:lnTo>
                    <a:pt x="105" y="727"/>
                  </a:lnTo>
                  <a:lnTo>
                    <a:pt x="107" y="727"/>
                  </a:lnTo>
                  <a:lnTo>
                    <a:pt x="109" y="727"/>
                  </a:lnTo>
                  <a:lnTo>
                    <a:pt x="111" y="725"/>
                  </a:lnTo>
                  <a:lnTo>
                    <a:pt x="113" y="724"/>
                  </a:lnTo>
                  <a:lnTo>
                    <a:pt x="114" y="722"/>
                  </a:lnTo>
                  <a:lnTo>
                    <a:pt x="116" y="716"/>
                  </a:lnTo>
                  <a:lnTo>
                    <a:pt x="116" y="714"/>
                  </a:lnTo>
                  <a:lnTo>
                    <a:pt x="118" y="714"/>
                  </a:lnTo>
                  <a:lnTo>
                    <a:pt x="118" y="712"/>
                  </a:lnTo>
                  <a:lnTo>
                    <a:pt x="118" y="711"/>
                  </a:lnTo>
                  <a:lnTo>
                    <a:pt x="120" y="711"/>
                  </a:lnTo>
                  <a:lnTo>
                    <a:pt x="120" y="709"/>
                  </a:lnTo>
                  <a:lnTo>
                    <a:pt x="122" y="709"/>
                  </a:lnTo>
                  <a:lnTo>
                    <a:pt x="122" y="707"/>
                  </a:lnTo>
                  <a:lnTo>
                    <a:pt x="122" y="705"/>
                  </a:lnTo>
                  <a:lnTo>
                    <a:pt x="122" y="703"/>
                  </a:lnTo>
                  <a:lnTo>
                    <a:pt x="122" y="701"/>
                  </a:lnTo>
                  <a:lnTo>
                    <a:pt x="120" y="701"/>
                  </a:lnTo>
                  <a:lnTo>
                    <a:pt x="122" y="701"/>
                  </a:lnTo>
                  <a:lnTo>
                    <a:pt x="122" y="699"/>
                  </a:lnTo>
                  <a:lnTo>
                    <a:pt x="122" y="698"/>
                  </a:lnTo>
                  <a:lnTo>
                    <a:pt x="124" y="698"/>
                  </a:lnTo>
                  <a:lnTo>
                    <a:pt x="126" y="698"/>
                  </a:lnTo>
                  <a:lnTo>
                    <a:pt x="127" y="696"/>
                  </a:lnTo>
                  <a:lnTo>
                    <a:pt x="131" y="696"/>
                  </a:lnTo>
                  <a:lnTo>
                    <a:pt x="133" y="696"/>
                  </a:lnTo>
                  <a:lnTo>
                    <a:pt x="133" y="694"/>
                  </a:lnTo>
                  <a:lnTo>
                    <a:pt x="135" y="694"/>
                  </a:lnTo>
                  <a:lnTo>
                    <a:pt x="135" y="692"/>
                  </a:lnTo>
                  <a:lnTo>
                    <a:pt x="137" y="690"/>
                  </a:lnTo>
                  <a:lnTo>
                    <a:pt x="137" y="688"/>
                  </a:lnTo>
                  <a:lnTo>
                    <a:pt x="137" y="687"/>
                  </a:lnTo>
                  <a:lnTo>
                    <a:pt x="137" y="685"/>
                  </a:lnTo>
                  <a:lnTo>
                    <a:pt x="137" y="683"/>
                  </a:lnTo>
                  <a:lnTo>
                    <a:pt x="137" y="681"/>
                  </a:lnTo>
                  <a:lnTo>
                    <a:pt x="135" y="681"/>
                  </a:lnTo>
                  <a:lnTo>
                    <a:pt x="135" y="679"/>
                  </a:lnTo>
                  <a:lnTo>
                    <a:pt x="137" y="679"/>
                  </a:lnTo>
                  <a:lnTo>
                    <a:pt x="137" y="677"/>
                  </a:lnTo>
                  <a:lnTo>
                    <a:pt x="137" y="675"/>
                  </a:lnTo>
                  <a:lnTo>
                    <a:pt x="137" y="674"/>
                  </a:lnTo>
                  <a:lnTo>
                    <a:pt x="137" y="672"/>
                  </a:lnTo>
                  <a:lnTo>
                    <a:pt x="135" y="672"/>
                  </a:lnTo>
                  <a:lnTo>
                    <a:pt x="135" y="670"/>
                  </a:lnTo>
                  <a:lnTo>
                    <a:pt x="137" y="670"/>
                  </a:lnTo>
                  <a:lnTo>
                    <a:pt x="137" y="668"/>
                  </a:lnTo>
                  <a:lnTo>
                    <a:pt x="138" y="664"/>
                  </a:lnTo>
                  <a:lnTo>
                    <a:pt x="140" y="664"/>
                  </a:lnTo>
                  <a:lnTo>
                    <a:pt x="142" y="662"/>
                  </a:lnTo>
                  <a:lnTo>
                    <a:pt x="144" y="662"/>
                  </a:lnTo>
                  <a:lnTo>
                    <a:pt x="146" y="661"/>
                  </a:lnTo>
                  <a:lnTo>
                    <a:pt x="148" y="662"/>
                  </a:lnTo>
                  <a:lnTo>
                    <a:pt x="148" y="661"/>
                  </a:lnTo>
                  <a:lnTo>
                    <a:pt x="150" y="659"/>
                  </a:lnTo>
                  <a:lnTo>
                    <a:pt x="151" y="659"/>
                  </a:lnTo>
                  <a:lnTo>
                    <a:pt x="153" y="657"/>
                  </a:lnTo>
                  <a:lnTo>
                    <a:pt x="153" y="655"/>
                  </a:lnTo>
                  <a:lnTo>
                    <a:pt x="155" y="655"/>
                  </a:lnTo>
                  <a:lnTo>
                    <a:pt x="155" y="653"/>
                  </a:lnTo>
                  <a:lnTo>
                    <a:pt x="155" y="651"/>
                  </a:lnTo>
                  <a:lnTo>
                    <a:pt x="153" y="651"/>
                  </a:lnTo>
                  <a:lnTo>
                    <a:pt x="153" y="650"/>
                  </a:lnTo>
                  <a:lnTo>
                    <a:pt x="153" y="648"/>
                  </a:lnTo>
                  <a:lnTo>
                    <a:pt x="153" y="646"/>
                  </a:lnTo>
                  <a:lnTo>
                    <a:pt x="153" y="644"/>
                  </a:lnTo>
                  <a:lnTo>
                    <a:pt x="153" y="642"/>
                  </a:lnTo>
                  <a:lnTo>
                    <a:pt x="153" y="640"/>
                  </a:lnTo>
                  <a:lnTo>
                    <a:pt x="153" y="638"/>
                  </a:lnTo>
                  <a:lnTo>
                    <a:pt x="153" y="637"/>
                  </a:lnTo>
                  <a:lnTo>
                    <a:pt x="153" y="635"/>
                  </a:lnTo>
                  <a:lnTo>
                    <a:pt x="155" y="635"/>
                  </a:lnTo>
                  <a:lnTo>
                    <a:pt x="155" y="633"/>
                  </a:lnTo>
                  <a:lnTo>
                    <a:pt x="157" y="633"/>
                  </a:lnTo>
                  <a:lnTo>
                    <a:pt x="157" y="631"/>
                  </a:lnTo>
                  <a:lnTo>
                    <a:pt x="159" y="631"/>
                  </a:lnTo>
                  <a:lnTo>
                    <a:pt x="161" y="631"/>
                  </a:lnTo>
                  <a:lnTo>
                    <a:pt x="162" y="631"/>
                  </a:lnTo>
                  <a:lnTo>
                    <a:pt x="162" y="629"/>
                  </a:lnTo>
                  <a:lnTo>
                    <a:pt x="164" y="629"/>
                  </a:lnTo>
                  <a:lnTo>
                    <a:pt x="164" y="627"/>
                  </a:lnTo>
                  <a:lnTo>
                    <a:pt x="164" y="625"/>
                  </a:lnTo>
                  <a:lnTo>
                    <a:pt x="164" y="624"/>
                  </a:lnTo>
                  <a:lnTo>
                    <a:pt x="162" y="624"/>
                  </a:lnTo>
                  <a:lnTo>
                    <a:pt x="162" y="622"/>
                  </a:lnTo>
                  <a:lnTo>
                    <a:pt x="162" y="620"/>
                  </a:lnTo>
                  <a:lnTo>
                    <a:pt x="161" y="620"/>
                  </a:lnTo>
                  <a:lnTo>
                    <a:pt x="161" y="616"/>
                  </a:lnTo>
                  <a:lnTo>
                    <a:pt x="161" y="614"/>
                  </a:lnTo>
                  <a:lnTo>
                    <a:pt x="161" y="611"/>
                  </a:lnTo>
                  <a:lnTo>
                    <a:pt x="159" y="611"/>
                  </a:lnTo>
                  <a:lnTo>
                    <a:pt x="159" y="609"/>
                  </a:lnTo>
                  <a:lnTo>
                    <a:pt x="159" y="607"/>
                  </a:lnTo>
                  <a:lnTo>
                    <a:pt x="159" y="605"/>
                  </a:lnTo>
                  <a:lnTo>
                    <a:pt x="159" y="603"/>
                  </a:lnTo>
                  <a:lnTo>
                    <a:pt x="159" y="601"/>
                  </a:lnTo>
                  <a:lnTo>
                    <a:pt x="161" y="600"/>
                  </a:lnTo>
                  <a:lnTo>
                    <a:pt x="162" y="598"/>
                  </a:lnTo>
                  <a:lnTo>
                    <a:pt x="164" y="596"/>
                  </a:lnTo>
                  <a:lnTo>
                    <a:pt x="164" y="592"/>
                  </a:lnTo>
                  <a:lnTo>
                    <a:pt x="164" y="590"/>
                  </a:lnTo>
                  <a:lnTo>
                    <a:pt x="164" y="588"/>
                  </a:lnTo>
                  <a:lnTo>
                    <a:pt x="166" y="588"/>
                  </a:lnTo>
                  <a:lnTo>
                    <a:pt x="166" y="587"/>
                  </a:lnTo>
                  <a:lnTo>
                    <a:pt x="166" y="585"/>
                  </a:lnTo>
                  <a:lnTo>
                    <a:pt x="168" y="585"/>
                  </a:lnTo>
                  <a:lnTo>
                    <a:pt x="168" y="583"/>
                  </a:lnTo>
                  <a:lnTo>
                    <a:pt x="170" y="583"/>
                  </a:lnTo>
                  <a:lnTo>
                    <a:pt x="168" y="581"/>
                  </a:lnTo>
                  <a:lnTo>
                    <a:pt x="166" y="579"/>
                  </a:lnTo>
                  <a:lnTo>
                    <a:pt x="164" y="577"/>
                  </a:lnTo>
                  <a:lnTo>
                    <a:pt x="162" y="577"/>
                  </a:lnTo>
                  <a:lnTo>
                    <a:pt x="161" y="576"/>
                  </a:lnTo>
                  <a:lnTo>
                    <a:pt x="161" y="577"/>
                  </a:lnTo>
                  <a:lnTo>
                    <a:pt x="159" y="577"/>
                  </a:lnTo>
                  <a:lnTo>
                    <a:pt x="157" y="577"/>
                  </a:lnTo>
                  <a:lnTo>
                    <a:pt x="155" y="579"/>
                  </a:lnTo>
                  <a:lnTo>
                    <a:pt x="153" y="579"/>
                  </a:lnTo>
                  <a:lnTo>
                    <a:pt x="151" y="579"/>
                  </a:lnTo>
                  <a:lnTo>
                    <a:pt x="150" y="579"/>
                  </a:lnTo>
                  <a:lnTo>
                    <a:pt x="148" y="577"/>
                  </a:lnTo>
                  <a:lnTo>
                    <a:pt x="148" y="579"/>
                  </a:lnTo>
                  <a:lnTo>
                    <a:pt x="146" y="581"/>
                  </a:lnTo>
                  <a:lnTo>
                    <a:pt x="144" y="581"/>
                  </a:lnTo>
                  <a:lnTo>
                    <a:pt x="142" y="581"/>
                  </a:lnTo>
                  <a:lnTo>
                    <a:pt x="140" y="581"/>
                  </a:lnTo>
                  <a:lnTo>
                    <a:pt x="138" y="581"/>
                  </a:lnTo>
                  <a:lnTo>
                    <a:pt x="137" y="581"/>
                  </a:lnTo>
                  <a:lnTo>
                    <a:pt x="135" y="581"/>
                  </a:lnTo>
                  <a:lnTo>
                    <a:pt x="135" y="579"/>
                  </a:lnTo>
                  <a:lnTo>
                    <a:pt x="135" y="581"/>
                  </a:lnTo>
                  <a:lnTo>
                    <a:pt x="135" y="579"/>
                  </a:lnTo>
                  <a:lnTo>
                    <a:pt x="133" y="579"/>
                  </a:lnTo>
                  <a:lnTo>
                    <a:pt x="131" y="579"/>
                  </a:lnTo>
                  <a:lnTo>
                    <a:pt x="131" y="577"/>
                  </a:lnTo>
                  <a:lnTo>
                    <a:pt x="129" y="577"/>
                  </a:lnTo>
                  <a:lnTo>
                    <a:pt x="129" y="576"/>
                  </a:lnTo>
                  <a:lnTo>
                    <a:pt x="127" y="574"/>
                  </a:lnTo>
                  <a:lnTo>
                    <a:pt x="127" y="572"/>
                  </a:lnTo>
                  <a:lnTo>
                    <a:pt x="127" y="570"/>
                  </a:lnTo>
                  <a:lnTo>
                    <a:pt x="126" y="568"/>
                  </a:lnTo>
                  <a:lnTo>
                    <a:pt x="124" y="568"/>
                  </a:lnTo>
                  <a:lnTo>
                    <a:pt x="122" y="568"/>
                  </a:lnTo>
                  <a:lnTo>
                    <a:pt x="118" y="570"/>
                  </a:lnTo>
                  <a:lnTo>
                    <a:pt x="116" y="570"/>
                  </a:lnTo>
                  <a:lnTo>
                    <a:pt x="114" y="572"/>
                  </a:lnTo>
                  <a:lnTo>
                    <a:pt x="109" y="572"/>
                  </a:lnTo>
                  <a:lnTo>
                    <a:pt x="109" y="574"/>
                  </a:lnTo>
                  <a:lnTo>
                    <a:pt x="107" y="574"/>
                  </a:lnTo>
                  <a:lnTo>
                    <a:pt x="105" y="574"/>
                  </a:lnTo>
                  <a:lnTo>
                    <a:pt x="103" y="574"/>
                  </a:lnTo>
                  <a:lnTo>
                    <a:pt x="103" y="576"/>
                  </a:lnTo>
                  <a:lnTo>
                    <a:pt x="101" y="576"/>
                  </a:lnTo>
                  <a:lnTo>
                    <a:pt x="100" y="576"/>
                  </a:lnTo>
                  <a:lnTo>
                    <a:pt x="98" y="576"/>
                  </a:lnTo>
                  <a:lnTo>
                    <a:pt x="96" y="577"/>
                  </a:lnTo>
                  <a:lnTo>
                    <a:pt x="94" y="577"/>
                  </a:lnTo>
                  <a:lnTo>
                    <a:pt x="92" y="576"/>
                  </a:lnTo>
                  <a:lnTo>
                    <a:pt x="90" y="574"/>
                  </a:lnTo>
                  <a:lnTo>
                    <a:pt x="90" y="572"/>
                  </a:lnTo>
                  <a:lnTo>
                    <a:pt x="89" y="570"/>
                  </a:lnTo>
                  <a:lnTo>
                    <a:pt x="89" y="568"/>
                  </a:lnTo>
                  <a:lnTo>
                    <a:pt x="89" y="566"/>
                  </a:lnTo>
                  <a:lnTo>
                    <a:pt x="87" y="564"/>
                  </a:lnTo>
                  <a:lnTo>
                    <a:pt x="87" y="563"/>
                  </a:lnTo>
                  <a:lnTo>
                    <a:pt x="87" y="561"/>
                  </a:lnTo>
                  <a:lnTo>
                    <a:pt x="89" y="561"/>
                  </a:lnTo>
                  <a:lnTo>
                    <a:pt x="90" y="559"/>
                  </a:lnTo>
                  <a:lnTo>
                    <a:pt x="90" y="557"/>
                  </a:lnTo>
                  <a:lnTo>
                    <a:pt x="90" y="555"/>
                  </a:lnTo>
                  <a:lnTo>
                    <a:pt x="92" y="555"/>
                  </a:lnTo>
                  <a:lnTo>
                    <a:pt x="92" y="553"/>
                  </a:lnTo>
                  <a:lnTo>
                    <a:pt x="90" y="553"/>
                  </a:lnTo>
                  <a:lnTo>
                    <a:pt x="90" y="552"/>
                  </a:lnTo>
                  <a:lnTo>
                    <a:pt x="89" y="552"/>
                  </a:lnTo>
                  <a:lnTo>
                    <a:pt x="89" y="550"/>
                  </a:lnTo>
                  <a:lnTo>
                    <a:pt x="89" y="548"/>
                  </a:lnTo>
                  <a:lnTo>
                    <a:pt x="87" y="548"/>
                  </a:lnTo>
                  <a:lnTo>
                    <a:pt x="87" y="546"/>
                  </a:lnTo>
                  <a:lnTo>
                    <a:pt x="85" y="546"/>
                  </a:lnTo>
                  <a:lnTo>
                    <a:pt x="83" y="546"/>
                  </a:lnTo>
                  <a:lnTo>
                    <a:pt x="83" y="544"/>
                  </a:lnTo>
                  <a:lnTo>
                    <a:pt x="83" y="542"/>
                  </a:lnTo>
                  <a:lnTo>
                    <a:pt x="81" y="540"/>
                  </a:lnTo>
                  <a:lnTo>
                    <a:pt x="81" y="539"/>
                  </a:lnTo>
                  <a:lnTo>
                    <a:pt x="81" y="537"/>
                  </a:lnTo>
                  <a:lnTo>
                    <a:pt x="81" y="535"/>
                  </a:lnTo>
                  <a:lnTo>
                    <a:pt x="83" y="535"/>
                  </a:lnTo>
                  <a:lnTo>
                    <a:pt x="83" y="533"/>
                  </a:lnTo>
                  <a:lnTo>
                    <a:pt x="81" y="533"/>
                  </a:lnTo>
                  <a:lnTo>
                    <a:pt x="81" y="531"/>
                  </a:lnTo>
                  <a:lnTo>
                    <a:pt x="81" y="529"/>
                  </a:lnTo>
                  <a:lnTo>
                    <a:pt x="79" y="529"/>
                  </a:lnTo>
                  <a:lnTo>
                    <a:pt x="79" y="527"/>
                  </a:lnTo>
                  <a:lnTo>
                    <a:pt x="77" y="527"/>
                  </a:lnTo>
                  <a:lnTo>
                    <a:pt x="76" y="527"/>
                  </a:lnTo>
                  <a:lnTo>
                    <a:pt x="74" y="527"/>
                  </a:lnTo>
                  <a:lnTo>
                    <a:pt x="74" y="526"/>
                  </a:lnTo>
                  <a:lnTo>
                    <a:pt x="72" y="526"/>
                  </a:lnTo>
                  <a:lnTo>
                    <a:pt x="72" y="524"/>
                  </a:lnTo>
                  <a:lnTo>
                    <a:pt x="70" y="524"/>
                  </a:lnTo>
                  <a:lnTo>
                    <a:pt x="68" y="522"/>
                  </a:lnTo>
                  <a:lnTo>
                    <a:pt x="68" y="520"/>
                  </a:lnTo>
                  <a:lnTo>
                    <a:pt x="68" y="518"/>
                  </a:lnTo>
                  <a:lnTo>
                    <a:pt x="66" y="518"/>
                  </a:lnTo>
                  <a:lnTo>
                    <a:pt x="68" y="516"/>
                  </a:lnTo>
                  <a:lnTo>
                    <a:pt x="68" y="515"/>
                  </a:lnTo>
                  <a:lnTo>
                    <a:pt x="68" y="513"/>
                  </a:lnTo>
                  <a:lnTo>
                    <a:pt x="66" y="511"/>
                  </a:lnTo>
                  <a:lnTo>
                    <a:pt x="66" y="509"/>
                  </a:lnTo>
                  <a:lnTo>
                    <a:pt x="65" y="509"/>
                  </a:lnTo>
                  <a:lnTo>
                    <a:pt x="65" y="507"/>
                  </a:lnTo>
                  <a:lnTo>
                    <a:pt x="63" y="507"/>
                  </a:lnTo>
                  <a:lnTo>
                    <a:pt x="61" y="507"/>
                  </a:lnTo>
                  <a:lnTo>
                    <a:pt x="59" y="507"/>
                  </a:lnTo>
                  <a:lnTo>
                    <a:pt x="57" y="507"/>
                  </a:lnTo>
                  <a:lnTo>
                    <a:pt x="55" y="507"/>
                  </a:lnTo>
                  <a:lnTo>
                    <a:pt x="55" y="505"/>
                  </a:lnTo>
                  <a:lnTo>
                    <a:pt x="55" y="503"/>
                  </a:lnTo>
                  <a:lnTo>
                    <a:pt x="53" y="503"/>
                  </a:lnTo>
                  <a:lnTo>
                    <a:pt x="53" y="502"/>
                  </a:lnTo>
                  <a:lnTo>
                    <a:pt x="53" y="500"/>
                  </a:lnTo>
                  <a:lnTo>
                    <a:pt x="52" y="500"/>
                  </a:lnTo>
                  <a:lnTo>
                    <a:pt x="50" y="498"/>
                  </a:lnTo>
                  <a:lnTo>
                    <a:pt x="48" y="496"/>
                  </a:lnTo>
                  <a:lnTo>
                    <a:pt x="48" y="494"/>
                  </a:lnTo>
                  <a:lnTo>
                    <a:pt x="46" y="494"/>
                  </a:lnTo>
                  <a:lnTo>
                    <a:pt x="46" y="492"/>
                  </a:lnTo>
                  <a:lnTo>
                    <a:pt x="46" y="490"/>
                  </a:lnTo>
                  <a:lnTo>
                    <a:pt x="46" y="489"/>
                  </a:lnTo>
                  <a:lnTo>
                    <a:pt x="44" y="489"/>
                  </a:lnTo>
                  <a:lnTo>
                    <a:pt x="44" y="487"/>
                  </a:lnTo>
                  <a:lnTo>
                    <a:pt x="46" y="487"/>
                  </a:lnTo>
                  <a:lnTo>
                    <a:pt x="46" y="485"/>
                  </a:lnTo>
                  <a:lnTo>
                    <a:pt x="44" y="483"/>
                  </a:lnTo>
                  <a:lnTo>
                    <a:pt x="46" y="483"/>
                  </a:lnTo>
                  <a:lnTo>
                    <a:pt x="44" y="481"/>
                  </a:lnTo>
                  <a:lnTo>
                    <a:pt x="42" y="481"/>
                  </a:lnTo>
                  <a:lnTo>
                    <a:pt x="44" y="479"/>
                  </a:lnTo>
                  <a:lnTo>
                    <a:pt x="44" y="478"/>
                  </a:lnTo>
                  <a:lnTo>
                    <a:pt x="44" y="476"/>
                  </a:lnTo>
                  <a:lnTo>
                    <a:pt x="46" y="476"/>
                  </a:lnTo>
                  <a:lnTo>
                    <a:pt x="46" y="474"/>
                  </a:lnTo>
                  <a:lnTo>
                    <a:pt x="48" y="474"/>
                  </a:lnTo>
                  <a:lnTo>
                    <a:pt x="48" y="472"/>
                  </a:lnTo>
                  <a:lnTo>
                    <a:pt x="48" y="470"/>
                  </a:lnTo>
                  <a:lnTo>
                    <a:pt x="50" y="470"/>
                  </a:lnTo>
                  <a:lnTo>
                    <a:pt x="50" y="468"/>
                  </a:lnTo>
                  <a:lnTo>
                    <a:pt x="52" y="468"/>
                  </a:lnTo>
                  <a:lnTo>
                    <a:pt x="52" y="466"/>
                  </a:lnTo>
                  <a:lnTo>
                    <a:pt x="53" y="466"/>
                  </a:lnTo>
                  <a:lnTo>
                    <a:pt x="53" y="465"/>
                  </a:lnTo>
                  <a:lnTo>
                    <a:pt x="53" y="463"/>
                  </a:lnTo>
                  <a:lnTo>
                    <a:pt x="52" y="463"/>
                  </a:lnTo>
                  <a:lnTo>
                    <a:pt x="50" y="463"/>
                  </a:lnTo>
                  <a:lnTo>
                    <a:pt x="50" y="461"/>
                  </a:lnTo>
                  <a:lnTo>
                    <a:pt x="52" y="461"/>
                  </a:lnTo>
                  <a:lnTo>
                    <a:pt x="52" y="459"/>
                  </a:lnTo>
                  <a:lnTo>
                    <a:pt x="52" y="457"/>
                  </a:lnTo>
                  <a:lnTo>
                    <a:pt x="53" y="457"/>
                  </a:lnTo>
                  <a:lnTo>
                    <a:pt x="53" y="453"/>
                  </a:lnTo>
                  <a:lnTo>
                    <a:pt x="55" y="452"/>
                  </a:lnTo>
                  <a:lnTo>
                    <a:pt x="57" y="446"/>
                  </a:lnTo>
                  <a:lnTo>
                    <a:pt x="59" y="444"/>
                  </a:lnTo>
                  <a:lnTo>
                    <a:pt x="59" y="442"/>
                  </a:lnTo>
                  <a:lnTo>
                    <a:pt x="57" y="442"/>
                  </a:lnTo>
                  <a:lnTo>
                    <a:pt x="57" y="441"/>
                  </a:lnTo>
                  <a:lnTo>
                    <a:pt x="59" y="441"/>
                  </a:lnTo>
                  <a:lnTo>
                    <a:pt x="59" y="439"/>
                  </a:lnTo>
                  <a:lnTo>
                    <a:pt x="59" y="437"/>
                  </a:lnTo>
                  <a:lnTo>
                    <a:pt x="59" y="435"/>
                  </a:lnTo>
                  <a:lnTo>
                    <a:pt x="61" y="431"/>
                  </a:lnTo>
                  <a:lnTo>
                    <a:pt x="61" y="429"/>
                  </a:lnTo>
                  <a:lnTo>
                    <a:pt x="59" y="428"/>
                  </a:lnTo>
                  <a:lnTo>
                    <a:pt x="57" y="428"/>
                  </a:lnTo>
                  <a:lnTo>
                    <a:pt x="59" y="428"/>
                  </a:lnTo>
                  <a:lnTo>
                    <a:pt x="61" y="428"/>
                  </a:lnTo>
                  <a:lnTo>
                    <a:pt x="61" y="426"/>
                  </a:lnTo>
                  <a:lnTo>
                    <a:pt x="63" y="424"/>
                  </a:lnTo>
                  <a:lnTo>
                    <a:pt x="61" y="424"/>
                  </a:lnTo>
                  <a:lnTo>
                    <a:pt x="59" y="424"/>
                  </a:lnTo>
                  <a:lnTo>
                    <a:pt x="59" y="422"/>
                  </a:lnTo>
                  <a:lnTo>
                    <a:pt x="61" y="422"/>
                  </a:lnTo>
                  <a:lnTo>
                    <a:pt x="61" y="420"/>
                  </a:lnTo>
                  <a:lnTo>
                    <a:pt x="63" y="420"/>
                  </a:lnTo>
                  <a:lnTo>
                    <a:pt x="61" y="420"/>
                  </a:lnTo>
                  <a:lnTo>
                    <a:pt x="61" y="418"/>
                  </a:lnTo>
                  <a:lnTo>
                    <a:pt x="63" y="418"/>
                  </a:lnTo>
                  <a:lnTo>
                    <a:pt x="63" y="416"/>
                  </a:lnTo>
                  <a:lnTo>
                    <a:pt x="63" y="413"/>
                  </a:lnTo>
                  <a:lnTo>
                    <a:pt x="65" y="411"/>
                  </a:lnTo>
                  <a:lnTo>
                    <a:pt x="65" y="409"/>
                  </a:lnTo>
                  <a:lnTo>
                    <a:pt x="63" y="409"/>
                  </a:lnTo>
                  <a:lnTo>
                    <a:pt x="63" y="407"/>
                  </a:lnTo>
                  <a:lnTo>
                    <a:pt x="63" y="404"/>
                  </a:lnTo>
                  <a:lnTo>
                    <a:pt x="59" y="402"/>
                  </a:lnTo>
                  <a:lnTo>
                    <a:pt x="61" y="400"/>
                  </a:lnTo>
                  <a:lnTo>
                    <a:pt x="61" y="398"/>
                  </a:lnTo>
                  <a:lnTo>
                    <a:pt x="63" y="398"/>
                  </a:lnTo>
                  <a:lnTo>
                    <a:pt x="61" y="396"/>
                  </a:lnTo>
                  <a:lnTo>
                    <a:pt x="61" y="394"/>
                  </a:lnTo>
                  <a:lnTo>
                    <a:pt x="59" y="394"/>
                  </a:lnTo>
                  <a:lnTo>
                    <a:pt x="57" y="392"/>
                  </a:lnTo>
                  <a:lnTo>
                    <a:pt x="55" y="392"/>
                  </a:lnTo>
                  <a:lnTo>
                    <a:pt x="55" y="391"/>
                  </a:lnTo>
                  <a:lnTo>
                    <a:pt x="53" y="392"/>
                  </a:lnTo>
                  <a:lnTo>
                    <a:pt x="53" y="391"/>
                  </a:lnTo>
                  <a:lnTo>
                    <a:pt x="55" y="389"/>
                  </a:lnTo>
                  <a:lnTo>
                    <a:pt x="55" y="387"/>
                  </a:lnTo>
                  <a:lnTo>
                    <a:pt x="55" y="385"/>
                  </a:lnTo>
                  <a:lnTo>
                    <a:pt x="57" y="383"/>
                  </a:lnTo>
                  <a:lnTo>
                    <a:pt x="55" y="379"/>
                  </a:lnTo>
                  <a:lnTo>
                    <a:pt x="53" y="379"/>
                  </a:lnTo>
                  <a:lnTo>
                    <a:pt x="52" y="378"/>
                  </a:lnTo>
                  <a:lnTo>
                    <a:pt x="52" y="376"/>
                  </a:lnTo>
                  <a:lnTo>
                    <a:pt x="53" y="374"/>
                  </a:lnTo>
                  <a:lnTo>
                    <a:pt x="53" y="372"/>
                  </a:lnTo>
                  <a:lnTo>
                    <a:pt x="53" y="370"/>
                  </a:lnTo>
                  <a:lnTo>
                    <a:pt x="53" y="368"/>
                  </a:lnTo>
                  <a:lnTo>
                    <a:pt x="55" y="368"/>
                  </a:lnTo>
                  <a:lnTo>
                    <a:pt x="55" y="367"/>
                  </a:lnTo>
                  <a:lnTo>
                    <a:pt x="53" y="367"/>
                  </a:lnTo>
                  <a:lnTo>
                    <a:pt x="53" y="365"/>
                  </a:lnTo>
                  <a:lnTo>
                    <a:pt x="52" y="365"/>
                  </a:lnTo>
                  <a:lnTo>
                    <a:pt x="50" y="365"/>
                  </a:lnTo>
                  <a:lnTo>
                    <a:pt x="50" y="363"/>
                  </a:lnTo>
                  <a:lnTo>
                    <a:pt x="48" y="363"/>
                  </a:lnTo>
                  <a:lnTo>
                    <a:pt x="46" y="363"/>
                  </a:lnTo>
                  <a:lnTo>
                    <a:pt x="46" y="361"/>
                  </a:lnTo>
                  <a:lnTo>
                    <a:pt x="48" y="359"/>
                  </a:lnTo>
                  <a:lnTo>
                    <a:pt x="48" y="357"/>
                  </a:lnTo>
                  <a:lnTo>
                    <a:pt x="48" y="355"/>
                  </a:lnTo>
                  <a:lnTo>
                    <a:pt x="48" y="354"/>
                  </a:lnTo>
                  <a:lnTo>
                    <a:pt x="48" y="352"/>
                  </a:lnTo>
                  <a:lnTo>
                    <a:pt x="46" y="352"/>
                  </a:lnTo>
                  <a:lnTo>
                    <a:pt x="44" y="352"/>
                  </a:lnTo>
                  <a:lnTo>
                    <a:pt x="44" y="354"/>
                  </a:lnTo>
                  <a:lnTo>
                    <a:pt x="44" y="352"/>
                  </a:lnTo>
                  <a:lnTo>
                    <a:pt x="44" y="348"/>
                  </a:lnTo>
                  <a:lnTo>
                    <a:pt x="44" y="346"/>
                  </a:lnTo>
                  <a:lnTo>
                    <a:pt x="44" y="344"/>
                  </a:lnTo>
                  <a:lnTo>
                    <a:pt x="46" y="342"/>
                  </a:lnTo>
                  <a:lnTo>
                    <a:pt x="46" y="341"/>
                  </a:lnTo>
                  <a:lnTo>
                    <a:pt x="48" y="341"/>
                  </a:lnTo>
                  <a:lnTo>
                    <a:pt x="50" y="339"/>
                  </a:lnTo>
                  <a:lnTo>
                    <a:pt x="53" y="337"/>
                  </a:lnTo>
                  <a:lnTo>
                    <a:pt x="55" y="337"/>
                  </a:lnTo>
                  <a:lnTo>
                    <a:pt x="57" y="335"/>
                  </a:lnTo>
                  <a:lnTo>
                    <a:pt x="61" y="333"/>
                  </a:lnTo>
                  <a:lnTo>
                    <a:pt x="63" y="333"/>
                  </a:lnTo>
                  <a:lnTo>
                    <a:pt x="65" y="331"/>
                  </a:lnTo>
                  <a:lnTo>
                    <a:pt x="66" y="331"/>
                  </a:lnTo>
                  <a:lnTo>
                    <a:pt x="68" y="331"/>
                  </a:lnTo>
                  <a:lnTo>
                    <a:pt x="68" y="330"/>
                  </a:lnTo>
                  <a:lnTo>
                    <a:pt x="70" y="328"/>
                  </a:lnTo>
                  <a:lnTo>
                    <a:pt x="70" y="324"/>
                  </a:lnTo>
                  <a:lnTo>
                    <a:pt x="70" y="322"/>
                  </a:lnTo>
                  <a:lnTo>
                    <a:pt x="72" y="322"/>
                  </a:lnTo>
                  <a:lnTo>
                    <a:pt x="74" y="322"/>
                  </a:lnTo>
                  <a:lnTo>
                    <a:pt x="76" y="320"/>
                  </a:lnTo>
                  <a:lnTo>
                    <a:pt x="74" y="317"/>
                  </a:lnTo>
                  <a:lnTo>
                    <a:pt x="76" y="317"/>
                  </a:lnTo>
                  <a:lnTo>
                    <a:pt x="76" y="315"/>
                  </a:lnTo>
                  <a:lnTo>
                    <a:pt x="76" y="313"/>
                  </a:lnTo>
                  <a:lnTo>
                    <a:pt x="74" y="313"/>
                  </a:lnTo>
                  <a:lnTo>
                    <a:pt x="76" y="311"/>
                  </a:lnTo>
                  <a:lnTo>
                    <a:pt x="76" y="309"/>
                  </a:lnTo>
                  <a:lnTo>
                    <a:pt x="76" y="307"/>
                  </a:lnTo>
                  <a:lnTo>
                    <a:pt x="74" y="307"/>
                  </a:lnTo>
                  <a:lnTo>
                    <a:pt x="74" y="305"/>
                  </a:lnTo>
                  <a:lnTo>
                    <a:pt x="76" y="305"/>
                  </a:lnTo>
                  <a:lnTo>
                    <a:pt x="76" y="304"/>
                  </a:lnTo>
                  <a:lnTo>
                    <a:pt x="74" y="302"/>
                  </a:lnTo>
                  <a:lnTo>
                    <a:pt x="74" y="300"/>
                  </a:lnTo>
                  <a:lnTo>
                    <a:pt x="72" y="298"/>
                  </a:lnTo>
                  <a:lnTo>
                    <a:pt x="72" y="296"/>
                  </a:lnTo>
                  <a:lnTo>
                    <a:pt x="70" y="296"/>
                  </a:lnTo>
                  <a:lnTo>
                    <a:pt x="68" y="294"/>
                  </a:lnTo>
                  <a:lnTo>
                    <a:pt x="68" y="293"/>
                  </a:lnTo>
                  <a:lnTo>
                    <a:pt x="66" y="293"/>
                  </a:lnTo>
                  <a:lnTo>
                    <a:pt x="66" y="291"/>
                  </a:lnTo>
                  <a:lnTo>
                    <a:pt x="65" y="291"/>
                  </a:lnTo>
                  <a:lnTo>
                    <a:pt x="65" y="289"/>
                  </a:lnTo>
                  <a:lnTo>
                    <a:pt x="63" y="289"/>
                  </a:lnTo>
                  <a:lnTo>
                    <a:pt x="63" y="287"/>
                  </a:lnTo>
                  <a:lnTo>
                    <a:pt x="61" y="287"/>
                  </a:lnTo>
                  <a:lnTo>
                    <a:pt x="61" y="285"/>
                  </a:lnTo>
                  <a:lnTo>
                    <a:pt x="61" y="283"/>
                  </a:lnTo>
                  <a:lnTo>
                    <a:pt x="59" y="281"/>
                  </a:lnTo>
                  <a:lnTo>
                    <a:pt x="59" y="280"/>
                  </a:lnTo>
                  <a:lnTo>
                    <a:pt x="59" y="278"/>
                  </a:lnTo>
                  <a:lnTo>
                    <a:pt x="57" y="278"/>
                  </a:lnTo>
                  <a:lnTo>
                    <a:pt x="57" y="276"/>
                  </a:lnTo>
                  <a:lnTo>
                    <a:pt x="57" y="274"/>
                  </a:lnTo>
                  <a:lnTo>
                    <a:pt x="57" y="272"/>
                  </a:lnTo>
                  <a:lnTo>
                    <a:pt x="57" y="270"/>
                  </a:lnTo>
                  <a:lnTo>
                    <a:pt x="55" y="270"/>
                  </a:lnTo>
                  <a:lnTo>
                    <a:pt x="57" y="270"/>
                  </a:lnTo>
                  <a:lnTo>
                    <a:pt x="55" y="270"/>
                  </a:lnTo>
                  <a:lnTo>
                    <a:pt x="55" y="268"/>
                  </a:lnTo>
                  <a:lnTo>
                    <a:pt x="55" y="267"/>
                  </a:lnTo>
                  <a:lnTo>
                    <a:pt x="55" y="265"/>
                  </a:lnTo>
                  <a:lnTo>
                    <a:pt x="55" y="263"/>
                  </a:lnTo>
                  <a:lnTo>
                    <a:pt x="55" y="261"/>
                  </a:lnTo>
                  <a:lnTo>
                    <a:pt x="55" y="259"/>
                  </a:lnTo>
                  <a:lnTo>
                    <a:pt x="55" y="257"/>
                  </a:lnTo>
                  <a:lnTo>
                    <a:pt x="55" y="256"/>
                  </a:lnTo>
                  <a:lnTo>
                    <a:pt x="57" y="256"/>
                  </a:lnTo>
                  <a:lnTo>
                    <a:pt x="55" y="256"/>
                  </a:lnTo>
                  <a:lnTo>
                    <a:pt x="57" y="256"/>
                  </a:lnTo>
                  <a:lnTo>
                    <a:pt x="57" y="254"/>
                  </a:lnTo>
                  <a:lnTo>
                    <a:pt x="57" y="252"/>
                  </a:lnTo>
                  <a:lnTo>
                    <a:pt x="57" y="250"/>
                  </a:lnTo>
                  <a:lnTo>
                    <a:pt x="59" y="248"/>
                  </a:lnTo>
                  <a:lnTo>
                    <a:pt x="59" y="246"/>
                  </a:lnTo>
                  <a:lnTo>
                    <a:pt x="61" y="246"/>
                  </a:lnTo>
                  <a:lnTo>
                    <a:pt x="59" y="246"/>
                  </a:lnTo>
                  <a:lnTo>
                    <a:pt x="61" y="246"/>
                  </a:lnTo>
                  <a:lnTo>
                    <a:pt x="61" y="244"/>
                  </a:lnTo>
                  <a:lnTo>
                    <a:pt x="63" y="244"/>
                  </a:lnTo>
                  <a:lnTo>
                    <a:pt x="63" y="243"/>
                  </a:lnTo>
                  <a:lnTo>
                    <a:pt x="65" y="243"/>
                  </a:lnTo>
                  <a:lnTo>
                    <a:pt x="65" y="241"/>
                  </a:lnTo>
                  <a:lnTo>
                    <a:pt x="65" y="239"/>
                  </a:lnTo>
                  <a:lnTo>
                    <a:pt x="66" y="239"/>
                  </a:lnTo>
                  <a:lnTo>
                    <a:pt x="66" y="237"/>
                  </a:lnTo>
                  <a:lnTo>
                    <a:pt x="65" y="237"/>
                  </a:lnTo>
                  <a:lnTo>
                    <a:pt x="65" y="235"/>
                  </a:lnTo>
                  <a:lnTo>
                    <a:pt x="65" y="237"/>
                  </a:lnTo>
                  <a:lnTo>
                    <a:pt x="65" y="235"/>
                  </a:lnTo>
                  <a:lnTo>
                    <a:pt x="63" y="235"/>
                  </a:lnTo>
                  <a:lnTo>
                    <a:pt x="63" y="233"/>
                  </a:lnTo>
                  <a:lnTo>
                    <a:pt x="63" y="232"/>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nvGrpSpPr>
            <p:cNvPr id="51" name="Gruppieren 50"/>
            <p:cNvGrpSpPr/>
            <p:nvPr/>
          </p:nvGrpSpPr>
          <p:grpSpPr>
            <a:xfrm>
              <a:off x="4363657" y="2266697"/>
              <a:ext cx="1071658" cy="1024747"/>
              <a:chOff x="4962525" y="833437"/>
              <a:chExt cx="1631950" cy="1560513"/>
            </a:xfrm>
          </p:grpSpPr>
          <p:sp>
            <p:nvSpPr>
              <p:cNvPr id="52" name="Freeform 188"/>
              <p:cNvSpPr>
                <a:spLocks/>
              </p:cNvSpPr>
              <p:nvPr/>
            </p:nvSpPr>
            <p:spPr bwMode="auto">
              <a:xfrm>
                <a:off x="4962525" y="833437"/>
                <a:ext cx="1631950" cy="1560513"/>
              </a:xfrm>
              <a:custGeom>
                <a:avLst/>
                <a:gdLst>
                  <a:gd name="T0" fmla="*/ 338 w 1028"/>
                  <a:gd name="T1" fmla="*/ 341 h 983"/>
                  <a:gd name="T2" fmla="*/ 322 w 1028"/>
                  <a:gd name="T3" fmla="*/ 282 h 983"/>
                  <a:gd name="T4" fmla="*/ 249 w 1028"/>
                  <a:gd name="T5" fmla="*/ 237 h 983"/>
                  <a:gd name="T6" fmla="*/ 198 w 1028"/>
                  <a:gd name="T7" fmla="*/ 184 h 983"/>
                  <a:gd name="T8" fmla="*/ 151 w 1028"/>
                  <a:gd name="T9" fmla="*/ 234 h 983"/>
                  <a:gd name="T10" fmla="*/ 103 w 1028"/>
                  <a:gd name="T11" fmla="*/ 261 h 983"/>
                  <a:gd name="T12" fmla="*/ 76 w 1028"/>
                  <a:gd name="T13" fmla="*/ 202 h 983"/>
                  <a:gd name="T14" fmla="*/ 22 w 1028"/>
                  <a:gd name="T15" fmla="*/ 184 h 983"/>
                  <a:gd name="T16" fmla="*/ 111 w 1028"/>
                  <a:gd name="T17" fmla="*/ 135 h 983"/>
                  <a:gd name="T18" fmla="*/ 185 w 1028"/>
                  <a:gd name="T19" fmla="*/ 82 h 983"/>
                  <a:gd name="T20" fmla="*/ 270 w 1028"/>
                  <a:gd name="T21" fmla="*/ 119 h 983"/>
                  <a:gd name="T22" fmla="*/ 338 w 1028"/>
                  <a:gd name="T23" fmla="*/ 132 h 983"/>
                  <a:gd name="T24" fmla="*/ 436 w 1028"/>
                  <a:gd name="T25" fmla="*/ 143 h 983"/>
                  <a:gd name="T26" fmla="*/ 517 w 1028"/>
                  <a:gd name="T27" fmla="*/ 130 h 983"/>
                  <a:gd name="T28" fmla="*/ 580 w 1028"/>
                  <a:gd name="T29" fmla="*/ 78 h 983"/>
                  <a:gd name="T30" fmla="*/ 656 w 1028"/>
                  <a:gd name="T31" fmla="*/ 17 h 983"/>
                  <a:gd name="T32" fmla="*/ 741 w 1028"/>
                  <a:gd name="T33" fmla="*/ 13 h 983"/>
                  <a:gd name="T34" fmla="*/ 802 w 1028"/>
                  <a:gd name="T35" fmla="*/ 60 h 983"/>
                  <a:gd name="T36" fmla="*/ 906 w 1028"/>
                  <a:gd name="T37" fmla="*/ 106 h 983"/>
                  <a:gd name="T38" fmla="*/ 967 w 1028"/>
                  <a:gd name="T39" fmla="*/ 134 h 983"/>
                  <a:gd name="T40" fmla="*/ 950 w 1028"/>
                  <a:gd name="T41" fmla="*/ 171 h 983"/>
                  <a:gd name="T42" fmla="*/ 915 w 1028"/>
                  <a:gd name="T43" fmla="*/ 219 h 983"/>
                  <a:gd name="T44" fmla="*/ 891 w 1028"/>
                  <a:gd name="T45" fmla="*/ 250 h 983"/>
                  <a:gd name="T46" fmla="*/ 906 w 1028"/>
                  <a:gd name="T47" fmla="*/ 306 h 983"/>
                  <a:gd name="T48" fmla="*/ 924 w 1028"/>
                  <a:gd name="T49" fmla="*/ 363 h 983"/>
                  <a:gd name="T50" fmla="*/ 937 w 1028"/>
                  <a:gd name="T51" fmla="*/ 400 h 983"/>
                  <a:gd name="T52" fmla="*/ 902 w 1028"/>
                  <a:gd name="T53" fmla="*/ 444 h 983"/>
                  <a:gd name="T54" fmla="*/ 945 w 1028"/>
                  <a:gd name="T55" fmla="*/ 463 h 983"/>
                  <a:gd name="T56" fmla="*/ 961 w 1028"/>
                  <a:gd name="T57" fmla="*/ 513 h 983"/>
                  <a:gd name="T58" fmla="*/ 965 w 1028"/>
                  <a:gd name="T59" fmla="*/ 568 h 983"/>
                  <a:gd name="T60" fmla="*/ 1000 w 1028"/>
                  <a:gd name="T61" fmla="*/ 598 h 983"/>
                  <a:gd name="T62" fmla="*/ 1007 w 1028"/>
                  <a:gd name="T63" fmla="*/ 615 h 983"/>
                  <a:gd name="T64" fmla="*/ 976 w 1028"/>
                  <a:gd name="T65" fmla="*/ 664 h 983"/>
                  <a:gd name="T66" fmla="*/ 956 w 1028"/>
                  <a:gd name="T67" fmla="*/ 718 h 983"/>
                  <a:gd name="T68" fmla="*/ 946 w 1028"/>
                  <a:gd name="T69" fmla="*/ 803 h 983"/>
                  <a:gd name="T70" fmla="*/ 959 w 1028"/>
                  <a:gd name="T71" fmla="*/ 903 h 983"/>
                  <a:gd name="T72" fmla="*/ 954 w 1028"/>
                  <a:gd name="T73" fmla="*/ 983 h 983"/>
                  <a:gd name="T74" fmla="*/ 902 w 1028"/>
                  <a:gd name="T75" fmla="*/ 957 h 983"/>
                  <a:gd name="T76" fmla="*/ 871 w 1028"/>
                  <a:gd name="T77" fmla="*/ 899 h 983"/>
                  <a:gd name="T78" fmla="*/ 852 w 1028"/>
                  <a:gd name="T79" fmla="*/ 835 h 983"/>
                  <a:gd name="T80" fmla="*/ 826 w 1028"/>
                  <a:gd name="T81" fmla="*/ 757 h 983"/>
                  <a:gd name="T82" fmla="*/ 808 w 1028"/>
                  <a:gd name="T83" fmla="*/ 709 h 983"/>
                  <a:gd name="T84" fmla="*/ 747 w 1028"/>
                  <a:gd name="T85" fmla="*/ 685 h 983"/>
                  <a:gd name="T86" fmla="*/ 686 w 1028"/>
                  <a:gd name="T87" fmla="*/ 766 h 983"/>
                  <a:gd name="T88" fmla="*/ 649 w 1028"/>
                  <a:gd name="T89" fmla="*/ 812 h 983"/>
                  <a:gd name="T90" fmla="*/ 623 w 1028"/>
                  <a:gd name="T91" fmla="*/ 775 h 983"/>
                  <a:gd name="T92" fmla="*/ 627 w 1028"/>
                  <a:gd name="T93" fmla="*/ 757 h 983"/>
                  <a:gd name="T94" fmla="*/ 556 w 1028"/>
                  <a:gd name="T95" fmla="*/ 770 h 983"/>
                  <a:gd name="T96" fmla="*/ 505 w 1028"/>
                  <a:gd name="T97" fmla="*/ 744 h 983"/>
                  <a:gd name="T98" fmla="*/ 427 w 1028"/>
                  <a:gd name="T99" fmla="*/ 774 h 983"/>
                  <a:gd name="T100" fmla="*/ 407 w 1028"/>
                  <a:gd name="T101" fmla="*/ 718 h 983"/>
                  <a:gd name="T102" fmla="*/ 340 w 1028"/>
                  <a:gd name="T103" fmla="*/ 740 h 983"/>
                  <a:gd name="T104" fmla="*/ 301 w 1028"/>
                  <a:gd name="T105" fmla="*/ 787 h 983"/>
                  <a:gd name="T106" fmla="*/ 170 w 1028"/>
                  <a:gd name="T107" fmla="*/ 787 h 983"/>
                  <a:gd name="T108" fmla="*/ 161 w 1028"/>
                  <a:gd name="T109" fmla="*/ 738 h 983"/>
                  <a:gd name="T110" fmla="*/ 194 w 1028"/>
                  <a:gd name="T111" fmla="*/ 677 h 983"/>
                  <a:gd name="T112" fmla="*/ 253 w 1028"/>
                  <a:gd name="T113" fmla="*/ 620 h 983"/>
                  <a:gd name="T114" fmla="*/ 314 w 1028"/>
                  <a:gd name="T115" fmla="*/ 590 h 983"/>
                  <a:gd name="T116" fmla="*/ 392 w 1028"/>
                  <a:gd name="T117" fmla="*/ 589 h 983"/>
                  <a:gd name="T118" fmla="*/ 434 w 1028"/>
                  <a:gd name="T119" fmla="*/ 513 h 983"/>
                  <a:gd name="T120" fmla="*/ 401 w 1028"/>
                  <a:gd name="T121" fmla="*/ 437 h 983"/>
                  <a:gd name="T122" fmla="*/ 351 w 1028"/>
                  <a:gd name="T123" fmla="*/ 406 h 983"/>
                  <a:gd name="T124" fmla="*/ 373 w 1028"/>
                  <a:gd name="T125" fmla="*/ 363 h 9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028" h="983">
                    <a:moveTo>
                      <a:pt x="371" y="359"/>
                    </a:moveTo>
                    <a:lnTo>
                      <a:pt x="370" y="357"/>
                    </a:lnTo>
                    <a:lnTo>
                      <a:pt x="370" y="356"/>
                    </a:lnTo>
                    <a:lnTo>
                      <a:pt x="370" y="354"/>
                    </a:lnTo>
                    <a:lnTo>
                      <a:pt x="368" y="354"/>
                    </a:lnTo>
                    <a:lnTo>
                      <a:pt x="368" y="352"/>
                    </a:lnTo>
                    <a:lnTo>
                      <a:pt x="366" y="352"/>
                    </a:lnTo>
                    <a:lnTo>
                      <a:pt x="366" y="350"/>
                    </a:lnTo>
                    <a:lnTo>
                      <a:pt x="364" y="350"/>
                    </a:lnTo>
                    <a:lnTo>
                      <a:pt x="364" y="348"/>
                    </a:lnTo>
                    <a:lnTo>
                      <a:pt x="362" y="348"/>
                    </a:lnTo>
                    <a:lnTo>
                      <a:pt x="360" y="348"/>
                    </a:lnTo>
                    <a:lnTo>
                      <a:pt x="362" y="346"/>
                    </a:lnTo>
                    <a:lnTo>
                      <a:pt x="362" y="344"/>
                    </a:lnTo>
                    <a:lnTo>
                      <a:pt x="364" y="344"/>
                    </a:lnTo>
                    <a:lnTo>
                      <a:pt x="364" y="343"/>
                    </a:lnTo>
                    <a:lnTo>
                      <a:pt x="362" y="341"/>
                    </a:lnTo>
                    <a:lnTo>
                      <a:pt x="362" y="337"/>
                    </a:lnTo>
                    <a:lnTo>
                      <a:pt x="362" y="335"/>
                    </a:lnTo>
                    <a:lnTo>
                      <a:pt x="362" y="333"/>
                    </a:lnTo>
                    <a:lnTo>
                      <a:pt x="360" y="333"/>
                    </a:lnTo>
                    <a:lnTo>
                      <a:pt x="360" y="332"/>
                    </a:lnTo>
                    <a:lnTo>
                      <a:pt x="359" y="332"/>
                    </a:lnTo>
                    <a:lnTo>
                      <a:pt x="357" y="330"/>
                    </a:lnTo>
                    <a:lnTo>
                      <a:pt x="355" y="330"/>
                    </a:lnTo>
                    <a:lnTo>
                      <a:pt x="355" y="328"/>
                    </a:lnTo>
                    <a:lnTo>
                      <a:pt x="353" y="328"/>
                    </a:lnTo>
                    <a:lnTo>
                      <a:pt x="353" y="326"/>
                    </a:lnTo>
                    <a:lnTo>
                      <a:pt x="351" y="326"/>
                    </a:lnTo>
                    <a:lnTo>
                      <a:pt x="349" y="326"/>
                    </a:lnTo>
                    <a:lnTo>
                      <a:pt x="349" y="328"/>
                    </a:lnTo>
                    <a:lnTo>
                      <a:pt x="349" y="330"/>
                    </a:lnTo>
                    <a:lnTo>
                      <a:pt x="347" y="330"/>
                    </a:lnTo>
                    <a:lnTo>
                      <a:pt x="347" y="332"/>
                    </a:lnTo>
                    <a:lnTo>
                      <a:pt x="346" y="332"/>
                    </a:lnTo>
                    <a:lnTo>
                      <a:pt x="344" y="332"/>
                    </a:lnTo>
                    <a:lnTo>
                      <a:pt x="344" y="333"/>
                    </a:lnTo>
                    <a:lnTo>
                      <a:pt x="342" y="333"/>
                    </a:lnTo>
                    <a:lnTo>
                      <a:pt x="342" y="335"/>
                    </a:lnTo>
                    <a:lnTo>
                      <a:pt x="342" y="337"/>
                    </a:lnTo>
                    <a:lnTo>
                      <a:pt x="342" y="339"/>
                    </a:lnTo>
                    <a:lnTo>
                      <a:pt x="342" y="341"/>
                    </a:lnTo>
                    <a:lnTo>
                      <a:pt x="340" y="341"/>
                    </a:lnTo>
                    <a:lnTo>
                      <a:pt x="340" y="343"/>
                    </a:lnTo>
                    <a:lnTo>
                      <a:pt x="340" y="341"/>
                    </a:lnTo>
                    <a:lnTo>
                      <a:pt x="338" y="341"/>
                    </a:lnTo>
                    <a:lnTo>
                      <a:pt x="336" y="341"/>
                    </a:lnTo>
                    <a:lnTo>
                      <a:pt x="334" y="341"/>
                    </a:lnTo>
                    <a:lnTo>
                      <a:pt x="336" y="339"/>
                    </a:lnTo>
                    <a:lnTo>
                      <a:pt x="336" y="337"/>
                    </a:lnTo>
                    <a:lnTo>
                      <a:pt x="336" y="335"/>
                    </a:lnTo>
                    <a:lnTo>
                      <a:pt x="336" y="333"/>
                    </a:lnTo>
                    <a:lnTo>
                      <a:pt x="334" y="333"/>
                    </a:lnTo>
                    <a:lnTo>
                      <a:pt x="333" y="330"/>
                    </a:lnTo>
                    <a:lnTo>
                      <a:pt x="331" y="328"/>
                    </a:lnTo>
                    <a:lnTo>
                      <a:pt x="329" y="328"/>
                    </a:lnTo>
                    <a:lnTo>
                      <a:pt x="327" y="326"/>
                    </a:lnTo>
                    <a:lnTo>
                      <a:pt x="325" y="326"/>
                    </a:lnTo>
                    <a:lnTo>
                      <a:pt x="325" y="324"/>
                    </a:lnTo>
                    <a:lnTo>
                      <a:pt x="323" y="324"/>
                    </a:lnTo>
                    <a:lnTo>
                      <a:pt x="322" y="326"/>
                    </a:lnTo>
                    <a:lnTo>
                      <a:pt x="320" y="324"/>
                    </a:lnTo>
                    <a:lnTo>
                      <a:pt x="318" y="326"/>
                    </a:lnTo>
                    <a:lnTo>
                      <a:pt x="316" y="326"/>
                    </a:lnTo>
                    <a:lnTo>
                      <a:pt x="312" y="328"/>
                    </a:lnTo>
                    <a:lnTo>
                      <a:pt x="312" y="326"/>
                    </a:lnTo>
                    <a:lnTo>
                      <a:pt x="314" y="324"/>
                    </a:lnTo>
                    <a:lnTo>
                      <a:pt x="314" y="322"/>
                    </a:lnTo>
                    <a:lnTo>
                      <a:pt x="314" y="320"/>
                    </a:lnTo>
                    <a:lnTo>
                      <a:pt x="314" y="319"/>
                    </a:lnTo>
                    <a:lnTo>
                      <a:pt x="314" y="317"/>
                    </a:lnTo>
                    <a:lnTo>
                      <a:pt x="316" y="315"/>
                    </a:lnTo>
                    <a:lnTo>
                      <a:pt x="316" y="313"/>
                    </a:lnTo>
                    <a:lnTo>
                      <a:pt x="316" y="311"/>
                    </a:lnTo>
                    <a:lnTo>
                      <a:pt x="316" y="309"/>
                    </a:lnTo>
                    <a:lnTo>
                      <a:pt x="316" y="307"/>
                    </a:lnTo>
                    <a:lnTo>
                      <a:pt x="316" y="306"/>
                    </a:lnTo>
                    <a:lnTo>
                      <a:pt x="318" y="306"/>
                    </a:lnTo>
                    <a:lnTo>
                      <a:pt x="318" y="304"/>
                    </a:lnTo>
                    <a:lnTo>
                      <a:pt x="318" y="302"/>
                    </a:lnTo>
                    <a:lnTo>
                      <a:pt x="318" y="300"/>
                    </a:lnTo>
                    <a:lnTo>
                      <a:pt x="318" y="298"/>
                    </a:lnTo>
                    <a:lnTo>
                      <a:pt x="320" y="298"/>
                    </a:lnTo>
                    <a:lnTo>
                      <a:pt x="320" y="296"/>
                    </a:lnTo>
                    <a:lnTo>
                      <a:pt x="320" y="295"/>
                    </a:lnTo>
                    <a:lnTo>
                      <a:pt x="320" y="293"/>
                    </a:lnTo>
                    <a:lnTo>
                      <a:pt x="320" y="289"/>
                    </a:lnTo>
                    <a:lnTo>
                      <a:pt x="318" y="287"/>
                    </a:lnTo>
                    <a:lnTo>
                      <a:pt x="320" y="287"/>
                    </a:lnTo>
                    <a:lnTo>
                      <a:pt x="320" y="285"/>
                    </a:lnTo>
                    <a:lnTo>
                      <a:pt x="320" y="283"/>
                    </a:lnTo>
                    <a:lnTo>
                      <a:pt x="322" y="282"/>
                    </a:lnTo>
                    <a:lnTo>
                      <a:pt x="322" y="280"/>
                    </a:lnTo>
                    <a:lnTo>
                      <a:pt x="320" y="280"/>
                    </a:lnTo>
                    <a:lnTo>
                      <a:pt x="314" y="283"/>
                    </a:lnTo>
                    <a:lnTo>
                      <a:pt x="309" y="285"/>
                    </a:lnTo>
                    <a:lnTo>
                      <a:pt x="307" y="285"/>
                    </a:lnTo>
                    <a:lnTo>
                      <a:pt x="307" y="287"/>
                    </a:lnTo>
                    <a:lnTo>
                      <a:pt x="305" y="287"/>
                    </a:lnTo>
                    <a:lnTo>
                      <a:pt x="303" y="287"/>
                    </a:lnTo>
                    <a:lnTo>
                      <a:pt x="301" y="287"/>
                    </a:lnTo>
                    <a:lnTo>
                      <a:pt x="299" y="285"/>
                    </a:lnTo>
                    <a:lnTo>
                      <a:pt x="298" y="285"/>
                    </a:lnTo>
                    <a:lnTo>
                      <a:pt x="298" y="287"/>
                    </a:lnTo>
                    <a:lnTo>
                      <a:pt x="296" y="287"/>
                    </a:lnTo>
                    <a:lnTo>
                      <a:pt x="296" y="285"/>
                    </a:lnTo>
                    <a:lnTo>
                      <a:pt x="294" y="283"/>
                    </a:lnTo>
                    <a:lnTo>
                      <a:pt x="290" y="285"/>
                    </a:lnTo>
                    <a:lnTo>
                      <a:pt x="288" y="285"/>
                    </a:lnTo>
                    <a:lnTo>
                      <a:pt x="286" y="285"/>
                    </a:lnTo>
                    <a:lnTo>
                      <a:pt x="285" y="285"/>
                    </a:lnTo>
                    <a:lnTo>
                      <a:pt x="283" y="285"/>
                    </a:lnTo>
                    <a:lnTo>
                      <a:pt x="281" y="285"/>
                    </a:lnTo>
                    <a:lnTo>
                      <a:pt x="279" y="283"/>
                    </a:lnTo>
                    <a:lnTo>
                      <a:pt x="277" y="283"/>
                    </a:lnTo>
                    <a:lnTo>
                      <a:pt x="275" y="282"/>
                    </a:lnTo>
                    <a:lnTo>
                      <a:pt x="273" y="282"/>
                    </a:lnTo>
                    <a:lnTo>
                      <a:pt x="266" y="282"/>
                    </a:lnTo>
                    <a:lnTo>
                      <a:pt x="264" y="282"/>
                    </a:lnTo>
                    <a:lnTo>
                      <a:pt x="264" y="278"/>
                    </a:lnTo>
                    <a:lnTo>
                      <a:pt x="264" y="274"/>
                    </a:lnTo>
                    <a:lnTo>
                      <a:pt x="264" y="272"/>
                    </a:lnTo>
                    <a:lnTo>
                      <a:pt x="264" y="269"/>
                    </a:lnTo>
                    <a:lnTo>
                      <a:pt x="264" y="267"/>
                    </a:lnTo>
                    <a:lnTo>
                      <a:pt x="262" y="263"/>
                    </a:lnTo>
                    <a:lnTo>
                      <a:pt x="259" y="261"/>
                    </a:lnTo>
                    <a:lnTo>
                      <a:pt x="257" y="258"/>
                    </a:lnTo>
                    <a:lnTo>
                      <a:pt x="257" y="256"/>
                    </a:lnTo>
                    <a:lnTo>
                      <a:pt x="255" y="254"/>
                    </a:lnTo>
                    <a:lnTo>
                      <a:pt x="255" y="252"/>
                    </a:lnTo>
                    <a:lnTo>
                      <a:pt x="255" y="250"/>
                    </a:lnTo>
                    <a:lnTo>
                      <a:pt x="255" y="248"/>
                    </a:lnTo>
                    <a:lnTo>
                      <a:pt x="253" y="246"/>
                    </a:lnTo>
                    <a:lnTo>
                      <a:pt x="251" y="246"/>
                    </a:lnTo>
                    <a:lnTo>
                      <a:pt x="249" y="245"/>
                    </a:lnTo>
                    <a:lnTo>
                      <a:pt x="249" y="241"/>
                    </a:lnTo>
                    <a:lnTo>
                      <a:pt x="249" y="239"/>
                    </a:lnTo>
                    <a:lnTo>
                      <a:pt x="249" y="237"/>
                    </a:lnTo>
                    <a:lnTo>
                      <a:pt x="248" y="237"/>
                    </a:lnTo>
                    <a:lnTo>
                      <a:pt x="246" y="235"/>
                    </a:lnTo>
                    <a:lnTo>
                      <a:pt x="240" y="235"/>
                    </a:lnTo>
                    <a:lnTo>
                      <a:pt x="238" y="234"/>
                    </a:lnTo>
                    <a:lnTo>
                      <a:pt x="237" y="234"/>
                    </a:lnTo>
                    <a:lnTo>
                      <a:pt x="235" y="234"/>
                    </a:lnTo>
                    <a:lnTo>
                      <a:pt x="231" y="230"/>
                    </a:lnTo>
                    <a:lnTo>
                      <a:pt x="229" y="226"/>
                    </a:lnTo>
                    <a:lnTo>
                      <a:pt x="227" y="222"/>
                    </a:lnTo>
                    <a:lnTo>
                      <a:pt x="225" y="222"/>
                    </a:lnTo>
                    <a:lnTo>
                      <a:pt x="224" y="222"/>
                    </a:lnTo>
                    <a:lnTo>
                      <a:pt x="224" y="224"/>
                    </a:lnTo>
                    <a:lnTo>
                      <a:pt x="224" y="222"/>
                    </a:lnTo>
                    <a:lnTo>
                      <a:pt x="224" y="221"/>
                    </a:lnTo>
                    <a:lnTo>
                      <a:pt x="224" y="219"/>
                    </a:lnTo>
                    <a:lnTo>
                      <a:pt x="224" y="217"/>
                    </a:lnTo>
                    <a:lnTo>
                      <a:pt x="224" y="215"/>
                    </a:lnTo>
                    <a:lnTo>
                      <a:pt x="222" y="215"/>
                    </a:lnTo>
                    <a:lnTo>
                      <a:pt x="222" y="213"/>
                    </a:lnTo>
                    <a:lnTo>
                      <a:pt x="224" y="211"/>
                    </a:lnTo>
                    <a:lnTo>
                      <a:pt x="224" y="209"/>
                    </a:lnTo>
                    <a:lnTo>
                      <a:pt x="224" y="208"/>
                    </a:lnTo>
                    <a:lnTo>
                      <a:pt x="224" y="206"/>
                    </a:lnTo>
                    <a:lnTo>
                      <a:pt x="224" y="204"/>
                    </a:lnTo>
                    <a:lnTo>
                      <a:pt x="225" y="204"/>
                    </a:lnTo>
                    <a:lnTo>
                      <a:pt x="224" y="204"/>
                    </a:lnTo>
                    <a:lnTo>
                      <a:pt x="222" y="204"/>
                    </a:lnTo>
                    <a:lnTo>
                      <a:pt x="220" y="204"/>
                    </a:lnTo>
                    <a:lnTo>
                      <a:pt x="218" y="206"/>
                    </a:lnTo>
                    <a:lnTo>
                      <a:pt x="216" y="208"/>
                    </a:lnTo>
                    <a:lnTo>
                      <a:pt x="216" y="209"/>
                    </a:lnTo>
                    <a:lnTo>
                      <a:pt x="214" y="211"/>
                    </a:lnTo>
                    <a:lnTo>
                      <a:pt x="211" y="211"/>
                    </a:lnTo>
                    <a:lnTo>
                      <a:pt x="207" y="211"/>
                    </a:lnTo>
                    <a:lnTo>
                      <a:pt x="207" y="208"/>
                    </a:lnTo>
                    <a:lnTo>
                      <a:pt x="207" y="206"/>
                    </a:lnTo>
                    <a:lnTo>
                      <a:pt x="207" y="204"/>
                    </a:lnTo>
                    <a:lnTo>
                      <a:pt x="207" y="202"/>
                    </a:lnTo>
                    <a:lnTo>
                      <a:pt x="205" y="200"/>
                    </a:lnTo>
                    <a:lnTo>
                      <a:pt x="205" y="198"/>
                    </a:lnTo>
                    <a:lnTo>
                      <a:pt x="205" y="197"/>
                    </a:lnTo>
                    <a:lnTo>
                      <a:pt x="203" y="195"/>
                    </a:lnTo>
                    <a:lnTo>
                      <a:pt x="203" y="193"/>
                    </a:lnTo>
                    <a:lnTo>
                      <a:pt x="201" y="191"/>
                    </a:lnTo>
                    <a:lnTo>
                      <a:pt x="201" y="189"/>
                    </a:lnTo>
                    <a:lnTo>
                      <a:pt x="198" y="184"/>
                    </a:lnTo>
                    <a:lnTo>
                      <a:pt x="196" y="184"/>
                    </a:lnTo>
                    <a:lnTo>
                      <a:pt x="196" y="182"/>
                    </a:lnTo>
                    <a:lnTo>
                      <a:pt x="194" y="182"/>
                    </a:lnTo>
                    <a:lnTo>
                      <a:pt x="194" y="180"/>
                    </a:lnTo>
                    <a:lnTo>
                      <a:pt x="192" y="180"/>
                    </a:lnTo>
                    <a:lnTo>
                      <a:pt x="190" y="178"/>
                    </a:lnTo>
                    <a:lnTo>
                      <a:pt x="188" y="180"/>
                    </a:lnTo>
                    <a:lnTo>
                      <a:pt x="187" y="182"/>
                    </a:lnTo>
                    <a:lnTo>
                      <a:pt x="185" y="182"/>
                    </a:lnTo>
                    <a:lnTo>
                      <a:pt x="183" y="184"/>
                    </a:lnTo>
                    <a:lnTo>
                      <a:pt x="181" y="184"/>
                    </a:lnTo>
                    <a:lnTo>
                      <a:pt x="179" y="184"/>
                    </a:lnTo>
                    <a:lnTo>
                      <a:pt x="177" y="182"/>
                    </a:lnTo>
                    <a:lnTo>
                      <a:pt x="176" y="182"/>
                    </a:lnTo>
                    <a:lnTo>
                      <a:pt x="174" y="182"/>
                    </a:lnTo>
                    <a:lnTo>
                      <a:pt x="172" y="182"/>
                    </a:lnTo>
                    <a:lnTo>
                      <a:pt x="170" y="182"/>
                    </a:lnTo>
                    <a:lnTo>
                      <a:pt x="168" y="182"/>
                    </a:lnTo>
                    <a:lnTo>
                      <a:pt x="166" y="182"/>
                    </a:lnTo>
                    <a:lnTo>
                      <a:pt x="164" y="182"/>
                    </a:lnTo>
                    <a:lnTo>
                      <a:pt x="166" y="184"/>
                    </a:lnTo>
                    <a:lnTo>
                      <a:pt x="166" y="185"/>
                    </a:lnTo>
                    <a:lnTo>
                      <a:pt x="168" y="185"/>
                    </a:lnTo>
                    <a:lnTo>
                      <a:pt x="166" y="189"/>
                    </a:lnTo>
                    <a:lnTo>
                      <a:pt x="164" y="189"/>
                    </a:lnTo>
                    <a:lnTo>
                      <a:pt x="164" y="191"/>
                    </a:lnTo>
                    <a:lnTo>
                      <a:pt x="164" y="197"/>
                    </a:lnTo>
                    <a:lnTo>
                      <a:pt x="164" y="198"/>
                    </a:lnTo>
                    <a:lnTo>
                      <a:pt x="166" y="198"/>
                    </a:lnTo>
                    <a:lnTo>
                      <a:pt x="164" y="198"/>
                    </a:lnTo>
                    <a:lnTo>
                      <a:pt x="164" y="200"/>
                    </a:lnTo>
                    <a:lnTo>
                      <a:pt x="164" y="206"/>
                    </a:lnTo>
                    <a:lnTo>
                      <a:pt x="164" y="208"/>
                    </a:lnTo>
                    <a:lnTo>
                      <a:pt x="164" y="209"/>
                    </a:lnTo>
                    <a:lnTo>
                      <a:pt x="164" y="211"/>
                    </a:lnTo>
                    <a:lnTo>
                      <a:pt x="164" y="213"/>
                    </a:lnTo>
                    <a:lnTo>
                      <a:pt x="163" y="215"/>
                    </a:lnTo>
                    <a:lnTo>
                      <a:pt x="163" y="219"/>
                    </a:lnTo>
                    <a:lnTo>
                      <a:pt x="163" y="221"/>
                    </a:lnTo>
                    <a:lnTo>
                      <a:pt x="161" y="221"/>
                    </a:lnTo>
                    <a:lnTo>
                      <a:pt x="159" y="222"/>
                    </a:lnTo>
                    <a:lnTo>
                      <a:pt x="157" y="224"/>
                    </a:lnTo>
                    <a:lnTo>
                      <a:pt x="153" y="228"/>
                    </a:lnTo>
                    <a:lnTo>
                      <a:pt x="153" y="230"/>
                    </a:lnTo>
                    <a:lnTo>
                      <a:pt x="151" y="232"/>
                    </a:lnTo>
                    <a:lnTo>
                      <a:pt x="151" y="234"/>
                    </a:lnTo>
                    <a:lnTo>
                      <a:pt x="150" y="234"/>
                    </a:lnTo>
                    <a:lnTo>
                      <a:pt x="148" y="234"/>
                    </a:lnTo>
                    <a:lnTo>
                      <a:pt x="144" y="237"/>
                    </a:lnTo>
                    <a:lnTo>
                      <a:pt x="142" y="239"/>
                    </a:lnTo>
                    <a:lnTo>
                      <a:pt x="140" y="241"/>
                    </a:lnTo>
                    <a:lnTo>
                      <a:pt x="139" y="241"/>
                    </a:lnTo>
                    <a:lnTo>
                      <a:pt x="139" y="243"/>
                    </a:lnTo>
                    <a:lnTo>
                      <a:pt x="137" y="245"/>
                    </a:lnTo>
                    <a:lnTo>
                      <a:pt x="137" y="246"/>
                    </a:lnTo>
                    <a:lnTo>
                      <a:pt x="137" y="248"/>
                    </a:lnTo>
                    <a:lnTo>
                      <a:pt x="133" y="252"/>
                    </a:lnTo>
                    <a:lnTo>
                      <a:pt x="131" y="254"/>
                    </a:lnTo>
                    <a:lnTo>
                      <a:pt x="129" y="256"/>
                    </a:lnTo>
                    <a:lnTo>
                      <a:pt x="129" y="258"/>
                    </a:lnTo>
                    <a:lnTo>
                      <a:pt x="127" y="258"/>
                    </a:lnTo>
                    <a:lnTo>
                      <a:pt x="126" y="258"/>
                    </a:lnTo>
                    <a:lnTo>
                      <a:pt x="124" y="258"/>
                    </a:lnTo>
                    <a:lnTo>
                      <a:pt x="122" y="258"/>
                    </a:lnTo>
                    <a:lnTo>
                      <a:pt x="122" y="256"/>
                    </a:lnTo>
                    <a:lnTo>
                      <a:pt x="120" y="256"/>
                    </a:lnTo>
                    <a:lnTo>
                      <a:pt x="120" y="254"/>
                    </a:lnTo>
                    <a:lnTo>
                      <a:pt x="118" y="256"/>
                    </a:lnTo>
                    <a:lnTo>
                      <a:pt x="116" y="254"/>
                    </a:lnTo>
                    <a:lnTo>
                      <a:pt x="116" y="252"/>
                    </a:lnTo>
                    <a:lnTo>
                      <a:pt x="116" y="254"/>
                    </a:lnTo>
                    <a:lnTo>
                      <a:pt x="115" y="254"/>
                    </a:lnTo>
                    <a:lnTo>
                      <a:pt x="115" y="256"/>
                    </a:lnTo>
                    <a:lnTo>
                      <a:pt x="116" y="256"/>
                    </a:lnTo>
                    <a:lnTo>
                      <a:pt x="116" y="258"/>
                    </a:lnTo>
                    <a:lnTo>
                      <a:pt x="118" y="259"/>
                    </a:lnTo>
                    <a:lnTo>
                      <a:pt x="116" y="259"/>
                    </a:lnTo>
                    <a:lnTo>
                      <a:pt x="115" y="261"/>
                    </a:lnTo>
                    <a:lnTo>
                      <a:pt x="115" y="259"/>
                    </a:lnTo>
                    <a:lnTo>
                      <a:pt x="113" y="259"/>
                    </a:lnTo>
                    <a:lnTo>
                      <a:pt x="111" y="259"/>
                    </a:lnTo>
                    <a:lnTo>
                      <a:pt x="109" y="259"/>
                    </a:lnTo>
                    <a:lnTo>
                      <a:pt x="109" y="261"/>
                    </a:lnTo>
                    <a:lnTo>
                      <a:pt x="107" y="261"/>
                    </a:lnTo>
                    <a:lnTo>
                      <a:pt x="107" y="263"/>
                    </a:lnTo>
                    <a:lnTo>
                      <a:pt x="105" y="263"/>
                    </a:lnTo>
                    <a:lnTo>
                      <a:pt x="105" y="265"/>
                    </a:lnTo>
                    <a:lnTo>
                      <a:pt x="103" y="265"/>
                    </a:lnTo>
                    <a:lnTo>
                      <a:pt x="102" y="265"/>
                    </a:lnTo>
                    <a:lnTo>
                      <a:pt x="100" y="265"/>
                    </a:lnTo>
                    <a:lnTo>
                      <a:pt x="102" y="263"/>
                    </a:lnTo>
                    <a:lnTo>
                      <a:pt x="103" y="261"/>
                    </a:lnTo>
                    <a:lnTo>
                      <a:pt x="103" y="259"/>
                    </a:lnTo>
                    <a:lnTo>
                      <a:pt x="103" y="258"/>
                    </a:lnTo>
                    <a:lnTo>
                      <a:pt x="105" y="258"/>
                    </a:lnTo>
                    <a:lnTo>
                      <a:pt x="107" y="258"/>
                    </a:lnTo>
                    <a:lnTo>
                      <a:pt x="107" y="256"/>
                    </a:lnTo>
                    <a:lnTo>
                      <a:pt x="107" y="254"/>
                    </a:lnTo>
                    <a:lnTo>
                      <a:pt x="109" y="250"/>
                    </a:lnTo>
                    <a:lnTo>
                      <a:pt x="109" y="248"/>
                    </a:lnTo>
                    <a:lnTo>
                      <a:pt x="107" y="248"/>
                    </a:lnTo>
                    <a:lnTo>
                      <a:pt x="107" y="246"/>
                    </a:lnTo>
                    <a:lnTo>
                      <a:pt x="107" y="245"/>
                    </a:lnTo>
                    <a:lnTo>
                      <a:pt x="109" y="243"/>
                    </a:lnTo>
                    <a:lnTo>
                      <a:pt x="107" y="243"/>
                    </a:lnTo>
                    <a:lnTo>
                      <a:pt x="105" y="241"/>
                    </a:lnTo>
                    <a:lnTo>
                      <a:pt x="103" y="237"/>
                    </a:lnTo>
                    <a:lnTo>
                      <a:pt x="103" y="230"/>
                    </a:lnTo>
                    <a:lnTo>
                      <a:pt x="103" y="228"/>
                    </a:lnTo>
                    <a:lnTo>
                      <a:pt x="103" y="226"/>
                    </a:lnTo>
                    <a:lnTo>
                      <a:pt x="103" y="224"/>
                    </a:lnTo>
                    <a:lnTo>
                      <a:pt x="102" y="224"/>
                    </a:lnTo>
                    <a:lnTo>
                      <a:pt x="102" y="222"/>
                    </a:lnTo>
                    <a:lnTo>
                      <a:pt x="103" y="222"/>
                    </a:lnTo>
                    <a:lnTo>
                      <a:pt x="103" y="221"/>
                    </a:lnTo>
                    <a:lnTo>
                      <a:pt x="105" y="219"/>
                    </a:lnTo>
                    <a:lnTo>
                      <a:pt x="105" y="217"/>
                    </a:lnTo>
                    <a:lnTo>
                      <a:pt x="105" y="215"/>
                    </a:lnTo>
                    <a:lnTo>
                      <a:pt x="105" y="213"/>
                    </a:lnTo>
                    <a:lnTo>
                      <a:pt x="105" y="211"/>
                    </a:lnTo>
                    <a:lnTo>
                      <a:pt x="103" y="211"/>
                    </a:lnTo>
                    <a:lnTo>
                      <a:pt x="102" y="209"/>
                    </a:lnTo>
                    <a:lnTo>
                      <a:pt x="100" y="209"/>
                    </a:lnTo>
                    <a:lnTo>
                      <a:pt x="98" y="209"/>
                    </a:lnTo>
                    <a:lnTo>
                      <a:pt x="96" y="209"/>
                    </a:lnTo>
                    <a:lnTo>
                      <a:pt x="94" y="209"/>
                    </a:lnTo>
                    <a:lnTo>
                      <a:pt x="94" y="208"/>
                    </a:lnTo>
                    <a:lnTo>
                      <a:pt x="92" y="208"/>
                    </a:lnTo>
                    <a:lnTo>
                      <a:pt x="90" y="208"/>
                    </a:lnTo>
                    <a:lnTo>
                      <a:pt x="89" y="208"/>
                    </a:lnTo>
                    <a:lnTo>
                      <a:pt x="89" y="206"/>
                    </a:lnTo>
                    <a:lnTo>
                      <a:pt x="87" y="206"/>
                    </a:lnTo>
                    <a:lnTo>
                      <a:pt x="85" y="206"/>
                    </a:lnTo>
                    <a:lnTo>
                      <a:pt x="83" y="204"/>
                    </a:lnTo>
                    <a:lnTo>
                      <a:pt x="81" y="204"/>
                    </a:lnTo>
                    <a:lnTo>
                      <a:pt x="79" y="204"/>
                    </a:lnTo>
                    <a:lnTo>
                      <a:pt x="78" y="204"/>
                    </a:lnTo>
                    <a:lnTo>
                      <a:pt x="76" y="202"/>
                    </a:lnTo>
                    <a:lnTo>
                      <a:pt x="74" y="202"/>
                    </a:lnTo>
                    <a:lnTo>
                      <a:pt x="72" y="202"/>
                    </a:lnTo>
                    <a:lnTo>
                      <a:pt x="72" y="200"/>
                    </a:lnTo>
                    <a:lnTo>
                      <a:pt x="72" y="202"/>
                    </a:lnTo>
                    <a:lnTo>
                      <a:pt x="72" y="200"/>
                    </a:lnTo>
                    <a:lnTo>
                      <a:pt x="70" y="200"/>
                    </a:lnTo>
                    <a:lnTo>
                      <a:pt x="68" y="200"/>
                    </a:lnTo>
                    <a:lnTo>
                      <a:pt x="66" y="200"/>
                    </a:lnTo>
                    <a:lnTo>
                      <a:pt x="65" y="200"/>
                    </a:lnTo>
                    <a:lnTo>
                      <a:pt x="63" y="200"/>
                    </a:lnTo>
                    <a:lnTo>
                      <a:pt x="61" y="198"/>
                    </a:lnTo>
                    <a:lnTo>
                      <a:pt x="59" y="198"/>
                    </a:lnTo>
                    <a:lnTo>
                      <a:pt x="57" y="198"/>
                    </a:lnTo>
                    <a:lnTo>
                      <a:pt x="57" y="200"/>
                    </a:lnTo>
                    <a:lnTo>
                      <a:pt x="55" y="200"/>
                    </a:lnTo>
                    <a:lnTo>
                      <a:pt x="55" y="198"/>
                    </a:lnTo>
                    <a:lnTo>
                      <a:pt x="54" y="198"/>
                    </a:lnTo>
                    <a:lnTo>
                      <a:pt x="52" y="198"/>
                    </a:lnTo>
                    <a:lnTo>
                      <a:pt x="50" y="198"/>
                    </a:lnTo>
                    <a:lnTo>
                      <a:pt x="50" y="200"/>
                    </a:lnTo>
                    <a:lnTo>
                      <a:pt x="48" y="200"/>
                    </a:lnTo>
                    <a:lnTo>
                      <a:pt x="46" y="198"/>
                    </a:lnTo>
                    <a:lnTo>
                      <a:pt x="44" y="198"/>
                    </a:lnTo>
                    <a:lnTo>
                      <a:pt x="42" y="198"/>
                    </a:lnTo>
                    <a:lnTo>
                      <a:pt x="41" y="198"/>
                    </a:lnTo>
                    <a:lnTo>
                      <a:pt x="39" y="197"/>
                    </a:lnTo>
                    <a:lnTo>
                      <a:pt x="37" y="197"/>
                    </a:lnTo>
                    <a:lnTo>
                      <a:pt x="35" y="197"/>
                    </a:lnTo>
                    <a:lnTo>
                      <a:pt x="33" y="195"/>
                    </a:lnTo>
                    <a:lnTo>
                      <a:pt x="31" y="195"/>
                    </a:lnTo>
                    <a:lnTo>
                      <a:pt x="31" y="193"/>
                    </a:lnTo>
                    <a:lnTo>
                      <a:pt x="29" y="193"/>
                    </a:lnTo>
                    <a:lnTo>
                      <a:pt x="29" y="191"/>
                    </a:lnTo>
                    <a:lnTo>
                      <a:pt x="29" y="189"/>
                    </a:lnTo>
                    <a:lnTo>
                      <a:pt x="28" y="189"/>
                    </a:lnTo>
                    <a:lnTo>
                      <a:pt x="28" y="187"/>
                    </a:lnTo>
                    <a:lnTo>
                      <a:pt x="28" y="185"/>
                    </a:lnTo>
                    <a:lnTo>
                      <a:pt x="28" y="187"/>
                    </a:lnTo>
                    <a:lnTo>
                      <a:pt x="28" y="185"/>
                    </a:lnTo>
                    <a:lnTo>
                      <a:pt x="26" y="185"/>
                    </a:lnTo>
                    <a:lnTo>
                      <a:pt x="26" y="184"/>
                    </a:lnTo>
                    <a:lnTo>
                      <a:pt x="26" y="185"/>
                    </a:lnTo>
                    <a:lnTo>
                      <a:pt x="24" y="184"/>
                    </a:lnTo>
                    <a:lnTo>
                      <a:pt x="24" y="185"/>
                    </a:lnTo>
                    <a:lnTo>
                      <a:pt x="22" y="185"/>
                    </a:lnTo>
                    <a:lnTo>
                      <a:pt x="22" y="184"/>
                    </a:lnTo>
                    <a:lnTo>
                      <a:pt x="20" y="184"/>
                    </a:lnTo>
                    <a:lnTo>
                      <a:pt x="18" y="184"/>
                    </a:lnTo>
                    <a:lnTo>
                      <a:pt x="17" y="184"/>
                    </a:lnTo>
                    <a:lnTo>
                      <a:pt x="17" y="182"/>
                    </a:lnTo>
                    <a:lnTo>
                      <a:pt x="17" y="180"/>
                    </a:lnTo>
                    <a:lnTo>
                      <a:pt x="15" y="180"/>
                    </a:lnTo>
                    <a:lnTo>
                      <a:pt x="15" y="178"/>
                    </a:lnTo>
                    <a:lnTo>
                      <a:pt x="15" y="176"/>
                    </a:lnTo>
                    <a:lnTo>
                      <a:pt x="13" y="176"/>
                    </a:lnTo>
                    <a:lnTo>
                      <a:pt x="13" y="178"/>
                    </a:lnTo>
                    <a:lnTo>
                      <a:pt x="11" y="178"/>
                    </a:lnTo>
                    <a:lnTo>
                      <a:pt x="9" y="178"/>
                    </a:lnTo>
                    <a:lnTo>
                      <a:pt x="9" y="180"/>
                    </a:lnTo>
                    <a:lnTo>
                      <a:pt x="9" y="178"/>
                    </a:lnTo>
                    <a:lnTo>
                      <a:pt x="7" y="178"/>
                    </a:lnTo>
                    <a:lnTo>
                      <a:pt x="5" y="178"/>
                    </a:lnTo>
                    <a:lnTo>
                      <a:pt x="4" y="178"/>
                    </a:lnTo>
                    <a:lnTo>
                      <a:pt x="2" y="176"/>
                    </a:lnTo>
                    <a:lnTo>
                      <a:pt x="0" y="174"/>
                    </a:lnTo>
                    <a:lnTo>
                      <a:pt x="0" y="171"/>
                    </a:lnTo>
                    <a:lnTo>
                      <a:pt x="4" y="167"/>
                    </a:lnTo>
                    <a:lnTo>
                      <a:pt x="5" y="167"/>
                    </a:lnTo>
                    <a:lnTo>
                      <a:pt x="7" y="167"/>
                    </a:lnTo>
                    <a:lnTo>
                      <a:pt x="18" y="165"/>
                    </a:lnTo>
                    <a:lnTo>
                      <a:pt x="24" y="165"/>
                    </a:lnTo>
                    <a:lnTo>
                      <a:pt x="28" y="163"/>
                    </a:lnTo>
                    <a:lnTo>
                      <a:pt x="35" y="163"/>
                    </a:lnTo>
                    <a:lnTo>
                      <a:pt x="37" y="163"/>
                    </a:lnTo>
                    <a:lnTo>
                      <a:pt x="42" y="161"/>
                    </a:lnTo>
                    <a:lnTo>
                      <a:pt x="52" y="161"/>
                    </a:lnTo>
                    <a:lnTo>
                      <a:pt x="52" y="160"/>
                    </a:lnTo>
                    <a:lnTo>
                      <a:pt x="54" y="160"/>
                    </a:lnTo>
                    <a:lnTo>
                      <a:pt x="55" y="158"/>
                    </a:lnTo>
                    <a:lnTo>
                      <a:pt x="57" y="156"/>
                    </a:lnTo>
                    <a:lnTo>
                      <a:pt x="59" y="154"/>
                    </a:lnTo>
                    <a:lnTo>
                      <a:pt x="61" y="152"/>
                    </a:lnTo>
                    <a:lnTo>
                      <a:pt x="66" y="150"/>
                    </a:lnTo>
                    <a:lnTo>
                      <a:pt x="76" y="147"/>
                    </a:lnTo>
                    <a:lnTo>
                      <a:pt x="81" y="145"/>
                    </a:lnTo>
                    <a:lnTo>
                      <a:pt x="87" y="143"/>
                    </a:lnTo>
                    <a:lnTo>
                      <a:pt x="96" y="143"/>
                    </a:lnTo>
                    <a:lnTo>
                      <a:pt x="100" y="141"/>
                    </a:lnTo>
                    <a:lnTo>
                      <a:pt x="102" y="139"/>
                    </a:lnTo>
                    <a:lnTo>
                      <a:pt x="105" y="137"/>
                    </a:lnTo>
                    <a:lnTo>
                      <a:pt x="107" y="137"/>
                    </a:lnTo>
                    <a:lnTo>
                      <a:pt x="111" y="135"/>
                    </a:lnTo>
                    <a:lnTo>
                      <a:pt x="113" y="134"/>
                    </a:lnTo>
                    <a:lnTo>
                      <a:pt x="115" y="130"/>
                    </a:lnTo>
                    <a:lnTo>
                      <a:pt x="116" y="128"/>
                    </a:lnTo>
                    <a:lnTo>
                      <a:pt x="116" y="126"/>
                    </a:lnTo>
                    <a:lnTo>
                      <a:pt x="118" y="124"/>
                    </a:lnTo>
                    <a:lnTo>
                      <a:pt x="120" y="123"/>
                    </a:lnTo>
                    <a:lnTo>
                      <a:pt x="122" y="119"/>
                    </a:lnTo>
                    <a:lnTo>
                      <a:pt x="124" y="119"/>
                    </a:lnTo>
                    <a:lnTo>
                      <a:pt x="129" y="115"/>
                    </a:lnTo>
                    <a:lnTo>
                      <a:pt x="131" y="111"/>
                    </a:lnTo>
                    <a:lnTo>
                      <a:pt x="133" y="111"/>
                    </a:lnTo>
                    <a:lnTo>
                      <a:pt x="135" y="110"/>
                    </a:lnTo>
                    <a:lnTo>
                      <a:pt x="135" y="108"/>
                    </a:lnTo>
                    <a:lnTo>
                      <a:pt x="137" y="106"/>
                    </a:lnTo>
                    <a:lnTo>
                      <a:pt x="137" y="104"/>
                    </a:lnTo>
                    <a:lnTo>
                      <a:pt x="137" y="102"/>
                    </a:lnTo>
                    <a:lnTo>
                      <a:pt x="137" y="98"/>
                    </a:lnTo>
                    <a:lnTo>
                      <a:pt x="137" y="95"/>
                    </a:lnTo>
                    <a:lnTo>
                      <a:pt x="137" y="91"/>
                    </a:lnTo>
                    <a:lnTo>
                      <a:pt x="139" y="87"/>
                    </a:lnTo>
                    <a:lnTo>
                      <a:pt x="139" y="86"/>
                    </a:lnTo>
                    <a:lnTo>
                      <a:pt x="140" y="82"/>
                    </a:lnTo>
                    <a:lnTo>
                      <a:pt x="142" y="76"/>
                    </a:lnTo>
                    <a:lnTo>
                      <a:pt x="144" y="74"/>
                    </a:lnTo>
                    <a:lnTo>
                      <a:pt x="146" y="73"/>
                    </a:lnTo>
                    <a:lnTo>
                      <a:pt x="148" y="73"/>
                    </a:lnTo>
                    <a:lnTo>
                      <a:pt x="150" y="73"/>
                    </a:lnTo>
                    <a:lnTo>
                      <a:pt x="151" y="71"/>
                    </a:lnTo>
                    <a:lnTo>
                      <a:pt x="153" y="73"/>
                    </a:lnTo>
                    <a:lnTo>
                      <a:pt x="157" y="73"/>
                    </a:lnTo>
                    <a:lnTo>
                      <a:pt x="159" y="73"/>
                    </a:lnTo>
                    <a:lnTo>
                      <a:pt x="163" y="73"/>
                    </a:lnTo>
                    <a:lnTo>
                      <a:pt x="164" y="74"/>
                    </a:lnTo>
                    <a:lnTo>
                      <a:pt x="166" y="74"/>
                    </a:lnTo>
                    <a:lnTo>
                      <a:pt x="166" y="76"/>
                    </a:lnTo>
                    <a:lnTo>
                      <a:pt x="166" y="78"/>
                    </a:lnTo>
                    <a:lnTo>
                      <a:pt x="168" y="80"/>
                    </a:lnTo>
                    <a:lnTo>
                      <a:pt x="170" y="80"/>
                    </a:lnTo>
                    <a:lnTo>
                      <a:pt x="170" y="82"/>
                    </a:lnTo>
                    <a:lnTo>
                      <a:pt x="172" y="84"/>
                    </a:lnTo>
                    <a:lnTo>
                      <a:pt x="174" y="84"/>
                    </a:lnTo>
                    <a:lnTo>
                      <a:pt x="176" y="84"/>
                    </a:lnTo>
                    <a:lnTo>
                      <a:pt x="177" y="84"/>
                    </a:lnTo>
                    <a:lnTo>
                      <a:pt x="179" y="84"/>
                    </a:lnTo>
                    <a:lnTo>
                      <a:pt x="181" y="84"/>
                    </a:lnTo>
                    <a:lnTo>
                      <a:pt x="185" y="82"/>
                    </a:lnTo>
                    <a:lnTo>
                      <a:pt x="187" y="80"/>
                    </a:lnTo>
                    <a:lnTo>
                      <a:pt x="188" y="80"/>
                    </a:lnTo>
                    <a:lnTo>
                      <a:pt x="190" y="80"/>
                    </a:lnTo>
                    <a:lnTo>
                      <a:pt x="192" y="78"/>
                    </a:lnTo>
                    <a:lnTo>
                      <a:pt x="196" y="76"/>
                    </a:lnTo>
                    <a:lnTo>
                      <a:pt x="198" y="74"/>
                    </a:lnTo>
                    <a:lnTo>
                      <a:pt x="200" y="73"/>
                    </a:lnTo>
                    <a:lnTo>
                      <a:pt x="203" y="71"/>
                    </a:lnTo>
                    <a:lnTo>
                      <a:pt x="209" y="71"/>
                    </a:lnTo>
                    <a:lnTo>
                      <a:pt x="211" y="69"/>
                    </a:lnTo>
                    <a:lnTo>
                      <a:pt x="214" y="69"/>
                    </a:lnTo>
                    <a:lnTo>
                      <a:pt x="216" y="69"/>
                    </a:lnTo>
                    <a:lnTo>
                      <a:pt x="218" y="69"/>
                    </a:lnTo>
                    <a:lnTo>
                      <a:pt x="224" y="71"/>
                    </a:lnTo>
                    <a:lnTo>
                      <a:pt x="227" y="71"/>
                    </a:lnTo>
                    <a:lnTo>
                      <a:pt x="229" y="69"/>
                    </a:lnTo>
                    <a:lnTo>
                      <a:pt x="231" y="69"/>
                    </a:lnTo>
                    <a:lnTo>
                      <a:pt x="235" y="69"/>
                    </a:lnTo>
                    <a:lnTo>
                      <a:pt x="237" y="69"/>
                    </a:lnTo>
                    <a:lnTo>
                      <a:pt x="238" y="71"/>
                    </a:lnTo>
                    <a:lnTo>
                      <a:pt x="240" y="71"/>
                    </a:lnTo>
                    <a:lnTo>
                      <a:pt x="242" y="71"/>
                    </a:lnTo>
                    <a:lnTo>
                      <a:pt x="246" y="73"/>
                    </a:lnTo>
                    <a:lnTo>
                      <a:pt x="248" y="73"/>
                    </a:lnTo>
                    <a:lnTo>
                      <a:pt x="248" y="74"/>
                    </a:lnTo>
                    <a:lnTo>
                      <a:pt x="249" y="76"/>
                    </a:lnTo>
                    <a:lnTo>
                      <a:pt x="251" y="76"/>
                    </a:lnTo>
                    <a:lnTo>
                      <a:pt x="253" y="80"/>
                    </a:lnTo>
                    <a:lnTo>
                      <a:pt x="255" y="82"/>
                    </a:lnTo>
                    <a:lnTo>
                      <a:pt x="257" y="84"/>
                    </a:lnTo>
                    <a:lnTo>
                      <a:pt x="259" y="84"/>
                    </a:lnTo>
                    <a:lnTo>
                      <a:pt x="261" y="86"/>
                    </a:lnTo>
                    <a:lnTo>
                      <a:pt x="264" y="91"/>
                    </a:lnTo>
                    <a:lnTo>
                      <a:pt x="266" y="93"/>
                    </a:lnTo>
                    <a:lnTo>
                      <a:pt x="268" y="97"/>
                    </a:lnTo>
                    <a:lnTo>
                      <a:pt x="268" y="98"/>
                    </a:lnTo>
                    <a:lnTo>
                      <a:pt x="268" y="100"/>
                    </a:lnTo>
                    <a:lnTo>
                      <a:pt x="270" y="102"/>
                    </a:lnTo>
                    <a:lnTo>
                      <a:pt x="270" y="104"/>
                    </a:lnTo>
                    <a:lnTo>
                      <a:pt x="272" y="104"/>
                    </a:lnTo>
                    <a:lnTo>
                      <a:pt x="272" y="108"/>
                    </a:lnTo>
                    <a:lnTo>
                      <a:pt x="272" y="111"/>
                    </a:lnTo>
                    <a:lnTo>
                      <a:pt x="272" y="113"/>
                    </a:lnTo>
                    <a:lnTo>
                      <a:pt x="272" y="115"/>
                    </a:lnTo>
                    <a:lnTo>
                      <a:pt x="272" y="117"/>
                    </a:lnTo>
                    <a:lnTo>
                      <a:pt x="270" y="119"/>
                    </a:lnTo>
                    <a:lnTo>
                      <a:pt x="268" y="121"/>
                    </a:lnTo>
                    <a:lnTo>
                      <a:pt x="266" y="124"/>
                    </a:lnTo>
                    <a:lnTo>
                      <a:pt x="266" y="126"/>
                    </a:lnTo>
                    <a:lnTo>
                      <a:pt x="266" y="128"/>
                    </a:lnTo>
                    <a:lnTo>
                      <a:pt x="266" y="130"/>
                    </a:lnTo>
                    <a:lnTo>
                      <a:pt x="266" y="132"/>
                    </a:lnTo>
                    <a:lnTo>
                      <a:pt x="268" y="135"/>
                    </a:lnTo>
                    <a:lnTo>
                      <a:pt x="268" y="137"/>
                    </a:lnTo>
                    <a:lnTo>
                      <a:pt x="268" y="139"/>
                    </a:lnTo>
                    <a:lnTo>
                      <a:pt x="270" y="143"/>
                    </a:lnTo>
                    <a:lnTo>
                      <a:pt x="273" y="147"/>
                    </a:lnTo>
                    <a:lnTo>
                      <a:pt x="275" y="148"/>
                    </a:lnTo>
                    <a:lnTo>
                      <a:pt x="275" y="150"/>
                    </a:lnTo>
                    <a:lnTo>
                      <a:pt x="277" y="150"/>
                    </a:lnTo>
                    <a:lnTo>
                      <a:pt x="281" y="152"/>
                    </a:lnTo>
                    <a:lnTo>
                      <a:pt x="281" y="154"/>
                    </a:lnTo>
                    <a:lnTo>
                      <a:pt x="285" y="154"/>
                    </a:lnTo>
                    <a:lnTo>
                      <a:pt x="286" y="154"/>
                    </a:lnTo>
                    <a:lnTo>
                      <a:pt x="288" y="154"/>
                    </a:lnTo>
                    <a:lnTo>
                      <a:pt x="292" y="154"/>
                    </a:lnTo>
                    <a:lnTo>
                      <a:pt x="294" y="154"/>
                    </a:lnTo>
                    <a:lnTo>
                      <a:pt x="298" y="154"/>
                    </a:lnTo>
                    <a:lnTo>
                      <a:pt x="301" y="154"/>
                    </a:lnTo>
                    <a:lnTo>
                      <a:pt x="303" y="154"/>
                    </a:lnTo>
                    <a:lnTo>
                      <a:pt x="307" y="156"/>
                    </a:lnTo>
                    <a:lnTo>
                      <a:pt x="310" y="158"/>
                    </a:lnTo>
                    <a:lnTo>
                      <a:pt x="312" y="160"/>
                    </a:lnTo>
                    <a:lnTo>
                      <a:pt x="314" y="160"/>
                    </a:lnTo>
                    <a:lnTo>
                      <a:pt x="316" y="160"/>
                    </a:lnTo>
                    <a:lnTo>
                      <a:pt x="320" y="160"/>
                    </a:lnTo>
                    <a:lnTo>
                      <a:pt x="322" y="160"/>
                    </a:lnTo>
                    <a:lnTo>
                      <a:pt x="323" y="158"/>
                    </a:lnTo>
                    <a:lnTo>
                      <a:pt x="325" y="156"/>
                    </a:lnTo>
                    <a:lnTo>
                      <a:pt x="327" y="152"/>
                    </a:lnTo>
                    <a:lnTo>
                      <a:pt x="327" y="150"/>
                    </a:lnTo>
                    <a:lnTo>
                      <a:pt x="327" y="148"/>
                    </a:lnTo>
                    <a:lnTo>
                      <a:pt x="327" y="147"/>
                    </a:lnTo>
                    <a:lnTo>
                      <a:pt x="327" y="143"/>
                    </a:lnTo>
                    <a:lnTo>
                      <a:pt x="327" y="141"/>
                    </a:lnTo>
                    <a:lnTo>
                      <a:pt x="329" y="139"/>
                    </a:lnTo>
                    <a:lnTo>
                      <a:pt x="329" y="137"/>
                    </a:lnTo>
                    <a:lnTo>
                      <a:pt x="331" y="135"/>
                    </a:lnTo>
                    <a:lnTo>
                      <a:pt x="333" y="135"/>
                    </a:lnTo>
                    <a:lnTo>
                      <a:pt x="334" y="134"/>
                    </a:lnTo>
                    <a:lnTo>
                      <a:pt x="336" y="132"/>
                    </a:lnTo>
                    <a:lnTo>
                      <a:pt x="338" y="132"/>
                    </a:lnTo>
                    <a:lnTo>
                      <a:pt x="340" y="132"/>
                    </a:lnTo>
                    <a:lnTo>
                      <a:pt x="342" y="132"/>
                    </a:lnTo>
                    <a:lnTo>
                      <a:pt x="344" y="132"/>
                    </a:lnTo>
                    <a:lnTo>
                      <a:pt x="346" y="134"/>
                    </a:lnTo>
                    <a:lnTo>
                      <a:pt x="347" y="134"/>
                    </a:lnTo>
                    <a:lnTo>
                      <a:pt x="349" y="135"/>
                    </a:lnTo>
                    <a:lnTo>
                      <a:pt x="353" y="135"/>
                    </a:lnTo>
                    <a:lnTo>
                      <a:pt x="355" y="135"/>
                    </a:lnTo>
                    <a:lnTo>
                      <a:pt x="357" y="135"/>
                    </a:lnTo>
                    <a:lnTo>
                      <a:pt x="359" y="137"/>
                    </a:lnTo>
                    <a:lnTo>
                      <a:pt x="360" y="137"/>
                    </a:lnTo>
                    <a:lnTo>
                      <a:pt x="362" y="137"/>
                    </a:lnTo>
                    <a:lnTo>
                      <a:pt x="364" y="137"/>
                    </a:lnTo>
                    <a:lnTo>
                      <a:pt x="366" y="137"/>
                    </a:lnTo>
                    <a:lnTo>
                      <a:pt x="368" y="137"/>
                    </a:lnTo>
                    <a:lnTo>
                      <a:pt x="370" y="137"/>
                    </a:lnTo>
                    <a:lnTo>
                      <a:pt x="371" y="137"/>
                    </a:lnTo>
                    <a:lnTo>
                      <a:pt x="373" y="137"/>
                    </a:lnTo>
                    <a:lnTo>
                      <a:pt x="375" y="135"/>
                    </a:lnTo>
                    <a:lnTo>
                      <a:pt x="377" y="135"/>
                    </a:lnTo>
                    <a:lnTo>
                      <a:pt x="379" y="135"/>
                    </a:lnTo>
                    <a:lnTo>
                      <a:pt x="381" y="135"/>
                    </a:lnTo>
                    <a:lnTo>
                      <a:pt x="383" y="135"/>
                    </a:lnTo>
                    <a:lnTo>
                      <a:pt x="388" y="134"/>
                    </a:lnTo>
                    <a:lnTo>
                      <a:pt x="390" y="134"/>
                    </a:lnTo>
                    <a:lnTo>
                      <a:pt x="392" y="134"/>
                    </a:lnTo>
                    <a:lnTo>
                      <a:pt x="394" y="134"/>
                    </a:lnTo>
                    <a:lnTo>
                      <a:pt x="395" y="134"/>
                    </a:lnTo>
                    <a:lnTo>
                      <a:pt x="397" y="135"/>
                    </a:lnTo>
                    <a:lnTo>
                      <a:pt x="399" y="135"/>
                    </a:lnTo>
                    <a:lnTo>
                      <a:pt x="401" y="135"/>
                    </a:lnTo>
                    <a:lnTo>
                      <a:pt x="403" y="137"/>
                    </a:lnTo>
                    <a:lnTo>
                      <a:pt x="405" y="137"/>
                    </a:lnTo>
                    <a:lnTo>
                      <a:pt x="408" y="141"/>
                    </a:lnTo>
                    <a:lnTo>
                      <a:pt x="412" y="143"/>
                    </a:lnTo>
                    <a:lnTo>
                      <a:pt x="414" y="145"/>
                    </a:lnTo>
                    <a:lnTo>
                      <a:pt x="416" y="145"/>
                    </a:lnTo>
                    <a:lnTo>
                      <a:pt x="418" y="145"/>
                    </a:lnTo>
                    <a:lnTo>
                      <a:pt x="420" y="147"/>
                    </a:lnTo>
                    <a:lnTo>
                      <a:pt x="423" y="147"/>
                    </a:lnTo>
                    <a:lnTo>
                      <a:pt x="425" y="147"/>
                    </a:lnTo>
                    <a:lnTo>
                      <a:pt x="427" y="145"/>
                    </a:lnTo>
                    <a:lnTo>
                      <a:pt x="429" y="145"/>
                    </a:lnTo>
                    <a:lnTo>
                      <a:pt x="431" y="143"/>
                    </a:lnTo>
                    <a:lnTo>
                      <a:pt x="434" y="143"/>
                    </a:lnTo>
                    <a:lnTo>
                      <a:pt x="436" y="143"/>
                    </a:lnTo>
                    <a:lnTo>
                      <a:pt x="438" y="143"/>
                    </a:lnTo>
                    <a:lnTo>
                      <a:pt x="444" y="141"/>
                    </a:lnTo>
                    <a:lnTo>
                      <a:pt x="447" y="141"/>
                    </a:lnTo>
                    <a:lnTo>
                      <a:pt x="449" y="139"/>
                    </a:lnTo>
                    <a:lnTo>
                      <a:pt x="451" y="139"/>
                    </a:lnTo>
                    <a:lnTo>
                      <a:pt x="455" y="137"/>
                    </a:lnTo>
                    <a:lnTo>
                      <a:pt x="458" y="135"/>
                    </a:lnTo>
                    <a:lnTo>
                      <a:pt x="460" y="135"/>
                    </a:lnTo>
                    <a:lnTo>
                      <a:pt x="460" y="134"/>
                    </a:lnTo>
                    <a:lnTo>
                      <a:pt x="462" y="134"/>
                    </a:lnTo>
                    <a:lnTo>
                      <a:pt x="462" y="132"/>
                    </a:lnTo>
                    <a:lnTo>
                      <a:pt x="464" y="132"/>
                    </a:lnTo>
                    <a:lnTo>
                      <a:pt x="464" y="130"/>
                    </a:lnTo>
                    <a:lnTo>
                      <a:pt x="468" y="130"/>
                    </a:lnTo>
                    <a:lnTo>
                      <a:pt x="468" y="128"/>
                    </a:lnTo>
                    <a:lnTo>
                      <a:pt x="469" y="126"/>
                    </a:lnTo>
                    <a:lnTo>
                      <a:pt x="471" y="126"/>
                    </a:lnTo>
                    <a:lnTo>
                      <a:pt x="471" y="124"/>
                    </a:lnTo>
                    <a:lnTo>
                      <a:pt x="473" y="124"/>
                    </a:lnTo>
                    <a:lnTo>
                      <a:pt x="473" y="123"/>
                    </a:lnTo>
                    <a:lnTo>
                      <a:pt x="475" y="123"/>
                    </a:lnTo>
                    <a:lnTo>
                      <a:pt x="475" y="121"/>
                    </a:lnTo>
                    <a:lnTo>
                      <a:pt x="475" y="119"/>
                    </a:lnTo>
                    <a:lnTo>
                      <a:pt x="477" y="119"/>
                    </a:lnTo>
                    <a:lnTo>
                      <a:pt x="479" y="119"/>
                    </a:lnTo>
                    <a:lnTo>
                      <a:pt x="481" y="121"/>
                    </a:lnTo>
                    <a:lnTo>
                      <a:pt x="482" y="119"/>
                    </a:lnTo>
                    <a:lnTo>
                      <a:pt x="484" y="119"/>
                    </a:lnTo>
                    <a:lnTo>
                      <a:pt x="486" y="117"/>
                    </a:lnTo>
                    <a:lnTo>
                      <a:pt x="488" y="117"/>
                    </a:lnTo>
                    <a:lnTo>
                      <a:pt x="490" y="117"/>
                    </a:lnTo>
                    <a:lnTo>
                      <a:pt x="492" y="117"/>
                    </a:lnTo>
                    <a:lnTo>
                      <a:pt x="493" y="119"/>
                    </a:lnTo>
                    <a:lnTo>
                      <a:pt x="497" y="123"/>
                    </a:lnTo>
                    <a:lnTo>
                      <a:pt x="497" y="124"/>
                    </a:lnTo>
                    <a:lnTo>
                      <a:pt x="499" y="124"/>
                    </a:lnTo>
                    <a:lnTo>
                      <a:pt x="501" y="126"/>
                    </a:lnTo>
                    <a:lnTo>
                      <a:pt x="503" y="128"/>
                    </a:lnTo>
                    <a:lnTo>
                      <a:pt x="505" y="128"/>
                    </a:lnTo>
                    <a:lnTo>
                      <a:pt x="506" y="130"/>
                    </a:lnTo>
                    <a:lnTo>
                      <a:pt x="508" y="130"/>
                    </a:lnTo>
                    <a:lnTo>
                      <a:pt x="508" y="132"/>
                    </a:lnTo>
                    <a:lnTo>
                      <a:pt x="512" y="132"/>
                    </a:lnTo>
                    <a:lnTo>
                      <a:pt x="514" y="132"/>
                    </a:lnTo>
                    <a:lnTo>
                      <a:pt x="516" y="132"/>
                    </a:lnTo>
                    <a:lnTo>
                      <a:pt x="517" y="130"/>
                    </a:lnTo>
                    <a:lnTo>
                      <a:pt x="519" y="130"/>
                    </a:lnTo>
                    <a:lnTo>
                      <a:pt x="521" y="128"/>
                    </a:lnTo>
                    <a:lnTo>
                      <a:pt x="523" y="128"/>
                    </a:lnTo>
                    <a:lnTo>
                      <a:pt x="527" y="126"/>
                    </a:lnTo>
                    <a:lnTo>
                      <a:pt x="529" y="124"/>
                    </a:lnTo>
                    <a:lnTo>
                      <a:pt x="529" y="123"/>
                    </a:lnTo>
                    <a:lnTo>
                      <a:pt x="530" y="121"/>
                    </a:lnTo>
                    <a:lnTo>
                      <a:pt x="532" y="119"/>
                    </a:lnTo>
                    <a:lnTo>
                      <a:pt x="532" y="117"/>
                    </a:lnTo>
                    <a:lnTo>
                      <a:pt x="534" y="115"/>
                    </a:lnTo>
                    <a:lnTo>
                      <a:pt x="534" y="113"/>
                    </a:lnTo>
                    <a:lnTo>
                      <a:pt x="534" y="111"/>
                    </a:lnTo>
                    <a:lnTo>
                      <a:pt x="534" y="110"/>
                    </a:lnTo>
                    <a:lnTo>
                      <a:pt x="534" y="108"/>
                    </a:lnTo>
                    <a:lnTo>
                      <a:pt x="534" y="106"/>
                    </a:lnTo>
                    <a:lnTo>
                      <a:pt x="534" y="104"/>
                    </a:lnTo>
                    <a:lnTo>
                      <a:pt x="536" y="104"/>
                    </a:lnTo>
                    <a:lnTo>
                      <a:pt x="536" y="100"/>
                    </a:lnTo>
                    <a:lnTo>
                      <a:pt x="536" y="97"/>
                    </a:lnTo>
                    <a:lnTo>
                      <a:pt x="536" y="95"/>
                    </a:lnTo>
                    <a:lnTo>
                      <a:pt x="536" y="93"/>
                    </a:lnTo>
                    <a:lnTo>
                      <a:pt x="536" y="91"/>
                    </a:lnTo>
                    <a:lnTo>
                      <a:pt x="538" y="89"/>
                    </a:lnTo>
                    <a:lnTo>
                      <a:pt x="538" y="87"/>
                    </a:lnTo>
                    <a:lnTo>
                      <a:pt x="540" y="86"/>
                    </a:lnTo>
                    <a:lnTo>
                      <a:pt x="542" y="84"/>
                    </a:lnTo>
                    <a:lnTo>
                      <a:pt x="543" y="82"/>
                    </a:lnTo>
                    <a:lnTo>
                      <a:pt x="545" y="80"/>
                    </a:lnTo>
                    <a:lnTo>
                      <a:pt x="547" y="78"/>
                    </a:lnTo>
                    <a:lnTo>
                      <a:pt x="549" y="78"/>
                    </a:lnTo>
                    <a:lnTo>
                      <a:pt x="551" y="78"/>
                    </a:lnTo>
                    <a:lnTo>
                      <a:pt x="553" y="76"/>
                    </a:lnTo>
                    <a:lnTo>
                      <a:pt x="554" y="76"/>
                    </a:lnTo>
                    <a:lnTo>
                      <a:pt x="556" y="76"/>
                    </a:lnTo>
                    <a:lnTo>
                      <a:pt x="558" y="76"/>
                    </a:lnTo>
                    <a:lnTo>
                      <a:pt x="560" y="76"/>
                    </a:lnTo>
                    <a:lnTo>
                      <a:pt x="562" y="78"/>
                    </a:lnTo>
                    <a:lnTo>
                      <a:pt x="564" y="78"/>
                    </a:lnTo>
                    <a:lnTo>
                      <a:pt x="567" y="78"/>
                    </a:lnTo>
                    <a:lnTo>
                      <a:pt x="569" y="78"/>
                    </a:lnTo>
                    <a:lnTo>
                      <a:pt x="571" y="78"/>
                    </a:lnTo>
                    <a:lnTo>
                      <a:pt x="573" y="78"/>
                    </a:lnTo>
                    <a:lnTo>
                      <a:pt x="575" y="78"/>
                    </a:lnTo>
                    <a:lnTo>
                      <a:pt x="577" y="78"/>
                    </a:lnTo>
                    <a:lnTo>
                      <a:pt x="578" y="78"/>
                    </a:lnTo>
                    <a:lnTo>
                      <a:pt x="580" y="78"/>
                    </a:lnTo>
                    <a:lnTo>
                      <a:pt x="580" y="76"/>
                    </a:lnTo>
                    <a:lnTo>
                      <a:pt x="582" y="76"/>
                    </a:lnTo>
                    <a:lnTo>
                      <a:pt x="584" y="74"/>
                    </a:lnTo>
                    <a:lnTo>
                      <a:pt x="584" y="73"/>
                    </a:lnTo>
                    <a:lnTo>
                      <a:pt x="584" y="71"/>
                    </a:lnTo>
                    <a:lnTo>
                      <a:pt x="584" y="69"/>
                    </a:lnTo>
                    <a:lnTo>
                      <a:pt x="584" y="67"/>
                    </a:lnTo>
                    <a:lnTo>
                      <a:pt x="584" y="65"/>
                    </a:lnTo>
                    <a:lnTo>
                      <a:pt x="584" y="63"/>
                    </a:lnTo>
                    <a:lnTo>
                      <a:pt x="586" y="63"/>
                    </a:lnTo>
                    <a:lnTo>
                      <a:pt x="590" y="60"/>
                    </a:lnTo>
                    <a:lnTo>
                      <a:pt x="591" y="58"/>
                    </a:lnTo>
                    <a:lnTo>
                      <a:pt x="593" y="58"/>
                    </a:lnTo>
                    <a:lnTo>
                      <a:pt x="593" y="56"/>
                    </a:lnTo>
                    <a:lnTo>
                      <a:pt x="595" y="54"/>
                    </a:lnTo>
                    <a:lnTo>
                      <a:pt x="597" y="52"/>
                    </a:lnTo>
                    <a:lnTo>
                      <a:pt x="599" y="52"/>
                    </a:lnTo>
                    <a:lnTo>
                      <a:pt x="601" y="52"/>
                    </a:lnTo>
                    <a:lnTo>
                      <a:pt x="603" y="52"/>
                    </a:lnTo>
                    <a:lnTo>
                      <a:pt x="604" y="52"/>
                    </a:lnTo>
                    <a:lnTo>
                      <a:pt x="608" y="54"/>
                    </a:lnTo>
                    <a:lnTo>
                      <a:pt x="610" y="54"/>
                    </a:lnTo>
                    <a:lnTo>
                      <a:pt x="614" y="56"/>
                    </a:lnTo>
                    <a:lnTo>
                      <a:pt x="615" y="56"/>
                    </a:lnTo>
                    <a:lnTo>
                      <a:pt x="617" y="56"/>
                    </a:lnTo>
                    <a:lnTo>
                      <a:pt x="619" y="56"/>
                    </a:lnTo>
                    <a:lnTo>
                      <a:pt x="621" y="56"/>
                    </a:lnTo>
                    <a:lnTo>
                      <a:pt x="625" y="52"/>
                    </a:lnTo>
                    <a:lnTo>
                      <a:pt x="628" y="47"/>
                    </a:lnTo>
                    <a:lnTo>
                      <a:pt x="630" y="45"/>
                    </a:lnTo>
                    <a:lnTo>
                      <a:pt x="632" y="41"/>
                    </a:lnTo>
                    <a:lnTo>
                      <a:pt x="636" y="39"/>
                    </a:lnTo>
                    <a:lnTo>
                      <a:pt x="638" y="37"/>
                    </a:lnTo>
                    <a:lnTo>
                      <a:pt x="639" y="37"/>
                    </a:lnTo>
                    <a:lnTo>
                      <a:pt x="641" y="37"/>
                    </a:lnTo>
                    <a:lnTo>
                      <a:pt x="645" y="36"/>
                    </a:lnTo>
                    <a:lnTo>
                      <a:pt x="647" y="34"/>
                    </a:lnTo>
                    <a:lnTo>
                      <a:pt x="649" y="34"/>
                    </a:lnTo>
                    <a:lnTo>
                      <a:pt x="649" y="32"/>
                    </a:lnTo>
                    <a:lnTo>
                      <a:pt x="651" y="30"/>
                    </a:lnTo>
                    <a:lnTo>
                      <a:pt x="651" y="28"/>
                    </a:lnTo>
                    <a:lnTo>
                      <a:pt x="652" y="26"/>
                    </a:lnTo>
                    <a:lnTo>
                      <a:pt x="652" y="24"/>
                    </a:lnTo>
                    <a:lnTo>
                      <a:pt x="654" y="23"/>
                    </a:lnTo>
                    <a:lnTo>
                      <a:pt x="654" y="21"/>
                    </a:lnTo>
                    <a:lnTo>
                      <a:pt x="656" y="17"/>
                    </a:lnTo>
                    <a:lnTo>
                      <a:pt x="656" y="13"/>
                    </a:lnTo>
                    <a:lnTo>
                      <a:pt x="660" y="10"/>
                    </a:lnTo>
                    <a:lnTo>
                      <a:pt x="662" y="8"/>
                    </a:lnTo>
                    <a:lnTo>
                      <a:pt x="664" y="6"/>
                    </a:lnTo>
                    <a:lnTo>
                      <a:pt x="665" y="4"/>
                    </a:lnTo>
                    <a:lnTo>
                      <a:pt x="667" y="2"/>
                    </a:lnTo>
                    <a:lnTo>
                      <a:pt x="671" y="2"/>
                    </a:lnTo>
                    <a:lnTo>
                      <a:pt x="673" y="0"/>
                    </a:lnTo>
                    <a:lnTo>
                      <a:pt x="676" y="0"/>
                    </a:lnTo>
                    <a:lnTo>
                      <a:pt x="678" y="0"/>
                    </a:lnTo>
                    <a:lnTo>
                      <a:pt x="682" y="0"/>
                    </a:lnTo>
                    <a:lnTo>
                      <a:pt x="686" y="0"/>
                    </a:lnTo>
                    <a:lnTo>
                      <a:pt x="688" y="2"/>
                    </a:lnTo>
                    <a:lnTo>
                      <a:pt x="689" y="2"/>
                    </a:lnTo>
                    <a:lnTo>
                      <a:pt x="691" y="4"/>
                    </a:lnTo>
                    <a:lnTo>
                      <a:pt x="693" y="4"/>
                    </a:lnTo>
                    <a:lnTo>
                      <a:pt x="695" y="6"/>
                    </a:lnTo>
                    <a:lnTo>
                      <a:pt x="697" y="8"/>
                    </a:lnTo>
                    <a:lnTo>
                      <a:pt x="699" y="12"/>
                    </a:lnTo>
                    <a:lnTo>
                      <a:pt x="700" y="15"/>
                    </a:lnTo>
                    <a:lnTo>
                      <a:pt x="700" y="19"/>
                    </a:lnTo>
                    <a:lnTo>
                      <a:pt x="700" y="21"/>
                    </a:lnTo>
                    <a:lnTo>
                      <a:pt x="702" y="26"/>
                    </a:lnTo>
                    <a:lnTo>
                      <a:pt x="702" y="28"/>
                    </a:lnTo>
                    <a:lnTo>
                      <a:pt x="704" y="32"/>
                    </a:lnTo>
                    <a:lnTo>
                      <a:pt x="706" y="32"/>
                    </a:lnTo>
                    <a:lnTo>
                      <a:pt x="708" y="32"/>
                    </a:lnTo>
                    <a:lnTo>
                      <a:pt x="712" y="30"/>
                    </a:lnTo>
                    <a:lnTo>
                      <a:pt x="712" y="28"/>
                    </a:lnTo>
                    <a:lnTo>
                      <a:pt x="713" y="26"/>
                    </a:lnTo>
                    <a:lnTo>
                      <a:pt x="715" y="24"/>
                    </a:lnTo>
                    <a:lnTo>
                      <a:pt x="717" y="23"/>
                    </a:lnTo>
                    <a:lnTo>
                      <a:pt x="717" y="21"/>
                    </a:lnTo>
                    <a:lnTo>
                      <a:pt x="719" y="21"/>
                    </a:lnTo>
                    <a:lnTo>
                      <a:pt x="719" y="19"/>
                    </a:lnTo>
                    <a:lnTo>
                      <a:pt x="721" y="17"/>
                    </a:lnTo>
                    <a:lnTo>
                      <a:pt x="723" y="17"/>
                    </a:lnTo>
                    <a:lnTo>
                      <a:pt x="725" y="17"/>
                    </a:lnTo>
                    <a:lnTo>
                      <a:pt x="726" y="17"/>
                    </a:lnTo>
                    <a:lnTo>
                      <a:pt x="728" y="17"/>
                    </a:lnTo>
                    <a:lnTo>
                      <a:pt x="730" y="17"/>
                    </a:lnTo>
                    <a:lnTo>
                      <a:pt x="732" y="17"/>
                    </a:lnTo>
                    <a:lnTo>
                      <a:pt x="734" y="15"/>
                    </a:lnTo>
                    <a:lnTo>
                      <a:pt x="736" y="15"/>
                    </a:lnTo>
                    <a:lnTo>
                      <a:pt x="739" y="13"/>
                    </a:lnTo>
                    <a:lnTo>
                      <a:pt x="741" y="13"/>
                    </a:lnTo>
                    <a:lnTo>
                      <a:pt x="743" y="12"/>
                    </a:lnTo>
                    <a:lnTo>
                      <a:pt x="745" y="12"/>
                    </a:lnTo>
                    <a:lnTo>
                      <a:pt x="749" y="12"/>
                    </a:lnTo>
                    <a:lnTo>
                      <a:pt x="750" y="12"/>
                    </a:lnTo>
                    <a:lnTo>
                      <a:pt x="752" y="12"/>
                    </a:lnTo>
                    <a:lnTo>
                      <a:pt x="754" y="15"/>
                    </a:lnTo>
                    <a:lnTo>
                      <a:pt x="754" y="17"/>
                    </a:lnTo>
                    <a:lnTo>
                      <a:pt x="756" y="19"/>
                    </a:lnTo>
                    <a:lnTo>
                      <a:pt x="756" y="21"/>
                    </a:lnTo>
                    <a:lnTo>
                      <a:pt x="756" y="23"/>
                    </a:lnTo>
                    <a:lnTo>
                      <a:pt x="758" y="23"/>
                    </a:lnTo>
                    <a:lnTo>
                      <a:pt x="760" y="23"/>
                    </a:lnTo>
                    <a:lnTo>
                      <a:pt x="761" y="23"/>
                    </a:lnTo>
                    <a:lnTo>
                      <a:pt x="763" y="23"/>
                    </a:lnTo>
                    <a:lnTo>
                      <a:pt x="765" y="23"/>
                    </a:lnTo>
                    <a:lnTo>
                      <a:pt x="767" y="23"/>
                    </a:lnTo>
                    <a:lnTo>
                      <a:pt x="767" y="21"/>
                    </a:lnTo>
                    <a:lnTo>
                      <a:pt x="771" y="21"/>
                    </a:lnTo>
                    <a:lnTo>
                      <a:pt x="773" y="19"/>
                    </a:lnTo>
                    <a:lnTo>
                      <a:pt x="774" y="19"/>
                    </a:lnTo>
                    <a:lnTo>
                      <a:pt x="778" y="19"/>
                    </a:lnTo>
                    <a:lnTo>
                      <a:pt x="780" y="19"/>
                    </a:lnTo>
                    <a:lnTo>
                      <a:pt x="782" y="19"/>
                    </a:lnTo>
                    <a:lnTo>
                      <a:pt x="786" y="19"/>
                    </a:lnTo>
                    <a:lnTo>
                      <a:pt x="787" y="19"/>
                    </a:lnTo>
                    <a:lnTo>
                      <a:pt x="789" y="21"/>
                    </a:lnTo>
                    <a:lnTo>
                      <a:pt x="791" y="21"/>
                    </a:lnTo>
                    <a:lnTo>
                      <a:pt x="793" y="23"/>
                    </a:lnTo>
                    <a:lnTo>
                      <a:pt x="797" y="24"/>
                    </a:lnTo>
                    <a:lnTo>
                      <a:pt x="798" y="24"/>
                    </a:lnTo>
                    <a:lnTo>
                      <a:pt x="800" y="26"/>
                    </a:lnTo>
                    <a:lnTo>
                      <a:pt x="802" y="28"/>
                    </a:lnTo>
                    <a:lnTo>
                      <a:pt x="802" y="30"/>
                    </a:lnTo>
                    <a:lnTo>
                      <a:pt x="804" y="30"/>
                    </a:lnTo>
                    <a:lnTo>
                      <a:pt x="804" y="32"/>
                    </a:lnTo>
                    <a:lnTo>
                      <a:pt x="804" y="34"/>
                    </a:lnTo>
                    <a:lnTo>
                      <a:pt x="804" y="36"/>
                    </a:lnTo>
                    <a:lnTo>
                      <a:pt x="802" y="37"/>
                    </a:lnTo>
                    <a:lnTo>
                      <a:pt x="802" y="41"/>
                    </a:lnTo>
                    <a:lnTo>
                      <a:pt x="802" y="43"/>
                    </a:lnTo>
                    <a:lnTo>
                      <a:pt x="802" y="47"/>
                    </a:lnTo>
                    <a:lnTo>
                      <a:pt x="800" y="50"/>
                    </a:lnTo>
                    <a:lnTo>
                      <a:pt x="800" y="52"/>
                    </a:lnTo>
                    <a:lnTo>
                      <a:pt x="800" y="56"/>
                    </a:lnTo>
                    <a:lnTo>
                      <a:pt x="800" y="58"/>
                    </a:lnTo>
                    <a:lnTo>
                      <a:pt x="802" y="60"/>
                    </a:lnTo>
                    <a:lnTo>
                      <a:pt x="804" y="63"/>
                    </a:lnTo>
                    <a:lnTo>
                      <a:pt x="806" y="65"/>
                    </a:lnTo>
                    <a:lnTo>
                      <a:pt x="808" y="67"/>
                    </a:lnTo>
                    <a:lnTo>
                      <a:pt x="810" y="69"/>
                    </a:lnTo>
                    <a:lnTo>
                      <a:pt x="810" y="71"/>
                    </a:lnTo>
                    <a:lnTo>
                      <a:pt x="811" y="71"/>
                    </a:lnTo>
                    <a:lnTo>
                      <a:pt x="815" y="73"/>
                    </a:lnTo>
                    <a:lnTo>
                      <a:pt x="819" y="73"/>
                    </a:lnTo>
                    <a:lnTo>
                      <a:pt x="819" y="74"/>
                    </a:lnTo>
                    <a:lnTo>
                      <a:pt x="821" y="74"/>
                    </a:lnTo>
                    <a:lnTo>
                      <a:pt x="823" y="76"/>
                    </a:lnTo>
                    <a:lnTo>
                      <a:pt x="824" y="76"/>
                    </a:lnTo>
                    <a:lnTo>
                      <a:pt x="826" y="80"/>
                    </a:lnTo>
                    <a:lnTo>
                      <a:pt x="828" y="80"/>
                    </a:lnTo>
                    <a:lnTo>
                      <a:pt x="828" y="82"/>
                    </a:lnTo>
                    <a:lnTo>
                      <a:pt x="830" y="84"/>
                    </a:lnTo>
                    <a:lnTo>
                      <a:pt x="832" y="87"/>
                    </a:lnTo>
                    <a:lnTo>
                      <a:pt x="834" y="91"/>
                    </a:lnTo>
                    <a:lnTo>
                      <a:pt x="835" y="93"/>
                    </a:lnTo>
                    <a:lnTo>
                      <a:pt x="837" y="93"/>
                    </a:lnTo>
                    <a:lnTo>
                      <a:pt x="839" y="95"/>
                    </a:lnTo>
                    <a:lnTo>
                      <a:pt x="839" y="97"/>
                    </a:lnTo>
                    <a:lnTo>
                      <a:pt x="841" y="97"/>
                    </a:lnTo>
                    <a:lnTo>
                      <a:pt x="843" y="98"/>
                    </a:lnTo>
                    <a:lnTo>
                      <a:pt x="845" y="98"/>
                    </a:lnTo>
                    <a:lnTo>
                      <a:pt x="847" y="100"/>
                    </a:lnTo>
                    <a:lnTo>
                      <a:pt x="848" y="100"/>
                    </a:lnTo>
                    <a:lnTo>
                      <a:pt x="850" y="100"/>
                    </a:lnTo>
                    <a:lnTo>
                      <a:pt x="854" y="102"/>
                    </a:lnTo>
                    <a:lnTo>
                      <a:pt x="858" y="102"/>
                    </a:lnTo>
                    <a:lnTo>
                      <a:pt x="859" y="102"/>
                    </a:lnTo>
                    <a:lnTo>
                      <a:pt x="863" y="102"/>
                    </a:lnTo>
                    <a:lnTo>
                      <a:pt x="869" y="100"/>
                    </a:lnTo>
                    <a:lnTo>
                      <a:pt x="872" y="100"/>
                    </a:lnTo>
                    <a:lnTo>
                      <a:pt x="876" y="100"/>
                    </a:lnTo>
                    <a:lnTo>
                      <a:pt x="880" y="100"/>
                    </a:lnTo>
                    <a:lnTo>
                      <a:pt x="882" y="102"/>
                    </a:lnTo>
                    <a:lnTo>
                      <a:pt x="884" y="102"/>
                    </a:lnTo>
                    <a:lnTo>
                      <a:pt x="887" y="102"/>
                    </a:lnTo>
                    <a:lnTo>
                      <a:pt x="891" y="102"/>
                    </a:lnTo>
                    <a:lnTo>
                      <a:pt x="893" y="104"/>
                    </a:lnTo>
                    <a:lnTo>
                      <a:pt x="895" y="104"/>
                    </a:lnTo>
                    <a:lnTo>
                      <a:pt x="898" y="104"/>
                    </a:lnTo>
                    <a:lnTo>
                      <a:pt x="900" y="104"/>
                    </a:lnTo>
                    <a:lnTo>
                      <a:pt x="904" y="104"/>
                    </a:lnTo>
                    <a:lnTo>
                      <a:pt x="906" y="106"/>
                    </a:lnTo>
                    <a:lnTo>
                      <a:pt x="908" y="106"/>
                    </a:lnTo>
                    <a:lnTo>
                      <a:pt x="911" y="106"/>
                    </a:lnTo>
                    <a:lnTo>
                      <a:pt x="915" y="108"/>
                    </a:lnTo>
                    <a:lnTo>
                      <a:pt x="919" y="110"/>
                    </a:lnTo>
                    <a:lnTo>
                      <a:pt x="922" y="111"/>
                    </a:lnTo>
                    <a:lnTo>
                      <a:pt x="924" y="110"/>
                    </a:lnTo>
                    <a:lnTo>
                      <a:pt x="926" y="110"/>
                    </a:lnTo>
                    <a:lnTo>
                      <a:pt x="926" y="106"/>
                    </a:lnTo>
                    <a:lnTo>
                      <a:pt x="928" y="104"/>
                    </a:lnTo>
                    <a:lnTo>
                      <a:pt x="928" y="100"/>
                    </a:lnTo>
                    <a:lnTo>
                      <a:pt x="930" y="98"/>
                    </a:lnTo>
                    <a:lnTo>
                      <a:pt x="933" y="93"/>
                    </a:lnTo>
                    <a:lnTo>
                      <a:pt x="935" y="91"/>
                    </a:lnTo>
                    <a:lnTo>
                      <a:pt x="937" y="89"/>
                    </a:lnTo>
                    <a:lnTo>
                      <a:pt x="939" y="87"/>
                    </a:lnTo>
                    <a:lnTo>
                      <a:pt x="941" y="87"/>
                    </a:lnTo>
                    <a:lnTo>
                      <a:pt x="943" y="87"/>
                    </a:lnTo>
                    <a:lnTo>
                      <a:pt x="945" y="87"/>
                    </a:lnTo>
                    <a:lnTo>
                      <a:pt x="946" y="87"/>
                    </a:lnTo>
                    <a:lnTo>
                      <a:pt x="950" y="89"/>
                    </a:lnTo>
                    <a:lnTo>
                      <a:pt x="952" y="89"/>
                    </a:lnTo>
                    <a:lnTo>
                      <a:pt x="954" y="91"/>
                    </a:lnTo>
                    <a:lnTo>
                      <a:pt x="956" y="91"/>
                    </a:lnTo>
                    <a:lnTo>
                      <a:pt x="959" y="95"/>
                    </a:lnTo>
                    <a:lnTo>
                      <a:pt x="963" y="98"/>
                    </a:lnTo>
                    <a:lnTo>
                      <a:pt x="969" y="100"/>
                    </a:lnTo>
                    <a:lnTo>
                      <a:pt x="972" y="100"/>
                    </a:lnTo>
                    <a:lnTo>
                      <a:pt x="974" y="102"/>
                    </a:lnTo>
                    <a:lnTo>
                      <a:pt x="976" y="102"/>
                    </a:lnTo>
                    <a:lnTo>
                      <a:pt x="978" y="104"/>
                    </a:lnTo>
                    <a:lnTo>
                      <a:pt x="981" y="106"/>
                    </a:lnTo>
                    <a:lnTo>
                      <a:pt x="980" y="106"/>
                    </a:lnTo>
                    <a:lnTo>
                      <a:pt x="978" y="108"/>
                    </a:lnTo>
                    <a:lnTo>
                      <a:pt x="972" y="111"/>
                    </a:lnTo>
                    <a:lnTo>
                      <a:pt x="970" y="111"/>
                    </a:lnTo>
                    <a:lnTo>
                      <a:pt x="970" y="113"/>
                    </a:lnTo>
                    <a:lnTo>
                      <a:pt x="970" y="115"/>
                    </a:lnTo>
                    <a:lnTo>
                      <a:pt x="970" y="117"/>
                    </a:lnTo>
                    <a:lnTo>
                      <a:pt x="969" y="119"/>
                    </a:lnTo>
                    <a:lnTo>
                      <a:pt x="970" y="121"/>
                    </a:lnTo>
                    <a:lnTo>
                      <a:pt x="970" y="123"/>
                    </a:lnTo>
                    <a:lnTo>
                      <a:pt x="970" y="124"/>
                    </a:lnTo>
                    <a:lnTo>
                      <a:pt x="969" y="126"/>
                    </a:lnTo>
                    <a:lnTo>
                      <a:pt x="967" y="130"/>
                    </a:lnTo>
                    <a:lnTo>
                      <a:pt x="967" y="132"/>
                    </a:lnTo>
                    <a:lnTo>
                      <a:pt x="967" y="134"/>
                    </a:lnTo>
                    <a:lnTo>
                      <a:pt x="965" y="134"/>
                    </a:lnTo>
                    <a:lnTo>
                      <a:pt x="967" y="134"/>
                    </a:lnTo>
                    <a:lnTo>
                      <a:pt x="967" y="135"/>
                    </a:lnTo>
                    <a:lnTo>
                      <a:pt x="967" y="137"/>
                    </a:lnTo>
                    <a:lnTo>
                      <a:pt x="967" y="139"/>
                    </a:lnTo>
                    <a:lnTo>
                      <a:pt x="969" y="139"/>
                    </a:lnTo>
                    <a:lnTo>
                      <a:pt x="969" y="141"/>
                    </a:lnTo>
                    <a:lnTo>
                      <a:pt x="969" y="143"/>
                    </a:lnTo>
                    <a:lnTo>
                      <a:pt x="967" y="143"/>
                    </a:lnTo>
                    <a:lnTo>
                      <a:pt x="967" y="145"/>
                    </a:lnTo>
                    <a:lnTo>
                      <a:pt x="967" y="147"/>
                    </a:lnTo>
                    <a:lnTo>
                      <a:pt x="969" y="148"/>
                    </a:lnTo>
                    <a:lnTo>
                      <a:pt x="970" y="150"/>
                    </a:lnTo>
                    <a:lnTo>
                      <a:pt x="969" y="150"/>
                    </a:lnTo>
                    <a:lnTo>
                      <a:pt x="967" y="150"/>
                    </a:lnTo>
                    <a:lnTo>
                      <a:pt x="965" y="150"/>
                    </a:lnTo>
                    <a:lnTo>
                      <a:pt x="963" y="150"/>
                    </a:lnTo>
                    <a:lnTo>
                      <a:pt x="961" y="150"/>
                    </a:lnTo>
                    <a:lnTo>
                      <a:pt x="961" y="152"/>
                    </a:lnTo>
                    <a:lnTo>
                      <a:pt x="959" y="152"/>
                    </a:lnTo>
                    <a:lnTo>
                      <a:pt x="959" y="154"/>
                    </a:lnTo>
                    <a:lnTo>
                      <a:pt x="957" y="154"/>
                    </a:lnTo>
                    <a:lnTo>
                      <a:pt x="957" y="156"/>
                    </a:lnTo>
                    <a:lnTo>
                      <a:pt x="957" y="154"/>
                    </a:lnTo>
                    <a:lnTo>
                      <a:pt x="957" y="156"/>
                    </a:lnTo>
                    <a:lnTo>
                      <a:pt x="956" y="156"/>
                    </a:lnTo>
                    <a:lnTo>
                      <a:pt x="956" y="158"/>
                    </a:lnTo>
                    <a:lnTo>
                      <a:pt x="956" y="160"/>
                    </a:lnTo>
                    <a:lnTo>
                      <a:pt x="956" y="158"/>
                    </a:lnTo>
                    <a:lnTo>
                      <a:pt x="954" y="158"/>
                    </a:lnTo>
                    <a:lnTo>
                      <a:pt x="954" y="161"/>
                    </a:lnTo>
                    <a:lnTo>
                      <a:pt x="954" y="163"/>
                    </a:lnTo>
                    <a:lnTo>
                      <a:pt x="952" y="163"/>
                    </a:lnTo>
                    <a:lnTo>
                      <a:pt x="952" y="165"/>
                    </a:lnTo>
                    <a:lnTo>
                      <a:pt x="952" y="167"/>
                    </a:lnTo>
                    <a:lnTo>
                      <a:pt x="952" y="165"/>
                    </a:lnTo>
                    <a:lnTo>
                      <a:pt x="950" y="165"/>
                    </a:lnTo>
                    <a:lnTo>
                      <a:pt x="950" y="163"/>
                    </a:lnTo>
                    <a:lnTo>
                      <a:pt x="948" y="163"/>
                    </a:lnTo>
                    <a:lnTo>
                      <a:pt x="948" y="161"/>
                    </a:lnTo>
                    <a:lnTo>
                      <a:pt x="948" y="163"/>
                    </a:lnTo>
                    <a:lnTo>
                      <a:pt x="948" y="165"/>
                    </a:lnTo>
                    <a:lnTo>
                      <a:pt x="948" y="167"/>
                    </a:lnTo>
                    <a:lnTo>
                      <a:pt x="950" y="167"/>
                    </a:lnTo>
                    <a:lnTo>
                      <a:pt x="950" y="169"/>
                    </a:lnTo>
                    <a:lnTo>
                      <a:pt x="950" y="171"/>
                    </a:lnTo>
                    <a:lnTo>
                      <a:pt x="952" y="171"/>
                    </a:lnTo>
                    <a:lnTo>
                      <a:pt x="952" y="172"/>
                    </a:lnTo>
                    <a:lnTo>
                      <a:pt x="952" y="174"/>
                    </a:lnTo>
                    <a:lnTo>
                      <a:pt x="952" y="176"/>
                    </a:lnTo>
                    <a:lnTo>
                      <a:pt x="950" y="176"/>
                    </a:lnTo>
                    <a:lnTo>
                      <a:pt x="948" y="176"/>
                    </a:lnTo>
                    <a:lnTo>
                      <a:pt x="946" y="176"/>
                    </a:lnTo>
                    <a:lnTo>
                      <a:pt x="945" y="176"/>
                    </a:lnTo>
                    <a:lnTo>
                      <a:pt x="945" y="178"/>
                    </a:lnTo>
                    <a:lnTo>
                      <a:pt x="943" y="178"/>
                    </a:lnTo>
                    <a:lnTo>
                      <a:pt x="941" y="178"/>
                    </a:lnTo>
                    <a:lnTo>
                      <a:pt x="939" y="180"/>
                    </a:lnTo>
                    <a:lnTo>
                      <a:pt x="939" y="182"/>
                    </a:lnTo>
                    <a:lnTo>
                      <a:pt x="939" y="184"/>
                    </a:lnTo>
                    <a:lnTo>
                      <a:pt x="939" y="185"/>
                    </a:lnTo>
                    <a:lnTo>
                      <a:pt x="941" y="185"/>
                    </a:lnTo>
                    <a:lnTo>
                      <a:pt x="941" y="187"/>
                    </a:lnTo>
                    <a:lnTo>
                      <a:pt x="939" y="187"/>
                    </a:lnTo>
                    <a:lnTo>
                      <a:pt x="939" y="189"/>
                    </a:lnTo>
                    <a:lnTo>
                      <a:pt x="937" y="191"/>
                    </a:lnTo>
                    <a:lnTo>
                      <a:pt x="935" y="193"/>
                    </a:lnTo>
                    <a:lnTo>
                      <a:pt x="935" y="191"/>
                    </a:lnTo>
                    <a:lnTo>
                      <a:pt x="933" y="191"/>
                    </a:lnTo>
                    <a:lnTo>
                      <a:pt x="932" y="191"/>
                    </a:lnTo>
                    <a:lnTo>
                      <a:pt x="932" y="189"/>
                    </a:lnTo>
                    <a:lnTo>
                      <a:pt x="932" y="187"/>
                    </a:lnTo>
                    <a:lnTo>
                      <a:pt x="930" y="187"/>
                    </a:lnTo>
                    <a:lnTo>
                      <a:pt x="928" y="185"/>
                    </a:lnTo>
                    <a:lnTo>
                      <a:pt x="926" y="185"/>
                    </a:lnTo>
                    <a:lnTo>
                      <a:pt x="924" y="187"/>
                    </a:lnTo>
                    <a:lnTo>
                      <a:pt x="922" y="189"/>
                    </a:lnTo>
                    <a:lnTo>
                      <a:pt x="922" y="191"/>
                    </a:lnTo>
                    <a:lnTo>
                      <a:pt x="920" y="193"/>
                    </a:lnTo>
                    <a:lnTo>
                      <a:pt x="920" y="195"/>
                    </a:lnTo>
                    <a:lnTo>
                      <a:pt x="920" y="197"/>
                    </a:lnTo>
                    <a:lnTo>
                      <a:pt x="920" y="200"/>
                    </a:lnTo>
                    <a:lnTo>
                      <a:pt x="920" y="204"/>
                    </a:lnTo>
                    <a:lnTo>
                      <a:pt x="920" y="206"/>
                    </a:lnTo>
                    <a:lnTo>
                      <a:pt x="920" y="209"/>
                    </a:lnTo>
                    <a:lnTo>
                      <a:pt x="920" y="211"/>
                    </a:lnTo>
                    <a:lnTo>
                      <a:pt x="919" y="211"/>
                    </a:lnTo>
                    <a:lnTo>
                      <a:pt x="919" y="213"/>
                    </a:lnTo>
                    <a:lnTo>
                      <a:pt x="919" y="215"/>
                    </a:lnTo>
                    <a:lnTo>
                      <a:pt x="917" y="217"/>
                    </a:lnTo>
                    <a:lnTo>
                      <a:pt x="917" y="219"/>
                    </a:lnTo>
                    <a:lnTo>
                      <a:pt x="915" y="219"/>
                    </a:lnTo>
                    <a:lnTo>
                      <a:pt x="911" y="219"/>
                    </a:lnTo>
                    <a:lnTo>
                      <a:pt x="911" y="221"/>
                    </a:lnTo>
                    <a:lnTo>
                      <a:pt x="911" y="222"/>
                    </a:lnTo>
                    <a:lnTo>
                      <a:pt x="909" y="222"/>
                    </a:lnTo>
                    <a:lnTo>
                      <a:pt x="909" y="221"/>
                    </a:lnTo>
                    <a:lnTo>
                      <a:pt x="908" y="221"/>
                    </a:lnTo>
                    <a:lnTo>
                      <a:pt x="906" y="221"/>
                    </a:lnTo>
                    <a:lnTo>
                      <a:pt x="904" y="219"/>
                    </a:lnTo>
                    <a:lnTo>
                      <a:pt x="904" y="221"/>
                    </a:lnTo>
                    <a:lnTo>
                      <a:pt x="902" y="221"/>
                    </a:lnTo>
                    <a:lnTo>
                      <a:pt x="902" y="219"/>
                    </a:lnTo>
                    <a:lnTo>
                      <a:pt x="902" y="221"/>
                    </a:lnTo>
                    <a:lnTo>
                      <a:pt x="904" y="221"/>
                    </a:lnTo>
                    <a:lnTo>
                      <a:pt x="904" y="222"/>
                    </a:lnTo>
                    <a:lnTo>
                      <a:pt x="900" y="221"/>
                    </a:lnTo>
                    <a:lnTo>
                      <a:pt x="900" y="222"/>
                    </a:lnTo>
                    <a:lnTo>
                      <a:pt x="898" y="222"/>
                    </a:lnTo>
                    <a:lnTo>
                      <a:pt x="896" y="222"/>
                    </a:lnTo>
                    <a:lnTo>
                      <a:pt x="895" y="222"/>
                    </a:lnTo>
                    <a:lnTo>
                      <a:pt x="895" y="224"/>
                    </a:lnTo>
                    <a:lnTo>
                      <a:pt x="893" y="224"/>
                    </a:lnTo>
                    <a:lnTo>
                      <a:pt x="893" y="226"/>
                    </a:lnTo>
                    <a:lnTo>
                      <a:pt x="893" y="228"/>
                    </a:lnTo>
                    <a:lnTo>
                      <a:pt x="895" y="228"/>
                    </a:lnTo>
                    <a:lnTo>
                      <a:pt x="893" y="230"/>
                    </a:lnTo>
                    <a:lnTo>
                      <a:pt x="891" y="232"/>
                    </a:lnTo>
                    <a:lnTo>
                      <a:pt x="891" y="234"/>
                    </a:lnTo>
                    <a:lnTo>
                      <a:pt x="891" y="235"/>
                    </a:lnTo>
                    <a:lnTo>
                      <a:pt x="891" y="237"/>
                    </a:lnTo>
                    <a:lnTo>
                      <a:pt x="889" y="237"/>
                    </a:lnTo>
                    <a:lnTo>
                      <a:pt x="891" y="239"/>
                    </a:lnTo>
                    <a:lnTo>
                      <a:pt x="889" y="239"/>
                    </a:lnTo>
                    <a:lnTo>
                      <a:pt x="889" y="241"/>
                    </a:lnTo>
                    <a:lnTo>
                      <a:pt x="889" y="243"/>
                    </a:lnTo>
                    <a:lnTo>
                      <a:pt x="891" y="243"/>
                    </a:lnTo>
                    <a:lnTo>
                      <a:pt x="893" y="243"/>
                    </a:lnTo>
                    <a:lnTo>
                      <a:pt x="895" y="243"/>
                    </a:lnTo>
                    <a:lnTo>
                      <a:pt x="896" y="243"/>
                    </a:lnTo>
                    <a:lnTo>
                      <a:pt x="896" y="245"/>
                    </a:lnTo>
                    <a:lnTo>
                      <a:pt x="895" y="245"/>
                    </a:lnTo>
                    <a:lnTo>
                      <a:pt x="895" y="246"/>
                    </a:lnTo>
                    <a:lnTo>
                      <a:pt x="893" y="246"/>
                    </a:lnTo>
                    <a:lnTo>
                      <a:pt x="893" y="248"/>
                    </a:lnTo>
                    <a:lnTo>
                      <a:pt x="891" y="248"/>
                    </a:lnTo>
                    <a:lnTo>
                      <a:pt x="889" y="250"/>
                    </a:lnTo>
                    <a:lnTo>
                      <a:pt x="891" y="250"/>
                    </a:lnTo>
                    <a:lnTo>
                      <a:pt x="891" y="252"/>
                    </a:lnTo>
                    <a:lnTo>
                      <a:pt x="893" y="252"/>
                    </a:lnTo>
                    <a:lnTo>
                      <a:pt x="893" y="254"/>
                    </a:lnTo>
                    <a:lnTo>
                      <a:pt x="895" y="256"/>
                    </a:lnTo>
                    <a:lnTo>
                      <a:pt x="895" y="258"/>
                    </a:lnTo>
                    <a:lnTo>
                      <a:pt x="895" y="259"/>
                    </a:lnTo>
                    <a:lnTo>
                      <a:pt x="895" y="261"/>
                    </a:lnTo>
                    <a:lnTo>
                      <a:pt x="895" y="263"/>
                    </a:lnTo>
                    <a:lnTo>
                      <a:pt x="896" y="263"/>
                    </a:lnTo>
                    <a:lnTo>
                      <a:pt x="896" y="265"/>
                    </a:lnTo>
                    <a:lnTo>
                      <a:pt x="895" y="267"/>
                    </a:lnTo>
                    <a:lnTo>
                      <a:pt x="895" y="269"/>
                    </a:lnTo>
                    <a:lnTo>
                      <a:pt x="895" y="270"/>
                    </a:lnTo>
                    <a:lnTo>
                      <a:pt x="895" y="274"/>
                    </a:lnTo>
                    <a:lnTo>
                      <a:pt x="895" y="276"/>
                    </a:lnTo>
                    <a:lnTo>
                      <a:pt x="896" y="278"/>
                    </a:lnTo>
                    <a:lnTo>
                      <a:pt x="896" y="280"/>
                    </a:lnTo>
                    <a:lnTo>
                      <a:pt x="896" y="282"/>
                    </a:lnTo>
                    <a:lnTo>
                      <a:pt x="896" y="283"/>
                    </a:lnTo>
                    <a:lnTo>
                      <a:pt x="898" y="283"/>
                    </a:lnTo>
                    <a:lnTo>
                      <a:pt x="900" y="283"/>
                    </a:lnTo>
                    <a:lnTo>
                      <a:pt x="902" y="283"/>
                    </a:lnTo>
                    <a:lnTo>
                      <a:pt x="904" y="283"/>
                    </a:lnTo>
                    <a:lnTo>
                      <a:pt x="906" y="283"/>
                    </a:lnTo>
                    <a:lnTo>
                      <a:pt x="908" y="283"/>
                    </a:lnTo>
                    <a:lnTo>
                      <a:pt x="908" y="282"/>
                    </a:lnTo>
                    <a:lnTo>
                      <a:pt x="909" y="282"/>
                    </a:lnTo>
                    <a:lnTo>
                      <a:pt x="911" y="282"/>
                    </a:lnTo>
                    <a:lnTo>
                      <a:pt x="911" y="283"/>
                    </a:lnTo>
                    <a:lnTo>
                      <a:pt x="911" y="287"/>
                    </a:lnTo>
                    <a:lnTo>
                      <a:pt x="911" y="289"/>
                    </a:lnTo>
                    <a:lnTo>
                      <a:pt x="911" y="291"/>
                    </a:lnTo>
                    <a:lnTo>
                      <a:pt x="911" y="293"/>
                    </a:lnTo>
                    <a:lnTo>
                      <a:pt x="911" y="295"/>
                    </a:lnTo>
                    <a:lnTo>
                      <a:pt x="911" y="296"/>
                    </a:lnTo>
                    <a:lnTo>
                      <a:pt x="911" y="298"/>
                    </a:lnTo>
                    <a:lnTo>
                      <a:pt x="913" y="300"/>
                    </a:lnTo>
                    <a:lnTo>
                      <a:pt x="913" y="302"/>
                    </a:lnTo>
                    <a:lnTo>
                      <a:pt x="913" y="304"/>
                    </a:lnTo>
                    <a:lnTo>
                      <a:pt x="911" y="304"/>
                    </a:lnTo>
                    <a:lnTo>
                      <a:pt x="911" y="306"/>
                    </a:lnTo>
                    <a:lnTo>
                      <a:pt x="909" y="306"/>
                    </a:lnTo>
                    <a:lnTo>
                      <a:pt x="908" y="306"/>
                    </a:lnTo>
                    <a:lnTo>
                      <a:pt x="908" y="304"/>
                    </a:lnTo>
                    <a:lnTo>
                      <a:pt x="906" y="304"/>
                    </a:lnTo>
                    <a:lnTo>
                      <a:pt x="906" y="306"/>
                    </a:lnTo>
                    <a:lnTo>
                      <a:pt x="904" y="306"/>
                    </a:lnTo>
                    <a:lnTo>
                      <a:pt x="902" y="306"/>
                    </a:lnTo>
                    <a:lnTo>
                      <a:pt x="902" y="307"/>
                    </a:lnTo>
                    <a:lnTo>
                      <a:pt x="904" y="307"/>
                    </a:lnTo>
                    <a:lnTo>
                      <a:pt x="904" y="309"/>
                    </a:lnTo>
                    <a:lnTo>
                      <a:pt x="902" y="309"/>
                    </a:lnTo>
                    <a:lnTo>
                      <a:pt x="902" y="311"/>
                    </a:lnTo>
                    <a:lnTo>
                      <a:pt x="900" y="311"/>
                    </a:lnTo>
                    <a:lnTo>
                      <a:pt x="900" y="313"/>
                    </a:lnTo>
                    <a:lnTo>
                      <a:pt x="902" y="315"/>
                    </a:lnTo>
                    <a:lnTo>
                      <a:pt x="902" y="313"/>
                    </a:lnTo>
                    <a:lnTo>
                      <a:pt x="904" y="313"/>
                    </a:lnTo>
                    <a:lnTo>
                      <a:pt x="906" y="315"/>
                    </a:lnTo>
                    <a:lnTo>
                      <a:pt x="906" y="317"/>
                    </a:lnTo>
                    <a:lnTo>
                      <a:pt x="906" y="319"/>
                    </a:lnTo>
                    <a:lnTo>
                      <a:pt x="908" y="320"/>
                    </a:lnTo>
                    <a:lnTo>
                      <a:pt x="908" y="322"/>
                    </a:lnTo>
                    <a:lnTo>
                      <a:pt x="909" y="322"/>
                    </a:lnTo>
                    <a:lnTo>
                      <a:pt x="909" y="324"/>
                    </a:lnTo>
                    <a:lnTo>
                      <a:pt x="911" y="326"/>
                    </a:lnTo>
                    <a:lnTo>
                      <a:pt x="911" y="328"/>
                    </a:lnTo>
                    <a:lnTo>
                      <a:pt x="913" y="328"/>
                    </a:lnTo>
                    <a:lnTo>
                      <a:pt x="917" y="326"/>
                    </a:lnTo>
                    <a:lnTo>
                      <a:pt x="917" y="328"/>
                    </a:lnTo>
                    <a:lnTo>
                      <a:pt x="919" y="328"/>
                    </a:lnTo>
                    <a:lnTo>
                      <a:pt x="919" y="330"/>
                    </a:lnTo>
                    <a:lnTo>
                      <a:pt x="920" y="332"/>
                    </a:lnTo>
                    <a:lnTo>
                      <a:pt x="920" y="333"/>
                    </a:lnTo>
                    <a:lnTo>
                      <a:pt x="924" y="333"/>
                    </a:lnTo>
                    <a:lnTo>
                      <a:pt x="924" y="335"/>
                    </a:lnTo>
                    <a:lnTo>
                      <a:pt x="926" y="335"/>
                    </a:lnTo>
                    <a:lnTo>
                      <a:pt x="926" y="339"/>
                    </a:lnTo>
                    <a:lnTo>
                      <a:pt x="928" y="337"/>
                    </a:lnTo>
                    <a:lnTo>
                      <a:pt x="928" y="339"/>
                    </a:lnTo>
                    <a:lnTo>
                      <a:pt x="928" y="343"/>
                    </a:lnTo>
                    <a:lnTo>
                      <a:pt x="930" y="344"/>
                    </a:lnTo>
                    <a:lnTo>
                      <a:pt x="930" y="346"/>
                    </a:lnTo>
                    <a:lnTo>
                      <a:pt x="930" y="348"/>
                    </a:lnTo>
                    <a:lnTo>
                      <a:pt x="928" y="348"/>
                    </a:lnTo>
                    <a:lnTo>
                      <a:pt x="924" y="348"/>
                    </a:lnTo>
                    <a:lnTo>
                      <a:pt x="924" y="354"/>
                    </a:lnTo>
                    <a:lnTo>
                      <a:pt x="922" y="354"/>
                    </a:lnTo>
                    <a:lnTo>
                      <a:pt x="922" y="357"/>
                    </a:lnTo>
                    <a:lnTo>
                      <a:pt x="924" y="357"/>
                    </a:lnTo>
                    <a:lnTo>
                      <a:pt x="924" y="361"/>
                    </a:lnTo>
                    <a:lnTo>
                      <a:pt x="924" y="363"/>
                    </a:lnTo>
                    <a:lnTo>
                      <a:pt x="924" y="365"/>
                    </a:lnTo>
                    <a:lnTo>
                      <a:pt x="924" y="367"/>
                    </a:lnTo>
                    <a:lnTo>
                      <a:pt x="926" y="367"/>
                    </a:lnTo>
                    <a:lnTo>
                      <a:pt x="926" y="369"/>
                    </a:lnTo>
                    <a:lnTo>
                      <a:pt x="928" y="370"/>
                    </a:lnTo>
                    <a:lnTo>
                      <a:pt x="926" y="370"/>
                    </a:lnTo>
                    <a:lnTo>
                      <a:pt x="926" y="372"/>
                    </a:lnTo>
                    <a:lnTo>
                      <a:pt x="928" y="372"/>
                    </a:lnTo>
                    <a:lnTo>
                      <a:pt x="928" y="374"/>
                    </a:lnTo>
                    <a:lnTo>
                      <a:pt x="928" y="376"/>
                    </a:lnTo>
                    <a:lnTo>
                      <a:pt x="926" y="376"/>
                    </a:lnTo>
                    <a:lnTo>
                      <a:pt x="926" y="378"/>
                    </a:lnTo>
                    <a:lnTo>
                      <a:pt x="926" y="380"/>
                    </a:lnTo>
                    <a:lnTo>
                      <a:pt x="924" y="381"/>
                    </a:lnTo>
                    <a:lnTo>
                      <a:pt x="924" y="380"/>
                    </a:lnTo>
                    <a:lnTo>
                      <a:pt x="922" y="380"/>
                    </a:lnTo>
                    <a:lnTo>
                      <a:pt x="922" y="381"/>
                    </a:lnTo>
                    <a:lnTo>
                      <a:pt x="920" y="381"/>
                    </a:lnTo>
                    <a:lnTo>
                      <a:pt x="920" y="380"/>
                    </a:lnTo>
                    <a:lnTo>
                      <a:pt x="920" y="381"/>
                    </a:lnTo>
                    <a:lnTo>
                      <a:pt x="919" y="380"/>
                    </a:lnTo>
                    <a:lnTo>
                      <a:pt x="917" y="380"/>
                    </a:lnTo>
                    <a:lnTo>
                      <a:pt x="915" y="380"/>
                    </a:lnTo>
                    <a:lnTo>
                      <a:pt x="915" y="381"/>
                    </a:lnTo>
                    <a:lnTo>
                      <a:pt x="913" y="381"/>
                    </a:lnTo>
                    <a:lnTo>
                      <a:pt x="913" y="383"/>
                    </a:lnTo>
                    <a:lnTo>
                      <a:pt x="915" y="383"/>
                    </a:lnTo>
                    <a:lnTo>
                      <a:pt x="915" y="385"/>
                    </a:lnTo>
                    <a:lnTo>
                      <a:pt x="915" y="387"/>
                    </a:lnTo>
                    <a:lnTo>
                      <a:pt x="917" y="387"/>
                    </a:lnTo>
                    <a:lnTo>
                      <a:pt x="917" y="389"/>
                    </a:lnTo>
                    <a:lnTo>
                      <a:pt x="919" y="389"/>
                    </a:lnTo>
                    <a:lnTo>
                      <a:pt x="920" y="389"/>
                    </a:lnTo>
                    <a:lnTo>
                      <a:pt x="922" y="389"/>
                    </a:lnTo>
                    <a:lnTo>
                      <a:pt x="924" y="389"/>
                    </a:lnTo>
                    <a:lnTo>
                      <a:pt x="924" y="391"/>
                    </a:lnTo>
                    <a:lnTo>
                      <a:pt x="926" y="391"/>
                    </a:lnTo>
                    <a:lnTo>
                      <a:pt x="928" y="391"/>
                    </a:lnTo>
                    <a:lnTo>
                      <a:pt x="930" y="391"/>
                    </a:lnTo>
                    <a:lnTo>
                      <a:pt x="932" y="391"/>
                    </a:lnTo>
                    <a:lnTo>
                      <a:pt x="932" y="393"/>
                    </a:lnTo>
                    <a:lnTo>
                      <a:pt x="933" y="394"/>
                    </a:lnTo>
                    <a:lnTo>
                      <a:pt x="933" y="396"/>
                    </a:lnTo>
                    <a:lnTo>
                      <a:pt x="935" y="396"/>
                    </a:lnTo>
                    <a:lnTo>
                      <a:pt x="935" y="398"/>
                    </a:lnTo>
                    <a:lnTo>
                      <a:pt x="937" y="400"/>
                    </a:lnTo>
                    <a:lnTo>
                      <a:pt x="937" y="402"/>
                    </a:lnTo>
                    <a:lnTo>
                      <a:pt x="939" y="404"/>
                    </a:lnTo>
                    <a:lnTo>
                      <a:pt x="939" y="406"/>
                    </a:lnTo>
                    <a:lnTo>
                      <a:pt x="937" y="407"/>
                    </a:lnTo>
                    <a:lnTo>
                      <a:pt x="937" y="409"/>
                    </a:lnTo>
                    <a:lnTo>
                      <a:pt x="932" y="415"/>
                    </a:lnTo>
                    <a:lnTo>
                      <a:pt x="932" y="413"/>
                    </a:lnTo>
                    <a:lnTo>
                      <a:pt x="930" y="413"/>
                    </a:lnTo>
                    <a:lnTo>
                      <a:pt x="926" y="411"/>
                    </a:lnTo>
                    <a:lnTo>
                      <a:pt x="924" y="415"/>
                    </a:lnTo>
                    <a:lnTo>
                      <a:pt x="928" y="418"/>
                    </a:lnTo>
                    <a:lnTo>
                      <a:pt x="930" y="418"/>
                    </a:lnTo>
                    <a:lnTo>
                      <a:pt x="928" y="420"/>
                    </a:lnTo>
                    <a:lnTo>
                      <a:pt x="926" y="422"/>
                    </a:lnTo>
                    <a:lnTo>
                      <a:pt x="924" y="422"/>
                    </a:lnTo>
                    <a:lnTo>
                      <a:pt x="926" y="422"/>
                    </a:lnTo>
                    <a:lnTo>
                      <a:pt x="924" y="424"/>
                    </a:lnTo>
                    <a:lnTo>
                      <a:pt x="924" y="426"/>
                    </a:lnTo>
                    <a:lnTo>
                      <a:pt x="924" y="428"/>
                    </a:lnTo>
                    <a:lnTo>
                      <a:pt x="924" y="430"/>
                    </a:lnTo>
                    <a:lnTo>
                      <a:pt x="924" y="431"/>
                    </a:lnTo>
                    <a:lnTo>
                      <a:pt x="926" y="431"/>
                    </a:lnTo>
                    <a:lnTo>
                      <a:pt x="926" y="433"/>
                    </a:lnTo>
                    <a:lnTo>
                      <a:pt x="928" y="435"/>
                    </a:lnTo>
                    <a:lnTo>
                      <a:pt x="928" y="437"/>
                    </a:lnTo>
                    <a:lnTo>
                      <a:pt x="926" y="437"/>
                    </a:lnTo>
                    <a:lnTo>
                      <a:pt x="926" y="439"/>
                    </a:lnTo>
                    <a:lnTo>
                      <a:pt x="924" y="441"/>
                    </a:lnTo>
                    <a:lnTo>
                      <a:pt x="924" y="443"/>
                    </a:lnTo>
                    <a:lnTo>
                      <a:pt x="922" y="443"/>
                    </a:lnTo>
                    <a:lnTo>
                      <a:pt x="920" y="443"/>
                    </a:lnTo>
                    <a:lnTo>
                      <a:pt x="919" y="443"/>
                    </a:lnTo>
                    <a:lnTo>
                      <a:pt x="919" y="441"/>
                    </a:lnTo>
                    <a:lnTo>
                      <a:pt x="917" y="439"/>
                    </a:lnTo>
                    <a:lnTo>
                      <a:pt x="915" y="439"/>
                    </a:lnTo>
                    <a:lnTo>
                      <a:pt x="913" y="439"/>
                    </a:lnTo>
                    <a:lnTo>
                      <a:pt x="911" y="439"/>
                    </a:lnTo>
                    <a:lnTo>
                      <a:pt x="911" y="441"/>
                    </a:lnTo>
                    <a:lnTo>
                      <a:pt x="909" y="441"/>
                    </a:lnTo>
                    <a:lnTo>
                      <a:pt x="908" y="441"/>
                    </a:lnTo>
                    <a:lnTo>
                      <a:pt x="906" y="443"/>
                    </a:lnTo>
                    <a:lnTo>
                      <a:pt x="906" y="444"/>
                    </a:lnTo>
                    <a:lnTo>
                      <a:pt x="906" y="446"/>
                    </a:lnTo>
                    <a:lnTo>
                      <a:pt x="904" y="446"/>
                    </a:lnTo>
                    <a:lnTo>
                      <a:pt x="904" y="444"/>
                    </a:lnTo>
                    <a:lnTo>
                      <a:pt x="902" y="444"/>
                    </a:lnTo>
                    <a:lnTo>
                      <a:pt x="902" y="443"/>
                    </a:lnTo>
                    <a:lnTo>
                      <a:pt x="902" y="444"/>
                    </a:lnTo>
                    <a:lnTo>
                      <a:pt x="900" y="444"/>
                    </a:lnTo>
                    <a:lnTo>
                      <a:pt x="898" y="444"/>
                    </a:lnTo>
                    <a:lnTo>
                      <a:pt x="898" y="446"/>
                    </a:lnTo>
                    <a:lnTo>
                      <a:pt x="900" y="446"/>
                    </a:lnTo>
                    <a:lnTo>
                      <a:pt x="900" y="448"/>
                    </a:lnTo>
                    <a:lnTo>
                      <a:pt x="902" y="448"/>
                    </a:lnTo>
                    <a:lnTo>
                      <a:pt x="902" y="450"/>
                    </a:lnTo>
                    <a:lnTo>
                      <a:pt x="904" y="450"/>
                    </a:lnTo>
                    <a:lnTo>
                      <a:pt x="906" y="450"/>
                    </a:lnTo>
                    <a:lnTo>
                      <a:pt x="908" y="450"/>
                    </a:lnTo>
                    <a:lnTo>
                      <a:pt x="909" y="450"/>
                    </a:lnTo>
                    <a:lnTo>
                      <a:pt x="911" y="450"/>
                    </a:lnTo>
                    <a:lnTo>
                      <a:pt x="913" y="450"/>
                    </a:lnTo>
                    <a:lnTo>
                      <a:pt x="915" y="450"/>
                    </a:lnTo>
                    <a:lnTo>
                      <a:pt x="917" y="448"/>
                    </a:lnTo>
                    <a:lnTo>
                      <a:pt x="919" y="448"/>
                    </a:lnTo>
                    <a:lnTo>
                      <a:pt x="920" y="448"/>
                    </a:lnTo>
                    <a:lnTo>
                      <a:pt x="922" y="448"/>
                    </a:lnTo>
                    <a:lnTo>
                      <a:pt x="922" y="450"/>
                    </a:lnTo>
                    <a:lnTo>
                      <a:pt x="922" y="452"/>
                    </a:lnTo>
                    <a:lnTo>
                      <a:pt x="924" y="452"/>
                    </a:lnTo>
                    <a:lnTo>
                      <a:pt x="924" y="454"/>
                    </a:lnTo>
                    <a:lnTo>
                      <a:pt x="926" y="455"/>
                    </a:lnTo>
                    <a:lnTo>
                      <a:pt x="926" y="457"/>
                    </a:lnTo>
                    <a:lnTo>
                      <a:pt x="926" y="459"/>
                    </a:lnTo>
                    <a:lnTo>
                      <a:pt x="928" y="457"/>
                    </a:lnTo>
                    <a:lnTo>
                      <a:pt x="930" y="457"/>
                    </a:lnTo>
                    <a:lnTo>
                      <a:pt x="932" y="457"/>
                    </a:lnTo>
                    <a:lnTo>
                      <a:pt x="933" y="457"/>
                    </a:lnTo>
                    <a:lnTo>
                      <a:pt x="935" y="457"/>
                    </a:lnTo>
                    <a:lnTo>
                      <a:pt x="935" y="459"/>
                    </a:lnTo>
                    <a:lnTo>
                      <a:pt x="937" y="459"/>
                    </a:lnTo>
                    <a:lnTo>
                      <a:pt x="937" y="457"/>
                    </a:lnTo>
                    <a:lnTo>
                      <a:pt x="939" y="455"/>
                    </a:lnTo>
                    <a:lnTo>
                      <a:pt x="939" y="457"/>
                    </a:lnTo>
                    <a:lnTo>
                      <a:pt x="941" y="457"/>
                    </a:lnTo>
                    <a:lnTo>
                      <a:pt x="941" y="459"/>
                    </a:lnTo>
                    <a:lnTo>
                      <a:pt x="941" y="457"/>
                    </a:lnTo>
                    <a:lnTo>
                      <a:pt x="943" y="459"/>
                    </a:lnTo>
                    <a:lnTo>
                      <a:pt x="943" y="461"/>
                    </a:lnTo>
                    <a:lnTo>
                      <a:pt x="945" y="461"/>
                    </a:lnTo>
                    <a:lnTo>
                      <a:pt x="945" y="459"/>
                    </a:lnTo>
                    <a:lnTo>
                      <a:pt x="945" y="461"/>
                    </a:lnTo>
                    <a:lnTo>
                      <a:pt x="945" y="463"/>
                    </a:lnTo>
                    <a:lnTo>
                      <a:pt x="945" y="465"/>
                    </a:lnTo>
                    <a:lnTo>
                      <a:pt x="943" y="465"/>
                    </a:lnTo>
                    <a:lnTo>
                      <a:pt x="941" y="467"/>
                    </a:lnTo>
                    <a:lnTo>
                      <a:pt x="943" y="467"/>
                    </a:lnTo>
                    <a:lnTo>
                      <a:pt x="943" y="468"/>
                    </a:lnTo>
                    <a:lnTo>
                      <a:pt x="943" y="470"/>
                    </a:lnTo>
                    <a:lnTo>
                      <a:pt x="943" y="472"/>
                    </a:lnTo>
                    <a:lnTo>
                      <a:pt x="943" y="474"/>
                    </a:lnTo>
                    <a:lnTo>
                      <a:pt x="943" y="476"/>
                    </a:lnTo>
                    <a:lnTo>
                      <a:pt x="945" y="476"/>
                    </a:lnTo>
                    <a:lnTo>
                      <a:pt x="943" y="478"/>
                    </a:lnTo>
                    <a:lnTo>
                      <a:pt x="943" y="480"/>
                    </a:lnTo>
                    <a:lnTo>
                      <a:pt x="943" y="481"/>
                    </a:lnTo>
                    <a:lnTo>
                      <a:pt x="943" y="483"/>
                    </a:lnTo>
                    <a:lnTo>
                      <a:pt x="943" y="485"/>
                    </a:lnTo>
                    <a:lnTo>
                      <a:pt x="945" y="485"/>
                    </a:lnTo>
                    <a:lnTo>
                      <a:pt x="943" y="485"/>
                    </a:lnTo>
                    <a:lnTo>
                      <a:pt x="943" y="487"/>
                    </a:lnTo>
                    <a:lnTo>
                      <a:pt x="945" y="487"/>
                    </a:lnTo>
                    <a:lnTo>
                      <a:pt x="945" y="489"/>
                    </a:lnTo>
                    <a:lnTo>
                      <a:pt x="945" y="491"/>
                    </a:lnTo>
                    <a:lnTo>
                      <a:pt x="946" y="491"/>
                    </a:lnTo>
                    <a:lnTo>
                      <a:pt x="945" y="491"/>
                    </a:lnTo>
                    <a:lnTo>
                      <a:pt x="945" y="492"/>
                    </a:lnTo>
                    <a:lnTo>
                      <a:pt x="946" y="492"/>
                    </a:lnTo>
                    <a:lnTo>
                      <a:pt x="945" y="494"/>
                    </a:lnTo>
                    <a:lnTo>
                      <a:pt x="946" y="494"/>
                    </a:lnTo>
                    <a:lnTo>
                      <a:pt x="946" y="496"/>
                    </a:lnTo>
                    <a:lnTo>
                      <a:pt x="948" y="498"/>
                    </a:lnTo>
                    <a:lnTo>
                      <a:pt x="950" y="500"/>
                    </a:lnTo>
                    <a:lnTo>
                      <a:pt x="952" y="500"/>
                    </a:lnTo>
                    <a:lnTo>
                      <a:pt x="952" y="502"/>
                    </a:lnTo>
                    <a:lnTo>
                      <a:pt x="950" y="502"/>
                    </a:lnTo>
                    <a:lnTo>
                      <a:pt x="950" y="504"/>
                    </a:lnTo>
                    <a:lnTo>
                      <a:pt x="950" y="505"/>
                    </a:lnTo>
                    <a:lnTo>
                      <a:pt x="952" y="505"/>
                    </a:lnTo>
                    <a:lnTo>
                      <a:pt x="950" y="507"/>
                    </a:lnTo>
                    <a:lnTo>
                      <a:pt x="952" y="507"/>
                    </a:lnTo>
                    <a:lnTo>
                      <a:pt x="954" y="507"/>
                    </a:lnTo>
                    <a:lnTo>
                      <a:pt x="954" y="509"/>
                    </a:lnTo>
                    <a:lnTo>
                      <a:pt x="956" y="509"/>
                    </a:lnTo>
                    <a:lnTo>
                      <a:pt x="957" y="509"/>
                    </a:lnTo>
                    <a:lnTo>
                      <a:pt x="959" y="509"/>
                    </a:lnTo>
                    <a:lnTo>
                      <a:pt x="961" y="509"/>
                    </a:lnTo>
                    <a:lnTo>
                      <a:pt x="961" y="511"/>
                    </a:lnTo>
                    <a:lnTo>
                      <a:pt x="961" y="513"/>
                    </a:lnTo>
                    <a:lnTo>
                      <a:pt x="961" y="515"/>
                    </a:lnTo>
                    <a:lnTo>
                      <a:pt x="961" y="517"/>
                    </a:lnTo>
                    <a:lnTo>
                      <a:pt x="959" y="517"/>
                    </a:lnTo>
                    <a:lnTo>
                      <a:pt x="959" y="518"/>
                    </a:lnTo>
                    <a:lnTo>
                      <a:pt x="957" y="518"/>
                    </a:lnTo>
                    <a:lnTo>
                      <a:pt x="957" y="520"/>
                    </a:lnTo>
                    <a:lnTo>
                      <a:pt x="957" y="522"/>
                    </a:lnTo>
                    <a:lnTo>
                      <a:pt x="959" y="522"/>
                    </a:lnTo>
                    <a:lnTo>
                      <a:pt x="959" y="524"/>
                    </a:lnTo>
                    <a:lnTo>
                      <a:pt x="959" y="526"/>
                    </a:lnTo>
                    <a:lnTo>
                      <a:pt x="959" y="528"/>
                    </a:lnTo>
                    <a:lnTo>
                      <a:pt x="959" y="529"/>
                    </a:lnTo>
                    <a:lnTo>
                      <a:pt x="961" y="529"/>
                    </a:lnTo>
                    <a:lnTo>
                      <a:pt x="961" y="531"/>
                    </a:lnTo>
                    <a:lnTo>
                      <a:pt x="959" y="533"/>
                    </a:lnTo>
                    <a:lnTo>
                      <a:pt x="961" y="533"/>
                    </a:lnTo>
                    <a:lnTo>
                      <a:pt x="961" y="535"/>
                    </a:lnTo>
                    <a:lnTo>
                      <a:pt x="961" y="537"/>
                    </a:lnTo>
                    <a:lnTo>
                      <a:pt x="961" y="539"/>
                    </a:lnTo>
                    <a:lnTo>
                      <a:pt x="963" y="539"/>
                    </a:lnTo>
                    <a:lnTo>
                      <a:pt x="963" y="541"/>
                    </a:lnTo>
                    <a:lnTo>
                      <a:pt x="963" y="542"/>
                    </a:lnTo>
                    <a:lnTo>
                      <a:pt x="961" y="542"/>
                    </a:lnTo>
                    <a:lnTo>
                      <a:pt x="961" y="544"/>
                    </a:lnTo>
                    <a:lnTo>
                      <a:pt x="961" y="546"/>
                    </a:lnTo>
                    <a:lnTo>
                      <a:pt x="959" y="546"/>
                    </a:lnTo>
                    <a:lnTo>
                      <a:pt x="959" y="548"/>
                    </a:lnTo>
                    <a:lnTo>
                      <a:pt x="959" y="550"/>
                    </a:lnTo>
                    <a:lnTo>
                      <a:pt x="959" y="552"/>
                    </a:lnTo>
                    <a:lnTo>
                      <a:pt x="957" y="554"/>
                    </a:lnTo>
                    <a:lnTo>
                      <a:pt x="957" y="555"/>
                    </a:lnTo>
                    <a:lnTo>
                      <a:pt x="956" y="557"/>
                    </a:lnTo>
                    <a:lnTo>
                      <a:pt x="957" y="557"/>
                    </a:lnTo>
                    <a:lnTo>
                      <a:pt x="957" y="559"/>
                    </a:lnTo>
                    <a:lnTo>
                      <a:pt x="957" y="561"/>
                    </a:lnTo>
                    <a:lnTo>
                      <a:pt x="959" y="561"/>
                    </a:lnTo>
                    <a:lnTo>
                      <a:pt x="961" y="561"/>
                    </a:lnTo>
                    <a:lnTo>
                      <a:pt x="961" y="563"/>
                    </a:lnTo>
                    <a:lnTo>
                      <a:pt x="959" y="563"/>
                    </a:lnTo>
                    <a:lnTo>
                      <a:pt x="959" y="565"/>
                    </a:lnTo>
                    <a:lnTo>
                      <a:pt x="961" y="563"/>
                    </a:lnTo>
                    <a:lnTo>
                      <a:pt x="961" y="565"/>
                    </a:lnTo>
                    <a:lnTo>
                      <a:pt x="961" y="566"/>
                    </a:lnTo>
                    <a:lnTo>
                      <a:pt x="963" y="566"/>
                    </a:lnTo>
                    <a:lnTo>
                      <a:pt x="963" y="568"/>
                    </a:lnTo>
                    <a:lnTo>
                      <a:pt x="965" y="568"/>
                    </a:lnTo>
                    <a:lnTo>
                      <a:pt x="965" y="570"/>
                    </a:lnTo>
                    <a:lnTo>
                      <a:pt x="967" y="570"/>
                    </a:lnTo>
                    <a:lnTo>
                      <a:pt x="967" y="572"/>
                    </a:lnTo>
                    <a:lnTo>
                      <a:pt x="969" y="572"/>
                    </a:lnTo>
                    <a:lnTo>
                      <a:pt x="969" y="574"/>
                    </a:lnTo>
                    <a:lnTo>
                      <a:pt x="969" y="572"/>
                    </a:lnTo>
                    <a:lnTo>
                      <a:pt x="969" y="574"/>
                    </a:lnTo>
                    <a:lnTo>
                      <a:pt x="970" y="574"/>
                    </a:lnTo>
                    <a:lnTo>
                      <a:pt x="970" y="576"/>
                    </a:lnTo>
                    <a:lnTo>
                      <a:pt x="972" y="576"/>
                    </a:lnTo>
                    <a:lnTo>
                      <a:pt x="974" y="576"/>
                    </a:lnTo>
                    <a:lnTo>
                      <a:pt x="974" y="578"/>
                    </a:lnTo>
                    <a:lnTo>
                      <a:pt x="974" y="579"/>
                    </a:lnTo>
                    <a:lnTo>
                      <a:pt x="974" y="581"/>
                    </a:lnTo>
                    <a:lnTo>
                      <a:pt x="974" y="583"/>
                    </a:lnTo>
                    <a:lnTo>
                      <a:pt x="972" y="585"/>
                    </a:lnTo>
                    <a:lnTo>
                      <a:pt x="970" y="589"/>
                    </a:lnTo>
                    <a:lnTo>
                      <a:pt x="970" y="590"/>
                    </a:lnTo>
                    <a:lnTo>
                      <a:pt x="970" y="592"/>
                    </a:lnTo>
                    <a:lnTo>
                      <a:pt x="969" y="592"/>
                    </a:lnTo>
                    <a:lnTo>
                      <a:pt x="969" y="594"/>
                    </a:lnTo>
                    <a:lnTo>
                      <a:pt x="969" y="596"/>
                    </a:lnTo>
                    <a:lnTo>
                      <a:pt x="969" y="598"/>
                    </a:lnTo>
                    <a:lnTo>
                      <a:pt x="970" y="598"/>
                    </a:lnTo>
                    <a:lnTo>
                      <a:pt x="972" y="598"/>
                    </a:lnTo>
                    <a:lnTo>
                      <a:pt x="972" y="600"/>
                    </a:lnTo>
                    <a:lnTo>
                      <a:pt x="974" y="600"/>
                    </a:lnTo>
                    <a:lnTo>
                      <a:pt x="972" y="600"/>
                    </a:lnTo>
                    <a:lnTo>
                      <a:pt x="974" y="600"/>
                    </a:lnTo>
                    <a:lnTo>
                      <a:pt x="974" y="602"/>
                    </a:lnTo>
                    <a:lnTo>
                      <a:pt x="976" y="602"/>
                    </a:lnTo>
                    <a:lnTo>
                      <a:pt x="978" y="602"/>
                    </a:lnTo>
                    <a:lnTo>
                      <a:pt x="978" y="600"/>
                    </a:lnTo>
                    <a:lnTo>
                      <a:pt x="980" y="600"/>
                    </a:lnTo>
                    <a:lnTo>
                      <a:pt x="981" y="600"/>
                    </a:lnTo>
                    <a:lnTo>
                      <a:pt x="980" y="600"/>
                    </a:lnTo>
                    <a:lnTo>
                      <a:pt x="983" y="598"/>
                    </a:lnTo>
                    <a:lnTo>
                      <a:pt x="985" y="598"/>
                    </a:lnTo>
                    <a:lnTo>
                      <a:pt x="987" y="598"/>
                    </a:lnTo>
                    <a:lnTo>
                      <a:pt x="989" y="596"/>
                    </a:lnTo>
                    <a:lnTo>
                      <a:pt x="991" y="596"/>
                    </a:lnTo>
                    <a:lnTo>
                      <a:pt x="993" y="596"/>
                    </a:lnTo>
                    <a:lnTo>
                      <a:pt x="994" y="596"/>
                    </a:lnTo>
                    <a:lnTo>
                      <a:pt x="996" y="598"/>
                    </a:lnTo>
                    <a:lnTo>
                      <a:pt x="1000" y="600"/>
                    </a:lnTo>
                    <a:lnTo>
                      <a:pt x="1000" y="598"/>
                    </a:lnTo>
                    <a:lnTo>
                      <a:pt x="1002" y="596"/>
                    </a:lnTo>
                    <a:lnTo>
                      <a:pt x="1006" y="596"/>
                    </a:lnTo>
                    <a:lnTo>
                      <a:pt x="1007" y="594"/>
                    </a:lnTo>
                    <a:lnTo>
                      <a:pt x="1009" y="594"/>
                    </a:lnTo>
                    <a:lnTo>
                      <a:pt x="1009" y="596"/>
                    </a:lnTo>
                    <a:lnTo>
                      <a:pt x="1009" y="594"/>
                    </a:lnTo>
                    <a:lnTo>
                      <a:pt x="1011" y="594"/>
                    </a:lnTo>
                    <a:lnTo>
                      <a:pt x="1011" y="592"/>
                    </a:lnTo>
                    <a:lnTo>
                      <a:pt x="1011" y="590"/>
                    </a:lnTo>
                    <a:lnTo>
                      <a:pt x="1013" y="592"/>
                    </a:lnTo>
                    <a:lnTo>
                      <a:pt x="1013" y="590"/>
                    </a:lnTo>
                    <a:lnTo>
                      <a:pt x="1015" y="590"/>
                    </a:lnTo>
                    <a:lnTo>
                      <a:pt x="1017" y="590"/>
                    </a:lnTo>
                    <a:lnTo>
                      <a:pt x="1017" y="589"/>
                    </a:lnTo>
                    <a:lnTo>
                      <a:pt x="1018" y="589"/>
                    </a:lnTo>
                    <a:lnTo>
                      <a:pt x="1020" y="589"/>
                    </a:lnTo>
                    <a:lnTo>
                      <a:pt x="1020" y="587"/>
                    </a:lnTo>
                    <a:lnTo>
                      <a:pt x="1022" y="585"/>
                    </a:lnTo>
                    <a:lnTo>
                      <a:pt x="1022" y="583"/>
                    </a:lnTo>
                    <a:lnTo>
                      <a:pt x="1022" y="581"/>
                    </a:lnTo>
                    <a:lnTo>
                      <a:pt x="1024" y="583"/>
                    </a:lnTo>
                    <a:lnTo>
                      <a:pt x="1026" y="581"/>
                    </a:lnTo>
                    <a:lnTo>
                      <a:pt x="1026" y="579"/>
                    </a:lnTo>
                    <a:lnTo>
                      <a:pt x="1028" y="581"/>
                    </a:lnTo>
                    <a:lnTo>
                      <a:pt x="1028" y="583"/>
                    </a:lnTo>
                    <a:lnTo>
                      <a:pt x="1026" y="587"/>
                    </a:lnTo>
                    <a:lnTo>
                      <a:pt x="1022" y="590"/>
                    </a:lnTo>
                    <a:lnTo>
                      <a:pt x="1024" y="592"/>
                    </a:lnTo>
                    <a:lnTo>
                      <a:pt x="1020" y="596"/>
                    </a:lnTo>
                    <a:lnTo>
                      <a:pt x="1018" y="598"/>
                    </a:lnTo>
                    <a:lnTo>
                      <a:pt x="1020" y="598"/>
                    </a:lnTo>
                    <a:lnTo>
                      <a:pt x="1020" y="600"/>
                    </a:lnTo>
                    <a:lnTo>
                      <a:pt x="1020" y="602"/>
                    </a:lnTo>
                    <a:lnTo>
                      <a:pt x="1018" y="602"/>
                    </a:lnTo>
                    <a:lnTo>
                      <a:pt x="1020" y="603"/>
                    </a:lnTo>
                    <a:lnTo>
                      <a:pt x="1018" y="603"/>
                    </a:lnTo>
                    <a:lnTo>
                      <a:pt x="1018" y="605"/>
                    </a:lnTo>
                    <a:lnTo>
                      <a:pt x="1017" y="605"/>
                    </a:lnTo>
                    <a:lnTo>
                      <a:pt x="1017" y="607"/>
                    </a:lnTo>
                    <a:lnTo>
                      <a:pt x="1015" y="611"/>
                    </a:lnTo>
                    <a:lnTo>
                      <a:pt x="1013" y="611"/>
                    </a:lnTo>
                    <a:lnTo>
                      <a:pt x="1013" y="613"/>
                    </a:lnTo>
                    <a:lnTo>
                      <a:pt x="1011" y="613"/>
                    </a:lnTo>
                    <a:lnTo>
                      <a:pt x="1009" y="613"/>
                    </a:lnTo>
                    <a:lnTo>
                      <a:pt x="1009" y="615"/>
                    </a:lnTo>
                    <a:lnTo>
                      <a:pt x="1007" y="615"/>
                    </a:lnTo>
                    <a:lnTo>
                      <a:pt x="1007" y="616"/>
                    </a:lnTo>
                    <a:lnTo>
                      <a:pt x="1009" y="616"/>
                    </a:lnTo>
                    <a:lnTo>
                      <a:pt x="1009" y="618"/>
                    </a:lnTo>
                    <a:lnTo>
                      <a:pt x="1007" y="618"/>
                    </a:lnTo>
                    <a:lnTo>
                      <a:pt x="1007" y="620"/>
                    </a:lnTo>
                    <a:lnTo>
                      <a:pt x="1006" y="620"/>
                    </a:lnTo>
                    <a:lnTo>
                      <a:pt x="1004" y="620"/>
                    </a:lnTo>
                    <a:lnTo>
                      <a:pt x="1002" y="620"/>
                    </a:lnTo>
                    <a:lnTo>
                      <a:pt x="1002" y="622"/>
                    </a:lnTo>
                    <a:lnTo>
                      <a:pt x="1000" y="624"/>
                    </a:lnTo>
                    <a:lnTo>
                      <a:pt x="998" y="624"/>
                    </a:lnTo>
                    <a:lnTo>
                      <a:pt x="998" y="626"/>
                    </a:lnTo>
                    <a:lnTo>
                      <a:pt x="996" y="626"/>
                    </a:lnTo>
                    <a:lnTo>
                      <a:pt x="996" y="627"/>
                    </a:lnTo>
                    <a:lnTo>
                      <a:pt x="996" y="629"/>
                    </a:lnTo>
                    <a:lnTo>
                      <a:pt x="996" y="631"/>
                    </a:lnTo>
                    <a:lnTo>
                      <a:pt x="996" y="633"/>
                    </a:lnTo>
                    <a:lnTo>
                      <a:pt x="996" y="635"/>
                    </a:lnTo>
                    <a:lnTo>
                      <a:pt x="994" y="635"/>
                    </a:lnTo>
                    <a:lnTo>
                      <a:pt x="993" y="637"/>
                    </a:lnTo>
                    <a:lnTo>
                      <a:pt x="993" y="639"/>
                    </a:lnTo>
                    <a:lnTo>
                      <a:pt x="994" y="640"/>
                    </a:lnTo>
                    <a:lnTo>
                      <a:pt x="994" y="642"/>
                    </a:lnTo>
                    <a:lnTo>
                      <a:pt x="994" y="644"/>
                    </a:lnTo>
                    <a:lnTo>
                      <a:pt x="993" y="644"/>
                    </a:lnTo>
                    <a:lnTo>
                      <a:pt x="993" y="646"/>
                    </a:lnTo>
                    <a:lnTo>
                      <a:pt x="993" y="648"/>
                    </a:lnTo>
                    <a:lnTo>
                      <a:pt x="993" y="650"/>
                    </a:lnTo>
                    <a:lnTo>
                      <a:pt x="991" y="650"/>
                    </a:lnTo>
                    <a:lnTo>
                      <a:pt x="991" y="652"/>
                    </a:lnTo>
                    <a:lnTo>
                      <a:pt x="989" y="652"/>
                    </a:lnTo>
                    <a:lnTo>
                      <a:pt x="987" y="652"/>
                    </a:lnTo>
                    <a:lnTo>
                      <a:pt x="987" y="653"/>
                    </a:lnTo>
                    <a:lnTo>
                      <a:pt x="985" y="653"/>
                    </a:lnTo>
                    <a:lnTo>
                      <a:pt x="985" y="655"/>
                    </a:lnTo>
                    <a:lnTo>
                      <a:pt x="983" y="655"/>
                    </a:lnTo>
                    <a:lnTo>
                      <a:pt x="981" y="655"/>
                    </a:lnTo>
                    <a:lnTo>
                      <a:pt x="981" y="657"/>
                    </a:lnTo>
                    <a:lnTo>
                      <a:pt x="980" y="657"/>
                    </a:lnTo>
                    <a:lnTo>
                      <a:pt x="980" y="659"/>
                    </a:lnTo>
                    <a:lnTo>
                      <a:pt x="980" y="661"/>
                    </a:lnTo>
                    <a:lnTo>
                      <a:pt x="978" y="661"/>
                    </a:lnTo>
                    <a:lnTo>
                      <a:pt x="980" y="661"/>
                    </a:lnTo>
                    <a:lnTo>
                      <a:pt x="978" y="663"/>
                    </a:lnTo>
                    <a:lnTo>
                      <a:pt x="976" y="663"/>
                    </a:lnTo>
                    <a:lnTo>
                      <a:pt x="976" y="664"/>
                    </a:lnTo>
                    <a:lnTo>
                      <a:pt x="976" y="663"/>
                    </a:lnTo>
                    <a:lnTo>
                      <a:pt x="974" y="663"/>
                    </a:lnTo>
                    <a:lnTo>
                      <a:pt x="974" y="664"/>
                    </a:lnTo>
                    <a:lnTo>
                      <a:pt x="972" y="664"/>
                    </a:lnTo>
                    <a:lnTo>
                      <a:pt x="970" y="664"/>
                    </a:lnTo>
                    <a:lnTo>
                      <a:pt x="970" y="666"/>
                    </a:lnTo>
                    <a:lnTo>
                      <a:pt x="963" y="666"/>
                    </a:lnTo>
                    <a:lnTo>
                      <a:pt x="961" y="666"/>
                    </a:lnTo>
                    <a:lnTo>
                      <a:pt x="959" y="668"/>
                    </a:lnTo>
                    <a:lnTo>
                      <a:pt x="957" y="668"/>
                    </a:lnTo>
                    <a:lnTo>
                      <a:pt x="957" y="670"/>
                    </a:lnTo>
                    <a:lnTo>
                      <a:pt x="957" y="672"/>
                    </a:lnTo>
                    <a:lnTo>
                      <a:pt x="956" y="672"/>
                    </a:lnTo>
                    <a:lnTo>
                      <a:pt x="954" y="674"/>
                    </a:lnTo>
                    <a:lnTo>
                      <a:pt x="952" y="674"/>
                    </a:lnTo>
                    <a:lnTo>
                      <a:pt x="954" y="674"/>
                    </a:lnTo>
                    <a:lnTo>
                      <a:pt x="948" y="676"/>
                    </a:lnTo>
                    <a:lnTo>
                      <a:pt x="946" y="674"/>
                    </a:lnTo>
                    <a:lnTo>
                      <a:pt x="945" y="674"/>
                    </a:lnTo>
                    <a:lnTo>
                      <a:pt x="945" y="672"/>
                    </a:lnTo>
                    <a:lnTo>
                      <a:pt x="943" y="672"/>
                    </a:lnTo>
                    <a:lnTo>
                      <a:pt x="943" y="670"/>
                    </a:lnTo>
                    <a:lnTo>
                      <a:pt x="941" y="670"/>
                    </a:lnTo>
                    <a:lnTo>
                      <a:pt x="939" y="670"/>
                    </a:lnTo>
                    <a:lnTo>
                      <a:pt x="939" y="672"/>
                    </a:lnTo>
                    <a:lnTo>
                      <a:pt x="937" y="672"/>
                    </a:lnTo>
                    <a:lnTo>
                      <a:pt x="937" y="674"/>
                    </a:lnTo>
                    <a:lnTo>
                      <a:pt x="939" y="676"/>
                    </a:lnTo>
                    <a:lnTo>
                      <a:pt x="941" y="677"/>
                    </a:lnTo>
                    <a:lnTo>
                      <a:pt x="941" y="679"/>
                    </a:lnTo>
                    <a:lnTo>
                      <a:pt x="941" y="681"/>
                    </a:lnTo>
                    <a:lnTo>
                      <a:pt x="943" y="683"/>
                    </a:lnTo>
                    <a:lnTo>
                      <a:pt x="943" y="685"/>
                    </a:lnTo>
                    <a:lnTo>
                      <a:pt x="945" y="690"/>
                    </a:lnTo>
                    <a:lnTo>
                      <a:pt x="945" y="692"/>
                    </a:lnTo>
                    <a:lnTo>
                      <a:pt x="945" y="694"/>
                    </a:lnTo>
                    <a:lnTo>
                      <a:pt x="946" y="696"/>
                    </a:lnTo>
                    <a:lnTo>
                      <a:pt x="946" y="698"/>
                    </a:lnTo>
                    <a:lnTo>
                      <a:pt x="948" y="700"/>
                    </a:lnTo>
                    <a:lnTo>
                      <a:pt x="954" y="705"/>
                    </a:lnTo>
                    <a:lnTo>
                      <a:pt x="956" y="707"/>
                    </a:lnTo>
                    <a:lnTo>
                      <a:pt x="956" y="709"/>
                    </a:lnTo>
                    <a:lnTo>
                      <a:pt x="956" y="711"/>
                    </a:lnTo>
                    <a:lnTo>
                      <a:pt x="956" y="713"/>
                    </a:lnTo>
                    <a:lnTo>
                      <a:pt x="956" y="716"/>
                    </a:lnTo>
                    <a:lnTo>
                      <a:pt x="956" y="718"/>
                    </a:lnTo>
                    <a:lnTo>
                      <a:pt x="954" y="720"/>
                    </a:lnTo>
                    <a:lnTo>
                      <a:pt x="954" y="722"/>
                    </a:lnTo>
                    <a:lnTo>
                      <a:pt x="954" y="724"/>
                    </a:lnTo>
                    <a:lnTo>
                      <a:pt x="954" y="726"/>
                    </a:lnTo>
                    <a:lnTo>
                      <a:pt x="956" y="726"/>
                    </a:lnTo>
                    <a:lnTo>
                      <a:pt x="956" y="727"/>
                    </a:lnTo>
                    <a:lnTo>
                      <a:pt x="957" y="727"/>
                    </a:lnTo>
                    <a:lnTo>
                      <a:pt x="957" y="729"/>
                    </a:lnTo>
                    <a:lnTo>
                      <a:pt x="959" y="729"/>
                    </a:lnTo>
                    <a:lnTo>
                      <a:pt x="959" y="731"/>
                    </a:lnTo>
                    <a:lnTo>
                      <a:pt x="959" y="733"/>
                    </a:lnTo>
                    <a:lnTo>
                      <a:pt x="959" y="735"/>
                    </a:lnTo>
                    <a:lnTo>
                      <a:pt x="959" y="737"/>
                    </a:lnTo>
                    <a:lnTo>
                      <a:pt x="957" y="738"/>
                    </a:lnTo>
                    <a:lnTo>
                      <a:pt x="957" y="740"/>
                    </a:lnTo>
                    <a:lnTo>
                      <a:pt x="957" y="742"/>
                    </a:lnTo>
                    <a:lnTo>
                      <a:pt x="957" y="744"/>
                    </a:lnTo>
                    <a:lnTo>
                      <a:pt x="957" y="746"/>
                    </a:lnTo>
                    <a:lnTo>
                      <a:pt x="959" y="746"/>
                    </a:lnTo>
                    <a:lnTo>
                      <a:pt x="963" y="751"/>
                    </a:lnTo>
                    <a:lnTo>
                      <a:pt x="965" y="751"/>
                    </a:lnTo>
                    <a:lnTo>
                      <a:pt x="965" y="753"/>
                    </a:lnTo>
                    <a:lnTo>
                      <a:pt x="967" y="757"/>
                    </a:lnTo>
                    <a:lnTo>
                      <a:pt x="969" y="757"/>
                    </a:lnTo>
                    <a:lnTo>
                      <a:pt x="969" y="759"/>
                    </a:lnTo>
                    <a:lnTo>
                      <a:pt x="969" y="761"/>
                    </a:lnTo>
                    <a:lnTo>
                      <a:pt x="969" y="763"/>
                    </a:lnTo>
                    <a:lnTo>
                      <a:pt x="969" y="764"/>
                    </a:lnTo>
                    <a:lnTo>
                      <a:pt x="965" y="768"/>
                    </a:lnTo>
                    <a:lnTo>
                      <a:pt x="965" y="770"/>
                    </a:lnTo>
                    <a:lnTo>
                      <a:pt x="963" y="770"/>
                    </a:lnTo>
                    <a:lnTo>
                      <a:pt x="963" y="772"/>
                    </a:lnTo>
                    <a:lnTo>
                      <a:pt x="963" y="774"/>
                    </a:lnTo>
                    <a:lnTo>
                      <a:pt x="963" y="775"/>
                    </a:lnTo>
                    <a:lnTo>
                      <a:pt x="963" y="777"/>
                    </a:lnTo>
                    <a:lnTo>
                      <a:pt x="963" y="779"/>
                    </a:lnTo>
                    <a:lnTo>
                      <a:pt x="961" y="781"/>
                    </a:lnTo>
                    <a:lnTo>
                      <a:pt x="959" y="783"/>
                    </a:lnTo>
                    <a:lnTo>
                      <a:pt x="954" y="788"/>
                    </a:lnTo>
                    <a:lnTo>
                      <a:pt x="952" y="790"/>
                    </a:lnTo>
                    <a:lnTo>
                      <a:pt x="950" y="792"/>
                    </a:lnTo>
                    <a:lnTo>
                      <a:pt x="950" y="794"/>
                    </a:lnTo>
                    <a:lnTo>
                      <a:pt x="948" y="796"/>
                    </a:lnTo>
                    <a:lnTo>
                      <a:pt x="948" y="798"/>
                    </a:lnTo>
                    <a:lnTo>
                      <a:pt x="946" y="801"/>
                    </a:lnTo>
                    <a:lnTo>
                      <a:pt x="946" y="803"/>
                    </a:lnTo>
                    <a:lnTo>
                      <a:pt x="946" y="805"/>
                    </a:lnTo>
                    <a:lnTo>
                      <a:pt x="948" y="812"/>
                    </a:lnTo>
                    <a:lnTo>
                      <a:pt x="948" y="814"/>
                    </a:lnTo>
                    <a:lnTo>
                      <a:pt x="950" y="814"/>
                    </a:lnTo>
                    <a:lnTo>
                      <a:pt x="950" y="816"/>
                    </a:lnTo>
                    <a:lnTo>
                      <a:pt x="950" y="818"/>
                    </a:lnTo>
                    <a:lnTo>
                      <a:pt x="952" y="818"/>
                    </a:lnTo>
                    <a:lnTo>
                      <a:pt x="952" y="820"/>
                    </a:lnTo>
                    <a:lnTo>
                      <a:pt x="954" y="820"/>
                    </a:lnTo>
                    <a:lnTo>
                      <a:pt x="954" y="822"/>
                    </a:lnTo>
                    <a:lnTo>
                      <a:pt x="956" y="824"/>
                    </a:lnTo>
                    <a:lnTo>
                      <a:pt x="956" y="825"/>
                    </a:lnTo>
                    <a:lnTo>
                      <a:pt x="956" y="827"/>
                    </a:lnTo>
                    <a:lnTo>
                      <a:pt x="956" y="829"/>
                    </a:lnTo>
                    <a:lnTo>
                      <a:pt x="956" y="835"/>
                    </a:lnTo>
                    <a:lnTo>
                      <a:pt x="956" y="837"/>
                    </a:lnTo>
                    <a:lnTo>
                      <a:pt x="956" y="838"/>
                    </a:lnTo>
                    <a:lnTo>
                      <a:pt x="956" y="840"/>
                    </a:lnTo>
                    <a:lnTo>
                      <a:pt x="956" y="842"/>
                    </a:lnTo>
                    <a:lnTo>
                      <a:pt x="957" y="844"/>
                    </a:lnTo>
                    <a:lnTo>
                      <a:pt x="957" y="846"/>
                    </a:lnTo>
                    <a:lnTo>
                      <a:pt x="957" y="851"/>
                    </a:lnTo>
                    <a:lnTo>
                      <a:pt x="957" y="853"/>
                    </a:lnTo>
                    <a:lnTo>
                      <a:pt x="959" y="855"/>
                    </a:lnTo>
                    <a:lnTo>
                      <a:pt x="961" y="861"/>
                    </a:lnTo>
                    <a:lnTo>
                      <a:pt x="961" y="862"/>
                    </a:lnTo>
                    <a:lnTo>
                      <a:pt x="963" y="864"/>
                    </a:lnTo>
                    <a:lnTo>
                      <a:pt x="963" y="866"/>
                    </a:lnTo>
                    <a:lnTo>
                      <a:pt x="961" y="866"/>
                    </a:lnTo>
                    <a:lnTo>
                      <a:pt x="961" y="868"/>
                    </a:lnTo>
                    <a:lnTo>
                      <a:pt x="961" y="870"/>
                    </a:lnTo>
                    <a:lnTo>
                      <a:pt x="959" y="872"/>
                    </a:lnTo>
                    <a:lnTo>
                      <a:pt x="959" y="874"/>
                    </a:lnTo>
                    <a:lnTo>
                      <a:pt x="957" y="874"/>
                    </a:lnTo>
                    <a:lnTo>
                      <a:pt x="957" y="875"/>
                    </a:lnTo>
                    <a:lnTo>
                      <a:pt x="957" y="877"/>
                    </a:lnTo>
                    <a:lnTo>
                      <a:pt x="956" y="879"/>
                    </a:lnTo>
                    <a:lnTo>
                      <a:pt x="956" y="883"/>
                    </a:lnTo>
                    <a:lnTo>
                      <a:pt x="956" y="885"/>
                    </a:lnTo>
                    <a:lnTo>
                      <a:pt x="956" y="886"/>
                    </a:lnTo>
                    <a:lnTo>
                      <a:pt x="956" y="888"/>
                    </a:lnTo>
                    <a:lnTo>
                      <a:pt x="956" y="890"/>
                    </a:lnTo>
                    <a:lnTo>
                      <a:pt x="957" y="896"/>
                    </a:lnTo>
                    <a:lnTo>
                      <a:pt x="957" y="898"/>
                    </a:lnTo>
                    <a:lnTo>
                      <a:pt x="957" y="901"/>
                    </a:lnTo>
                    <a:lnTo>
                      <a:pt x="959" y="903"/>
                    </a:lnTo>
                    <a:lnTo>
                      <a:pt x="967" y="905"/>
                    </a:lnTo>
                    <a:lnTo>
                      <a:pt x="969" y="905"/>
                    </a:lnTo>
                    <a:lnTo>
                      <a:pt x="969" y="907"/>
                    </a:lnTo>
                    <a:lnTo>
                      <a:pt x="970" y="907"/>
                    </a:lnTo>
                    <a:lnTo>
                      <a:pt x="970" y="909"/>
                    </a:lnTo>
                    <a:lnTo>
                      <a:pt x="972" y="909"/>
                    </a:lnTo>
                    <a:lnTo>
                      <a:pt x="972" y="911"/>
                    </a:lnTo>
                    <a:lnTo>
                      <a:pt x="974" y="914"/>
                    </a:lnTo>
                    <a:lnTo>
                      <a:pt x="974" y="918"/>
                    </a:lnTo>
                    <a:lnTo>
                      <a:pt x="974" y="920"/>
                    </a:lnTo>
                    <a:lnTo>
                      <a:pt x="976" y="925"/>
                    </a:lnTo>
                    <a:lnTo>
                      <a:pt x="976" y="927"/>
                    </a:lnTo>
                    <a:lnTo>
                      <a:pt x="976" y="929"/>
                    </a:lnTo>
                    <a:lnTo>
                      <a:pt x="978" y="929"/>
                    </a:lnTo>
                    <a:lnTo>
                      <a:pt x="978" y="931"/>
                    </a:lnTo>
                    <a:lnTo>
                      <a:pt x="978" y="935"/>
                    </a:lnTo>
                    <a:lnTo>
                      <a:pt x="978" y="938"/>
                    </a:lnTo>
                    <a:lnTo>
                      <a:pt x="976" y="938"/>
                    </a:lnTo>
                    <a:lnTo>
                      <a:pt x="976" y="940"/>
                    </a:lnTo>
                    <a:lnTo>
                      <a:pt x="976" y="942"/>
                    </a:lnTo>
                    <a:lnTo>
                      <a:pt x="974" y="946"/>
                    </a:lnTo>
                    <a:lnTo>
                      <a:pt x="972" y="947"/>
                    </a:lnTo>
                    <a:lnTo>
                      <a:pt x="972" y="949"/>
                    </a:lnTo>
                    <a:lnTo>
                      <a:pt x="972" y="951"/>
                    </a:lnTo>
                    <a:lnTo>
                      <a:pt x="972" y="953"/>
                    </a:lnTo>
                    <a:lnTo>
                      <a:pt x="976" y="959"/>
                    </a:lnTo>
                    <a:lnTo>
                      <a:pt x="976" y="960"/>
                    </a:lnTo>
                    <a:lnTo>
                      <a:pt x="976" y="962"/>
                    </a:lnTo>
                    <a:lnTo>
                      <a:pt x="976" y="964"/>
                    </a:lnTo>
                    <a:lnTo>
                      <a:pt x="976" y="966"/>
                    </a:lnTo>
                    <a:lnTo>
                      <a:pt x="976" y="968"/>
                    </a:lnTo>
                    <a:lnTo>
                      <a:pt x="976" y="970"/>
                    </a:lnTo>
                    <a:lnTo>
                      <a:pt x="976" y="972"/>
                    </a:lnTo>
                    <a:lnTo>
                      <a:pt x="974" y="973"/>
                    </a:lnTo>
                    <a:lnTo>
                      <a:pt x="974" y="975"/>
                    </a:lnTo>
                    <a:lnTo>
                      <a:pt x="972" y="977"/>
                    </a:lnTo>
                    <a:lnTo>
                      <a:pt x="970" y="979"/>
                    </a:lnTo>
                    <a:lnTo>
                      <a:pt x="969" y="979"/>
                    </a:lnTo>
                    <a:lnTo>
                      <a:pt x="969" y="981"/>
                    </a:lnTo>
                    <a:lnTo>
                      <a:pt x="967" y="981"/>
                    </a:lnTo>
                    <a:lnTo>
                      <a:pt x="965" y="981"/>
                    </a:lnTo>
                    <a:lnTo>
                      <a:pt x="965" y="983"/>
                    </a:lnTo>
                    <a:lnTo>
                      <a:pt x="963" y="983"/>
                    </a:lnTo>
                    <a:lnTo>
                      <a:pt x="961" y="981"/>
                    </a:lnTo>
                    <a:lnTo>
                      <a:pt x="954" y="981"/>
                    </a:lnTo>
                    <a:lnTo>
                      <a:pt x="954" y="983"/>
                    </a:lnTo>
                    <a:lnTo>
                      <a:pt x="952" y="983"/>
                    </a:lnTo>
                    <a:lnTo>
                      <a:pt x="952" y="981"/>
                    </a:lnTo>
                    <a:lnTo>
                      <a:pt x="950" y="981"/>
                    </a:lnTo>
                    <a:lnTo>
                      <a:pt x="950" y="979"/>
                    </a:lnTo>
                    <a:lnTo>
                      <a:pt x="946" y="981"/>
                    </a:lnTo>
                    <a:lnTo>
                      <a:pt x="943" y="979"/>
                    </a:lnTo>
                    <a:lnTo>
                      <a:pt x="941" y="979"/>
                    </a:lnTo>
                    <a:lnTo>
                      <a:pt x="939" y="979"/>
                    </a:lnTo>
                    <a:lnTo>
                      <a:pt x="937" y="979"/>
                    </a:lnTo>
                    <a:lnTo>
                      <a:pt x="937" y="977"/>
                    </a:lnTo>
                    <a:lnTo>
                      <a:pt x="935" y="977"/>
                    </a:lnTo>
                    <a:lnTo>
                      <a:pt x="935" y="979"/>
                    </a:lnTo>
                    <a:lnTo>
                      <a:pt x="935" y="977"/>
                    </a:lnTo>
                    <a:lnTo>
                      <a:pt x="935" y="979"/>
                    </a:lnTo>
                    <a:lnTo>
                      <a:pt x="933" y="979"/>
                    </a:lnTo>
                    <a:lnTo>
                      <a:pt x="933" y="977"/>
                    </a:lnTo>
                    <a:lnTo>
                      <a:pt x="933" y="979"/>
                    </a:lnTo>
                    <a:lnTo>
                      <a:pt x="933" y="977"/>
                    </a:lnTo>
                    <a:lnTo>
                      <a:pt x="932" y="977"/>
                    </a:lnTo>
                    <a:lnTo>
                      <a:pt x="932" y="979"/>
                    </a:lnTo>
                    <a:lnTo>
                      <a:pt x="930" y="979"/>
                    </a:lnTo>
                    <a:lnTo>
                      <a:pt x="928" y="979"/>
                    </a:lnTo>
                    <a:lnTo>
                      <a:pt x="926" y="979"/>
                    </a:lnTo>
                    <a:lnTo>
                      <a:pt x="924" y="979"/>
                    </a:lnTo>
                    <a:lnTo>
                      <a:pt x="922" y="979"/>
                    </a:lnTo>
                    <a:lnTo>
                      <a:pt x="922" y="975"/>
                    </a:lnTo>
                    <a:lnTo>
                      <a:pt x="922" y="973"/>
                    </a:lnTo>
                    <a:lnTo>
                      <a:pt x="920" y="973"/>
                    </a:lnTo>
                    <a:lnTo>
                      <a:pt x="920" y="972"/>
                    </a:lnTo>
                    <a:lnTo>
                      <a:pt x="919" y="972"/>
                    </a:lnTo>
                    <a:lnTo>
                      <a:pt x="917" y="972"/>
                    </a:lnTo>
                    <a:lnTo>
                      <a:pt x="915" y="970"/>
                    </a:lnTo>
                    <a:lnTo>
                      <a:pt x="913" y="970"/>
                    </a:lnTo>
                    <a:lnTo>
                      <a:pt x="911" y="970"/>
                    </a:lnTo>
                    <a:lnTo>
                      <a:pt x="911" y="968"/>
                    </a:lnTo>
                    <a:lnTo>
                      <a:pt x="909" y="968"/>
                    </a:lnTo>
                    <a:lnTo>
                      <a:pt x="908" y="968"/>
                    </a:lnTo>
                    <a:lnTo>
                      <a:pt x="908" y="966"/>
                    </a:lnTo>
                    <a:lnTo>
                      <a:pt x="906" y="966"/>
                    </a:lnTo>
                    <a:lnTo>
                      <a:pt x="904" y="966"/>
                    </a:lnTo>
                    <a:lnTo>
                      <a:pt x="904" y="964"/>
                    </a:lnTo>
                    <a:lnTo>
                      <a:pt x="904" y="962"/>
                    </a:lnTo>
                    <a:lnTo>
                      <a:pt x="902" y="962"/>
                    </a:lnTo>
                    <a:lnTo>
                      <a:pt x="902" y="960"/>
                    </a:lnTo>
                    <a:lnTo>
                      <a:pt x="902" y="959"/>
                    </a:lnTo>
                    <a:lnTo>
                      <a:pt x="902" y="957"/>
                    </a:lnTo>
                    <a:lnTo>
                      <a:pt x="902" y="955"/>
                    </a:lnTo>
                    <a:lnTo>
                      <a:pt x="902" y="953"/>
                    </a:lnTo>
                    <a:lnTo>
                      <a:pt x="900" y="953"/>
                    </a:lnTo>
                    <a:lnTo>
                      <a:pt x="900" y="951"/>
                    </a:lnTo>
                    <a:lnTo>
                      <a:pt x="898" y="951"/>
                    </a:lnTo>
                    <a:lnTo>
                      <a:pt x="898" y="947"/>
                    </a:lnTo>
                    <a:lnTo>
                      <a:pt x="898" y="946"/>
                    </a:lnTo>
                    <a:lnTo>
                      <a:pt x="898" y="944"/>
                    </a:lnTo>
                    <a:lnTo>
                      <a:pt x="896" y="944"/>
                    </a:lnTo>
                    <a:lnTo>
                      <a:pt x="896" y="942"/>
                    </a:lnTo>
                    <a:lnTo>
                      <a:pt x="895" y="942"/>
                    </a:lnTo>
                    <a:lnTo>
                      <a:pt x="893" y="940"/>
                    </a:lnTo>
                    <a:lnTo>
                      <a:pt x="893" y="938"/>
                    </a:lnTo>
                    <a:lnTo>
                      <a:pt x="893" y="936"/>
                    </a:lnTo>
                    <a:lnTo>
                      <a:pt x="891" y="936"/>
                    </a:lnTo>
                    <a:lnTo>
                      <a:pt x="891" y="935"/>
                    </a:lnTo>
                    <a:lnTo>
                      <a:pt x="889" y="933"/>
                    </a:lnTo>
                    <a:lnTo>
                      <a:pt x="889" y="931"/>
                    </a:lnTo>
                    <a:lnTo>
                      <a:pt x="887" y="931"/>
                    </a:lnTo>
                    <a:lnTo>
                      <a:pt x="885" y="931"/>
                    </a:lnTo>
                    <a:lnTo>
                      <a:pt x="885" y="929"/>
                    </a:lnTo>
                    <a:lnTo>
                      <a:pt x="884" y="929"/>
                    </a:lnTo>
                    <a:lnTo>
                      <a:pt x="884" y="927"/>
                    </a:lnTo>
                    <a:lnTo>
                      <a:pt x="885" y="925"/>
                    </a:lnTo>
                    <a:lnTo>
                      <a:pt x="884" y="923"/>
                    </a:lnTo>
                    <a:lnTo>
                      <a:pt x="882" y="922"/>
                    </a:lnTo>
                    <a:lnTo>
                      <a:pt x="882" y="920"/>
                    </a:lnTo>
                    <a:lnTo>
                      <a:pt x="880" y="920"/>
                    </a:lnTo>
                    <a:lnTo>
                      <a:pt x="882" y="918"/>
                    </a:lnTo>
                    <a:lnTo>
                      <a:pt x="880" y="918"/>
                    </a:lnTo>
                    <a:lnTo>
                      <a:pt x="880" y="916"/>
                    </a:lnTo>
                    <a:lnTo>
                      <a:pt x="878" y="916"/>
                    </a:lnTo>
                    <a:lnTo>
                      <a:pt x="878" y="914"/>
                    </a:lnTo>
                    <a:lnTo>
                      <a:pt x="878" y="912"/>
                    </a:lnTo>
                    <a:lnTo>
                      <a:pt x="878" y="911"/>
                    </a:lnTo>
                    <a:lnTo>
                      <a:pt x="876" y="911"/>
                    </a:lnTo>
                    <a:lnTo>
                      <a:pt x="874" y="911"/>
                    </a:lnTo>
                    <a:lnTo>
                      <a:pt x="872" y="911"/>
                    </a:lnTo>
                    <a:lnTo>
                      <a:pt x="874" y="909"/>
                    </a:lnTo>
                    <a:lnTo>
                      <a:pt x="874" y="907"/>
                    </a:lnTo>
                    <a:lnTo>
                      <a:pt x="872" y="907"/>
                    </a:lnTo>
                    <a:lnTo>
                      <a:pt x="872" y="905"/>
                    </a:lnTo>
                    <a:lnTo>
                      <a:pt x="871" y="905"/>
                    </a:lnTo>
                    <a:lnTo>
                      <a:pt x="871" y="903"/>
                    </a:lnTo>
                    <a:lnTo>
                      <a:pt x="871" y="901"/>
                    </a:lnTo>
                    <a:lnTo>
                      <a:pt x="871" y="899"/>
                    </a:lnTo>
                    <a:lnTo>
                      <a:pt x="871" y="898"/>
                    </a:lnTo>
                    <a:lnTo>
                      <a:pt x="871" y="896"/>
                    </a:lnTo>
                    <a:lnTo>
                      <a:pt x="869" y="896"/>
                    </a:lnTo>
                    <a:lnTo>
                      <a:pt x="871" y="894"/>
                    </a:lnTo>
                    <a:lnTo>
                      <a:pt x="871" y="892"/>
                    </a:lnTo>
                    <a:lnTo>
                      <a:pt x="869" y="890"/>
                    </a:lnTo>
                    <a:lnTo>
                      <a:pt x="869" y="888"/>
                    </a:lnTo>
                    <a:lnTo>
                      <a:pt x="871" y="888"/>
                    </a:lnTo>
                    <a:lnTo>
                      <a:pt x="871" y="886"/>
                    </a:lnTo>
                    <a:lnTo>
                      <a:pt x="871" y="885"/>
                    </a:lnTo>
                    <a:lnTo>
                      <a:pt x="869" y="885"/>
                    </a:lnTo>
                    <a:lnTo>
                      <a:pt x="869" y="883"/>
                    </a:lnTo>
                    <a:lnTo>
                      <a:pt x="869" y="881"/>
                    </a:lnTo>
                    <a:lnTo>
                      <a:pt x="869" y="879"/>
                    </a:lnTo>
                    <a:lnTo>
                      <a:pt x="869" y="877"/>
                    </a:lnTo>
                    <a:lnTo>
                      <a:pt x="867" y="877"/>
                    </a:lnTo>
                    <a:lnTo>
                      <a:pt x="867" y="875"/>
                    </a:lnTo>
                    <a:lnTo>
                      <a:pt x="865" y="875"/>
                    </a:lnTo>
                    <a:lnTo>
                      <a:pt x="865" y="874"/>
                    </a:lnTo>
                    <a:lnTo>
                      <a:pt x="863" y="872"/>
                    </a:lnTo>
                    <a:lnTo>
                      <a:pt x="863" y="870"/>
                    </a:lnTo>
                    <a:lnTo>
                      <a:pt x="861" y="870"/>
                    </a:lnTo>
                    <a:lnTo>
                      <a:pt x="861" y="868"/>
                    </a:lnTo>
                    <a:lnTo>
                      <a:pt x="861" y="866"/>
                    </a:lnTo>
                    <a:lnTo>
                      <a:pt x="859" y="864"/>
                    </a:lnTo>
                    <a:lnTo>
                      <a:pt x="859" y="862"/>
                    </a:lnTo>
                    <a:lnTo>
                      <a:pt x="858" y="862"/>
                    </a:lnTo>
                    <a:lnTo>
                      <a:pt x="858" y="861"/>
                    </a:lnTo>
                    <a:lnTo>
                      <a:pt x="858" y="859"/>
                    </a:lnTo>
                    <a:lnTo>
                      <a:pt x="858" y="857"/>
                    </a:lnTo>
                    <a:lnTo>
                      <a:pt x="858" y="855"/>
                    </a:lnTo>
                    <a:lnTo>
                      <a:pt x="858" y="853"/>
                    </a:lnTo>
                    <a:lnTo>
                      <a:pt x="858" y="851"/>
                    </a:lnTo>
                    <a:lnTo>
                      <a:pt x="858" y="849"/>
                    </a:lnTo>
                    <a:lnTo>
                      <a:pt x="856" y="848"/>
                    </a:lnTo>
                    <a:lnTo>
                      <a:pt x="856" y="846"/>
                    </a:lnTo>
                    <a:lnTo>
                      <a:pt x="854" y="846"/>
                    </a:lnTo>
                    <a:lnTo>
                      <a:pt x="854" y="844"/>
                    </a:lnTo>
                    <a:lnTo>
                      <a:pt x="856" y="844"/>
                    </a:lnTo>
                    <a:lnTo>
                      <a:pt x="856" y="842"/>
                    </a:lnTo>
                    <a:lnTo>
                      <a:pt x="856" y="840"/>
                    </a:lnTo>
                    <a:lnTo>
                      <a:pt x="854" y="840"/>
                    </a:lnTo>
                    <a:lnTo>
                      <a:pt x="854" y="838"/>
                    </a:lnTo>
                    <a:lnTo>
                      <a:pt x="854" y="837"/>
                    </a:lnTo>
                    <a:lnTo>
                      <a:pt x="854" y="835"/>
                    </a:lnTo>
                    <a:lnTo>
                      <a:pt x="852" y="835"/>
                    </a:lnTo>
                    <a:lnTo>
                      <a:pt x="852" y="831"/>
                    </a:lnTo>
                    <a:lnTo>
                      <a:pt x="850" y="829"/>
                    </a:lnTo>
                    <a:lnTo>
                      <a:pt x="850" y="827"/>
                    </a:lnTo>
                    <a:lnTo>
                      <a:pt x="845" y="825"/>
                    </a:lnTo>
                    <a:lnTo>
                      <a:pt x="843" y="825"/>
                    </a:lnTo>
                    <a:lnTo>
                      <a:pt x="843" y="824"/>
                    </a:lnTo>
                    <a:lnTo>
                      <a:pt x="841" y="822"/>
                    </a:lnTo>
                    <a:lnTo>
                      <a:pt x="843" y="822"/>
                    </a:lnTo>
                    <a:lnTo>
                      <a:pt x="843" y="820"/>
                    </a:lnTo>
                    <a:lnTo>
                      <a:pt x="843" y="818"/>
                    </a:lnTo>
                    <a:lnTo>
                      <a:pt x="843" y="816"/>
                    </a:lnTo>
                    <a:lnTo>
                      <a:pt x="843" y="814"/>
                    </a:lnTo>
                    <a:lnTo>
                      <a:pt x="845" y="814"/>
                    </a:lnTo>
                    <a:lnTo>
                      <a:pt x="845" y="812"/>
                    </a:lnTo>
                    <a:lnTo>
                      <a:pt x="843" y="812"/>
                    </a:lnTo>
                    <a:lnTo>
                      <a:pt x="843" y="811"/>
                    </a:lnTo>
                    <a:lnTo>
                      <a:pt x="841" y="809"/>
                    </a:lnTo>
                    <a:lnTo>
                      <a:pt x="841" y="807"/>
                    </a:lnTo>
                    <a:lnTo>
                      <a:pt x="839" y="807"/>
                    </a:lnTo>
                    <a:lnTo>
                      <a:pt x="839" y="805"/>
                    </a:lnTo>
                    <a:lnTo>
                      <a:pt x="839" y="803"/>
                    </a:lnTo>
                    <a:lnTo>
                      <a:pt x="839" y="801"/>
                    </a:lnTo>
                    <a:lnTo>
                      <a:pt x="839" y="800"/>
                    </a:lnTo>
                    <a:lnTo>
                      <a:pt x="837" y="800"/>
                    </a:lnTo>
                    <a:lnTo>
                      <a:pt x="837" y="798"/>
                    </a:lnTo>
                    <a:lnTo>
                      <a:pt x="837" y="794"/>
                    </a:lnTo>
                    <a:lnTo>
                      <a:pt x="835" y="790"/>
                    </a:lnTo>
                    <a:lnTo>
                      <a:pt x="835" y="785"/>
                    </a:lnTo>
                    <a:lnTo>
                      <a:pt x="835" y="783"/>
                    </a:lnTo>
                    <a:lnTo>
                      <a:pt x="834" y="783"/>
                    </a:lnTo>
                    <a:lnTo>
                      <a:pt x="834" y="781"/>
                    </a:lnTo>
                    <a:lnTo>
                      <a:pt x="835" y="779"/>
                    </a:lnTo>
                    <a:lnTo>
                      <a:pt x="835" y="777"/>
                    </a:lnTo>
                    <a:lnTo>
                      <a:pt x="835" y="775"/>
                    </a:lnTo>
                    <a:lnTo>
                      <a:pt x="835" y="774"/>
                    </a:lnTo>
                    <a:lnTo>
                      <a:pt x="834" y="774"/>
                    </a:lnTo>
                    <a:lnTo>
                      <a:pt x="834" y="772"/>
                    </a:lnTo>
                    <a:lnTo>
                      <a:pt x="834" y="770"/>
                    </a:lnTo>
                    <a:lnTo>
                      <a:pt x="832" y="768"/>
                    </a:lnTo>
                    <a:lnTo>
                      <a:pt x="832" y="766"/>
                    </a:lnTo>
                    <a:lnTo>
                      <a:pt x="832" y="764"/>
                    </a:lnTo>
                    <a:lnTo>
                      <a:pt x="830" y="764"/>
                    </a:lnTo>
                    <a:lnTo>
                      <a:pt x="830" y="763"/>
                    </a:lnTo>
                    <a:lnTo>
                      <a:pt x="828" y="761"/>
                    </a:lnTo>
                    <a:lnTo>
                      <a:pt x="828" y="759"/>
                    </a:lnTo>
                    <a:lnTo>
                      <a:pt x="826" y="757"/>
                    </a:lnTo>
                    <a:lnTo>
                      <a:pt x="826" y="755"/>
                    </a:lnTo>
                    <a:lnTo>
                      <a:pt x="824" y="755"/>
                    </a:lnTo>
                    <a:lnTo>
                      <a:pt x="824" y="753"/>
                    </a:lnTo>
                    <a:lnTo>
                      <a:pt x="823" y="751"/>
                    </a:lnTo>
                    <a:lnTo>
                      <a:pt x="821" y="750"/>
                    </a:lnTo>
                    <a:lnTo>
                      <a:pt x="821" y="751"/>
                    </a:lnTo>
                    <a:lnTo>
                      <a:pt x="819" y="751"/>
                    </a:lnTo>
                    <a:lnTo>
                      <a:pt x="817" y="750"/>
                    </a:lnTo>
                    <a:lnTo>
                      <a:pt x="815" y="750"/>
                    </a:lnTo>
                    <a:lnTo>
                      <a:pt x="815" y="748"/>
                    </a:lnTo>
                    <a:lnTo>
                      <a:pt x="815" y="746"/>
                    </a:lnTo>
                    <a:lnTo>
                      <a:pt x="813" y="746"/>
                    </a:lnTo>
                    <a:lnTo>
                      <a:pt x="813" y="744"/>
                    </a:lnTo>
                    <a:lnTo>
                      <a:pt x="813" y="742"/>
                    </a:lnTo>
                    <a:lnTo>
                      <a:pt x="811" y="742"/>
                    </a:lnTo>
                    <a:lnTo>
                      <a:pt x="813" y="742"/>
                    </a:lnTo>
                    <a:lnTo>
                      <a:pt x="811" y="740"/>
                    </a:lnTo>
                    <a:lnTo>
                      <a:pt x="811" y="738"/>
                    </a:lnTo>
                    <a:lnTo>
                      <a:pt x="810" y="738"/>
                    </a:lnTo>
                    <a:lnTo>
                      <a:pt x="810" y="737"/>
                    </a:lnTo>
                    <a:lnTo>
                      <a:pt x="810" y="735"/>
                    </a:lnTo>
                    <a:lnTo>
                      <a:pt x="810" y="733"/>
                    </a:lnTo>
                    <a:lnTo>
                      <a:pt x="808" y="733"/>
                    </a:lnTo>
                    <a:lnTo>
                      <a:pt x="808" y="731"/>
                    </a:lnTo>
                    <a:lnTo>
                      <a:pt x="808" y="729"/>
                    </a:lnTo>
                    <a:lnTo>
                      <a:pt x="808" y="727"/>
                    </a:lnTo>
                    <a:lnTo>
                      <a:pt x="808" y="726"/>
                    </a:lnTo>
                    <a:lnTo>
                      <a:pt x="806" y="724"/>
                    </a:lnTo>
                    <a:lnTo>
                      <a:pt x="808" y="724"/>
                    </a:lnTo>
                    <a:lnTo>
                      <a:pt x="806" y="724"/>
                    </a:lnTo>
                    <a:lnTo>
                      <a:pt x="808" y="724"/>
                    </a:lnTo>
                    <a:lnTo>
                      <a:pt x="808" y="722"/>
                    </a:lnTo>
                    <a:lnTo>
                      <a:pt x="808" y="720"/>
                    </a:lnTo>
                    <a:lnTo>
                      <a:pt x="810" y="720"/>
                    </a:lnTo>
                    <a:lnTo>
                      <a:pt x="810" y="718"/>
                    </a:lnTo>
                    <a:lnTo>
                      <a:pt x="810" y="716"/>
                    </a:lnTo>
                    <a:lnTo>
                      <a:pt x="811" y="716"/>
                    </a:lnTo>
                    <a:lnTo>
                      <a:pt x="811" y="714"/>
                    </a:lnTo>
                    <a:lnTo>
                      <a:pt x="813" y="714"/>
                    </a:lnTo>
                    <a:lnTo>
                      <a:pt x="813" y="713"/>
                    </a:lnTo>
                    <a:lnTo>
                      <a:pt x="815" y="713"/>
                    </a:lnTo>
                    <a:lnTo>
                      <a:pt x="815" y="711"/>
                    </a:lnTo>
                    <a:lnTo>
                      <a:pt x="811" y="711"/>
                    </a:lnTo>
                    <a:lnTo>
                      <a:pt x="811" y="709"/>
                    </a:lnTo>
                    <a:lnTo>
                      <a:pt x="810" y="709"/>
                    </a:lnTo>
                    <a:lnTo>
                      <a:pt x="808" y="709"/>
                    </a:lnTo>
                    <a:lnTo>
                      <a:pt x="806" y="707"/>
                    </a:lnTo>
                    <a:lnTo>
                      <a:pt x="806" y="705"/>
                    </a:lnTo>
                    <a:lnTo>
                      <a:pt x="804" y="705"/>
                    </a:lnTo>
                    <a:lnTo>
                      <a:pt x="802" y="703"/>
                    </a:lnTo>
                    <a:lnTo>
                      <a:pt x="800" y="701"/>
                    </a:lnTo>
                    <a:lnTo>
                      <a:pt x="800" y="700"/>
                    </a:lnTo>
                    <a:lnTo>
                      <a:pt x="798" y="698"/>
                    </a:lnTo>
                    <a:lnTo>
                      <a:pt x="797" y="696"/>
                    </a:lnTo>
                    <a:lnTo>
                      <a:pt x="795" y="696"/>
                    </a:lnTo>
                    <a:lnTo>
                      <a:pt x="795" y="694"/>
                    </a:lnTo>
                    <a:lnTo>
                      <a:pt x="793" y="694"/>
                    </a:lnTo>
                    <a:lnTo>
                      <a:pt x="791" y="694"/>
                    </a:lnTo>
                    <a:lnTo>
                      <a:pt x="789" y="692"/>
                    </a:lnTo>
                    <a:lnTo>
                      <a:pt x="787" y="692"/>
                    </a:lnTo>
                    <a:lnTo>
                      <a:pt x="786" y="692"/>
                    </a:lnTo>
                    <a:lnTo>
                      <a:pt x="786" y="690"/>
                    </a:lnTo>
                    <a:lnTo>
                      <a:pt x="784" y="690"/>
                    </a:lnTo>
                    <a:lnTo>
                      <a:pt x="782" y="690"/>
                    </a:lnTo>
                    <a:lnTo>
                      <a:pt x="780" y="690"/>
                    </a:lnTo>
                    <a:lnTo>
                      <a:pt x="780" y="692"/>
                    </a:lnTo>
                    <a:lnTo>
                      <a:pt x="778" y="692"/>
                    </a:lnTo>
                    <a:lnTo>
                      <a:pt x="776" y="692"/>
                    </a:lnTo>
                    <a:lnTo>
                      <a:pt x="774" y="692"/>
                    </a:lnTo>
                    <a:lnTo>
                      <a:pt x="774" y="690"/>
                    </a:lnTo>
                    <a:lnTo>
                      <a:pt x="773" y="687"/>
                    </a:lnTo>
                    <a:lnTo>
                      <a:pt x="771" y="689"/>
                    </a:lnTo>
                    <a:lnTo>
                      <a:pt x="769" y="689"/>
                    </a:lnTo>
                    <a:lnTo>
                      <a:pt x="767" y="689"/>
                    </a:lnTo>
                    <a:lnTo>
                      <a:pt x="765" y="689"/>
                    </a:lnTo>
                    <a:lnTo>
                      <a:pt x="763" y="690"/>
                    </a:lnTo>
                    <a:lnTo>
                      <a:pt x="761" y="689"/>
                    </a:lnTo>
                    <a:lnTo>
                      <a:pt x="760" y="685"/>
                    </a:lnTo>
                    <a:lnTo>
                      <a:pt x="760" y="687"/>
                    </a:lnTo>
                    <a:lnTo>
                      <a:pt x="760" y="685"/>
                    </a:lnTo>
                    <a:lnTo>
                      <a:pt x="760" y="683"/>
                    </a:lnTo>
                    <a:lnTo>
                      <a:pt x="758" y="681"/>
                    </a:lnTo>
                    <a:lnTo>
                      <a:pt x="756" y="679"/>
                    </a:lnTo>
                    <a:lnTo>
                      <a:pt x="756" y="681"/>
                    </a:lnTo>
                    <a:lnTo>
                      <a:pt x="754" y="681"/>
                    </a:lnTo>
                    <a:lnTo>
                      <a:pt x="752" y="681"/>
                    </a:lnTo>
                    <a:lnTo>
                      <a:pt x="750" y="681"/>
                    </a:lnTo>
                    <a:lnTo>
                      <a:pt x="749" y="681"/>
                    </a:lnTo>
                    <a:lnTo>
                      <a:pt x="749" y="683"/>
                    </a:lnTo>
                    <a:lnTo>
                      <a:pt x="749" y="681"/>
                    </a:lnTo>
                    <a:lnTo>
                      <a:pt x="745" y="683"/>
                    </a:lnTo>
                    <a:lnTo>
                      <a:pt x="747" y="685"/>
                    </a:lnTo>
                    <a:lnTo>
                      <a:pt x="745" y="685"/>
                    </a:lnTo>
                    <a:lnTo>
                      <a:pt x="743" y="685"/>
                    </a:lnTo>
                    <a:lnTo>
                      <a:pt x="743" y="687"/>
                    </a:lnTo>
                    <a:lnTo>
                      <a:pt x="745" y="689"/>
                    </a:lnTo>
                    <a:lnTo>
                      <a:pt x="745" y="690"/>
                    </a:lnTo>
                    <a:lnTo>
                      <a:pt x="743" y="690"/>
                    </a:lnTo>
                    <a:lnTo>
                      <a:pt x="743" y="692"/>
                    </a:lnTo>
                    <a:lnTo>
                      <a:pt x="741" y="692"/>
                    </a:lnTo>
                    <a:lnTo>
                      <a:pt x="737" y="692"/>
                    </a:lnTo>
                    <a:lnTo>
                      <a:pt x="737" y="694"/>
                    </a:lnTo>
                    <a:lnTo>
                      <a:pt x="737" y="696"/>
                    </a:lnTo>
                    <a:lnTo>
                      <a:pt x="736" y="696"/>
                    </a:lnTo>
                    <a:lnTo>
                      <a:pt x="736" y="698"/>
                    </a:lnTo>
                    <a:lnTo>
                      <a:pt x="734" y="698"/>
                    </a:lnTo>
                    <a:lnTo>
                      <a:pt x="734" y="700"/>
                    </a:lnTo>
                    <a:lnTo>
                      <a:pt x="734" y="701"/>
                    </a:lnTo>
                    <a:lnTo>
                      <a:pt x="734" y="703"/>
                    </a:lnTo>
                    <a:lnTo>
                      <a:pt x="732" y="703"/>
                    </a:lnTo>
                    <a:lnTo>
                      <a:pt x="732" y="705"/>
                    </a:lnTo>
                    <a:lnTo>
                      <a:pt x="734" y="707"/>
                    </a:lnTo>
                    <a:lnTo>
                      <a:pt x="734" y="709"/>
                    </a:lnTo>
                    <a:lnTo>
                      <a:pt x="734" y="711"/>
                    </a:lnTo>
                    <a:lnTo>
                      <a:pt x="732" y="711"/>
                    </a:lnTo>
                    <a:lnTo>
                      <a:pt x="730" y="711"/>
                    </a:lnTo>
                    <a:lnTo>
                      <a:pt x="728" y="711"/>
                    </a:lnTo>
                    <a:lnTo>
                      <a:pt x="728" y="709"/>
                    </a:lnTo>
                    <a:lnTo>
                      <a:pt x="728" y="711"/>
                    </a:lnTo>
                    <a:lnTo>
                      <a:pt x="726" y="711"/>
                    </a:lnTo>
                    <a:lnTo>
                      <a:pt x="726" y="709"/>
                    </a:lnTo>
                    <a:lnTo>
                      <a:pt x="725" y="709"/>
                    </a:lnTo>
                    <a:lnTo>
                      <a:pt x="723" y="709"/>
                    </a:lnTo>
                    <a:lnTo>
                      <a:pt x="721" y="709"/>
                    </a:lnTo>
                    <a:lnTo>
                      <a:pt x="721" y="707"/>
                    </a:lnTo>
                    <a:lnTo>
                      <a:pt x="719" y="707"/>
                    </a:lnTo>
                    <a:lnTo>
                      <a:pt x="717" y="707"/>
                    </a:lnTo>
                    <a:lnTo>
                      <a:pt x="717" y="709"/>
                    </a:lnTo>
                    <a:lnTo>
                      <a:pt x="715" y="709"/>
                    </a:lnTo>
                    <a:lnTo>
                      <a:pt x="708" y="735"/>
                    </a:lnTo>
                    <a:lnTo>
                      <a:pt x="708" y="738"/>
                    </a:lnTo>
                    <a:lnTo>
                      <a:pt x="704" y="751"/>
                    </a:lnTo>
                    <a:lnTo>
                      <a:pt x="700" y="753"/>
                    </a:lnTo>
                    <a:lnTo>
                      <a:pt x="693" y="757"/>
                    </a:lnTo>
                    <a:lnTo>
                      <a:pt x="688" y="761"/>
                    </a:lnTo>
                    <a:lnTo>
                      <a:pt x="688" y="763"/>
                    </a:lnTo>
                    <a:lnTo>
                      <a:pt x="688" y="764"/>
                    </a:lnTo>
                    <a:lnTo>
                      <a:pt x="686" y="766"/>
                    </a:lnTo>
                    <a:lnTo>
                      <a:pt x="684" y="768"/>
                    </a:lnTo>
                    <a:lnTo>
                      <a:pt x="684" y="770"/>
                    </a:lnTo>
                    <a:lnTo>
                      <a:pt x="682" y="772"/>
                    </a:lnTo>
                    <a:lnTo>
                      <a:pt x="684" y="772"/>
                    </a:lnTo>
                    <a:lnTo>
                      <a:pt x="684" y="774"/>
                    </a:lnTo>
                    <a:lnTo>
                      <a:pt x="684" y="777"/>
                    </a:lnTo>
                    <a:lnTo>
                      <a:pt x="684" y="781"/>
                    </a:lnTo>
                    <a:lnTo>
                      <a:pt x="684" y="785"/>
                    </a:lnTo>
                    <a:lnTo>
                      <a:pt x="682" y="785"/>
                    </a:lnTo>
                    <a:lnTo>
                      <a:pt x="682" y="787"/>
                    </a:lnTo>
                    <a:lnTo>
                      <a:pt x="682" y="788"/>
                    </a:lnTo>
                    <a:lnTo>
                      <a:pt x="680" y="788"/>
                    </a:lnTo>
                    <a:lnTo>
                      <a:pt x="680" y="790"/>
                    </a:lnTo>
                    <a:lnTo>
                      <a:pt x="682" y="790"/>
                    </a:lnTo>
                    <a:lnTo>
                      <a:pt x="682" y="792"/>
                    </a:lnTo>
                    <a:lnTo>
                      <a:pt x="680" y="792"/>
                    </a:lnTo>
                    <a:lnTo>
                      <a:pt x="680" y="794"/>
                    </a:lnTo>
                    <a:lnTo>
                      <a:pt x="680" y="798"/>
                    </a:lnTo>
                    <a:lnTo>
                      <a:pt x="682" y="798"/>
                    </a:lnTo>
                    <a:lnTo>
                      <a:pt x="682" y="800"/>
                    </a:lnTo>
                    <a:lnTo>
                      <a:pt x="682" y="803"/>
                    </a:lnTo>
                    <a:lnTo>
                      <a:pt x="684" y="805"/>
                    </a:lnTo>
                    <a:lnTo>
                      <a:pt x="682" y="805"/>
                    </a:lnTo>
                    <a:lnTo>
                      <a:pt x="680" y="805"/>
                    </a:lnTo>
                    <a:lnTo>
                      <a:pt x="678" y="805"/>
                    </a:lnTo>
                    <a:lnTo>
                      <a:pt x="676" y="805"/>
                    </a:lnTo>
                    <a:lnTo>
                      <a:pt x="675" y="805"/>
                    </a:lnTo>
                    <a:lnTo>
                      <a:pt x="675" y="803"/>
                    </a:lnTo>
                    <a:lnTo>
                      <a:pt x="675" y="805"/>
                    </a:lnTo>
                    <a:lnTo>
                      <a:pt x="673" y="805"/>
                    </a:lnTo>
                    <a:lnTo>
                      <a:pt x="671" y="805"/>
                    </a:lnTo>
                    <a:lnTo>
                      <a:pt x="669" y="805"/>
                    </a:lnTo>
                    <a:lnTo>
                      <a:pt x="667" y="805"/>
                    </a:lnTo>
                    <a:lnTo>
                      <a:pt x="667" y="807"/>
                    </a:lnTo>
                    <a:lnTo>
                      <a:pt x="665" y="809"/>
                    </a:lnTo>
                    <a:lnTo>
                      <a:pt x="664" y="809"/>
                    </a:lnTo>
                    <a:lnTo>
                      <a:pt x="662" y="809"/>
                    </a:lnTo>
                    <a:lnTo>
                      <a:pt x="662" y="811"/>
                    </a:lnTo>
                    <a:lnTo>
                      <a:pt x="660" y="811"/>
                    </a:lnTo>
                    <a:lnTo>
                      <a:pt x="658" y="811"/>
                    </a:lnTo>
                    <a:lnTo>
                      <a:pt x="658" y="812"/>
                    </a:lnTo>
                    <a:lnTo>
                      <a:pt x="656" y="812"/>
                    </a:lnTo>
                    <a:lnTo>
                      <a:pt x="654" y="812"/>
                    </a:lnTo>
                    <a:lnTo>
                      <a:pt x="652" y="812"/>
                    </a:lnTo>
                    <a:lnTo>
                      <a:pt x="651" y="812"/>
                    </a:lnTo>
                    <a:lnTo>
                      <a:pt x="649" y="812"/>
                    </a:lnTo>
                    <a:lnTo>
                      <a:pt x="649" y="814"/>
                    </a:lnTo>
                    <a:lnTo>
                      <a:pt x="647" y="814"/>
                    </a:lnTo>
                    <a:lnTo>
                      <a:pt x="645" y="814"/>
                    </a:lnTo>
                    <a:lnTo>
                      <a:pt x="643" y="814"/>
                    </a:lnTo>
                    <a:lnTo>
                      <a:pt x="643" y="812"/>
                    </a:lnTo>
                    <a:lnTo>
                      <a:pt x="643" y="811"/>
                    </a:lnTo>
                    <a:lnTo>
                      <a:pt x="641" y="811"/>
                    </a:lnTo>
                    <a:lnTo>
                      <a:pt x="641" y="809"/>
                    </a:lnTo>
                    <a:lnTo>
                      <a:pt x="639" y="809"/>
                    </a:lnTo>
                    <a:lnTo>
                      <a:pt x="639" y="807"/>
                    </a:lnTo>
                    <a:lnTo>
                      <a:pt x="639" y="805"/>
                    </a:lnTo>
                    <a:lnTo>
                      <a:pt x="639" y="803"/>
                    </a:lnTo>
                    <a:lnTo>
                      <a:pt x="641" y="803"/>
                    </a:lnTo>
                    <a:lnTo>
                      <a:pt x="639" y="803"/>
                    </a:lnTo>
                    <a:lnTo>
                      <a:pt x="638" y="803"/>
                    </a:lnTo>
                    <a:lnTo>
                      <a:pt x="638" y="801"/>
                    </a:lnTo>
                    <a:lnTo>
                      <a:pt x="636" y="801"/>
                    </a:lnTo>
                    <a:lnTo>
                      <a:pt x="636" y="803"/>
                    </a:lnTo>
                    <a:lnTo>
                      <a:pt x="634" y="801"/>
                    </a:lnTo>
                    <a:lnTo>
                      <a:pt x="632" y="801"/>
                    </a:lnTo>
                    <a:lnTo>
                      <a:pt x="632" y="800"/>
                    </a:lnTo>
                    <a:lnTo>
                      <a:pt x="628" y="801"/>
                    </a:lnTo>
                    <a:lnTo>
                      <a:pt x="628" y="800"/>
                    </a:lnTo>
                    <a:lnTo>
                      <a:pt x="627" y="798"/>
                    </a:lnTo>
                    <a:lnTo>
                      <a:pt x="625" y="798"/>
                    </a:lnTo>
                    <a:lnTo>
                      <a:pt x="625" y="796"/>
                    </a:lnTo>
                    <a:lnTo>
                      <a:pt x="623" y="796"/>
                    </a:lnTo>
                    <a:lnTo>
                      <a:pt x="623" y="794"/>
                    </a:lnTo>
                    <a:lnTo>
                      <a:pt x="621" y="794"/>
                    </a:lnTo>
                    <a:lnTo>
                      <a:pt x="621" y="792"/>
                    </a:lnTo>
                    <a:lnTo>
                      <a:pt x="621" y="790"/>
                    </a:lnTo>
                    <a:lnTo>
                      <a:pt x="621" y="788"/>
                    </a:lnTo>
                    <a:lnTo>
                      <a:pt x="623" y="788"/>
                    </a:lnTo>
                    <a:lnTo>
                      <a:pt x="623" y="787"/>
                    </a:lnTo>
                    <a:lnTo>
                      <a:pt x="625" y="787"/>
                    </a:lnTo>
                    <a:lnTo>
                      <a:pt x="623" y="785"/>
                    </a:lnTo>
                    <a:lnTo>
                      <a:pt x="621" y="783"/>
                    </a:lnTo>
                    <a:lnTo>
                      <a:pt x="619" y="783"/>
                    </a:lnTo>
                    <a:lnTo>
                      <a:pt x="619" y="781"/>
                    </a:lnTo>
                    <a:lnTo>
                      <a:pt x="617" y="781"/>
                    </a:lnTo>
                    <a:lnTo>
                      <a:pt x="615" y="781"/>
                    </a:lnTo>
                    <a:lnTo>
                      <a:pt x="615" y="779"/>
                    </a:lnTo>
                    <a:lnTo>
                      <a:pt x="617" y="777"/>
                    </a:lnTo>
                    <a:lnTo>
                      <a:pt x="619" y="777"/>
                    </a:lnTo>
                    <a:lnTo>
                      <a:pt x="621" y="777"/>
                    </a:lnTo>
                    <a:lnTo>
                      <a:pt x="623" y="775"/>
                    </a:lnTo>
                    <a:lnTo>
                      <a:pt x="625" y="775"/>
                    </a:lnTo>
                    <a:lnTo>
                      <a:pt x="627" y="775"/>
                    </a:lnTo>
                    <a:lnTo>
                      <a:pt x="628" y="775"/>
                    </a:lnTo>
                    <a:lnTo>
                      <a:pt x="630" y="775"/>
                    </a:lnTo>
                    <a:lnTo>
                      <a:pt x="632" y="775"/>
                    </a:lnTo>
                    <a:lnTo>
                      <a:pt x="632" y="774"/>
                    </a:lnTo>
                    <a:lnTo>
                      <a:pt x="634" y="774"/>
                    </a:lnTo>
                    <a:lnTo>
                      <a:pt x="636" y="774"/>
                    </a:lnTo>
                    <a:lnTo>
                      <a:pt x="636" y="775"/>
                    </a:lnTo>
                    <a:lnTo>
                      <a:pt x="636" y="777"/>
                    </a:lnTo>
                    <a:lnTo>
                      <a:pt x="638" y="777"/>
                    </a:lnTo>
                    <a:lnTo>
                      <a:pt x="639" y="777"/>
                    </a:lnTo>
                    <a:lnTo>
                      <a:pt x="641" y="777"/>
                    </a:lnTo>
                    <a:lnTo>
                      <a:pt x="643" y="777"/>
                    </a:lnTo>
                    <a:lnTo>
                      <a:pt x="643" y="775"/>
                    </a:lnTo>
                    <a:lnTo>
                      <a:pt x="643" y="774"/>
                    </a:lnTo>
                    <a:lnTo>
                      <a:pt x="643" y="772"/>
                    </a:lnTo>
                    <a:lnTo>
                      <a:pt x="645" y="772"/>
                    </a:lnTo>
                    <a:lnTo>
                      <a:pt x="645" y="770"/>
                    </a:lnTo>
                    <a:lnTo>
                      <a:pt x="645" y="768"/>
                    </a:lnTo>
                    <a:lnTo>
                      <a:pt x="647" y="766"/>
                    </a:lnTo>
                    <a:lnTo>
                      <a:pt x="649" y="766"/>
                    </a:lnTo>
                    <a:lnTo>
                      <a:pt x="649" y="764"/>
                    </a:lnTo>
                    <a:lnTo>
                      <a:pt x="649" y="763"/>
                    </a:lnTo>
                    <a:lnTo>
                      <a:pt x="649" y="761"/>
                    </a:lnTo>
                    <a:lnTo>
                      <a:pt x="649" y="759"/>
                    </a:lnTo>
                    <a:lnTo>
                      <a:pt x="649" y="757"/>
                    </a:lnTo>
                    <a:lnTo>
                      <a:pt x="649" y="755"/>
                    </a:lnTo>
                    <a:lnTo>
                      <a:pt x="647" y="755"/>
                    </a:lnTo>
                    <a:lnTo>
                      <a:pt x="645" y="753"/>
                    </a:lnTo>
                    <a:lnTo>
                      <a:pt x="645" y="751"/>
                    </a:lnTo>
                    <a:lnTo>
                      <a:pt x="645" y="753"/>
                    </a:lnTo>
                    <a:lnTo>
                      <a:pt x="643" y="753"/>
                    </a:lnTo>
                    <a:lnTo>
                      <a:pt x="643" y="751"/>
                    </a:lnTo>
                    <a:lnTo>
                      <a:pt x="641" y="751"/>
                    </a:lnTo>
                    <a:lnTo>
                      <a:pt x="641" y="750"/>
                    </a:lnTo>
                    <a:lnTo>
                      <a:pt x="639" y="750"/>
                    </a:lnTo>
                    <a:lnTo>
                      <a:pt x="639" y="751"/>
                    </a:lnTo>
                    <a:lnTo>
                      <a:pt x="638" y="751"/>
                    </a:lnTo>
                    <a:lnTo>
                      <a:pt x="634" y="753"/>
                    </a:lnTo>
                    <a:lnTo>
                      <a:pt x="632" y="753"/>
                    </a:lnTo>
                    <a:lnTo>
                      <a:pt x="632" y="755"/>
                    </a:lnTo>
                    <a:lnTo>
                      <a:pt x="630" y="755"/>
                    </a:lnTo>
                    <a:lnTo>
                      <a:pt x="628" y="755"/>
                    </a:lnTo>
                    <a:lnTo>
                      <a:pt x="628" y="757"/>
                    </a:lnTo>
                    <a:lnTo>
                      <a:pt x="627" y="757"/>
                    </a:lnTo>
                    <a:lnTo>
                      <a:pt x="625" y="757"/>
                    </a:lnTo>
                    <a:lnTo>
                      <a:pt x="623" y="757"/>
                    </a:lnTo>
                    <a:lnTo>
                      <a:pt x="621" y="757"/>
                    </a:lnTo>
                    <a:lnTo>
                      <a:pt x="621" y="759"/>
                    </a:lnTo>
                    <a:lnTo>
                      <a:pt x="619" y="759"/>
                    </a:lnTo>
                    <a:lnTo>
                      <a:pt x="619" y="757"/>
                    </a:lnTo>
                    <a:lnTo>
                      <a:pt x="617" y="759"/>
                    </a:lnTo>
                    <a:lnTo>
                      <a:pt x="615" y="759"/>
                    </a:lnTo>
                    <a:lnTo>
                      <a:pt x="614" y="759"/>
                    </a:lnTo>
                    <a:lnTo>
                      <a:pt x="612" y="759"/>
                    </a:lnTo>
                    <a:lnTo>
                      <a:pt x="610" y="759"/>
                    </a:lnTo>
                    <a:lnTo>
                      <a:pt x="610" y="761"/>
                    </a:lnTo>
                    <a:lnTo>
                      <a:pt x="608" y="761"/>
                    </a:lnTo>
                    <a:lnTo>
                      <a:pt x="606" y="761"/>
                    </a:lnTo>
                    <a:lnTo>
                      <a:pt x="604" y="761"/>
                    </a:lnTo>
                    <a:lnTo>
                      <a:pt x="604" y="763"/>
                    </a:lnTo>
                    <a:lnTo>
                      <a:pt x="603" y="763"/>
                    </a:lnTo>
                    <a:lnTo>
                      <a:pt x="601" y="763"/>
                    </a:lnTo>
                    <a:lnTo>
                      <a:pt x="599" y="763"/>
                    </a:lnTo>
                    <a:lnTo>
                      <a:pt x="597" y="763"/>
                    </a:lnTo>
                    <a:lnTo>
                      <a:pt x="595" y="763"/>
                    </a:lnTo>
                    <a:lnTo>
                      <a:pt x="593" y="763"/>
                    </a:lnTo>
                    <a:lnTo>
                      <a:pt x="588" y="763"/>
                    </a:lnTo>
                    <a:lnTo>
                      <a:pt x="588" y="764"/>
                    </a:lnTo>
                    <a:lnTo>
                      <a:pt x="586" y="764"/>
                    </a:lnTo>
                    <a:lnTo>
                      <a:pt x="584" y="764"/>
                    </a:lnTo>
                    <a:lnTo>
                      <a:pt x="582" y="766"/>
                    </a:lnTo>
                    <a:lnTo>
                      <a:pt x="580" y="766"/>
                    </a:lnTo>
                    <a:lnTo>
                      <a:pt x="580" y="768"/>
                    </a:lnTo>
                    <a:lnTo>
                      <a:pt x="580" y="770"/>
                    </a:lnTo>
                    <a:lnTo>
                      <a:pt x="578" y="770"/>
                    </a:lnTo>
                    <a:lnTo>
                      <a:pt x="578" y="772"/>
                    </a:lnTo>
                    <a:lnTo>
                      <a:pt x="577" y="772"/>
                    </a:lnTo>
                    <a:lnTo>
                      <a:pt x="577" y="774"/>
                    </a:lnTo>
                    <a:lnTo>
                      <a:pt x="575" y="774"/>
                    </a:lnTo>
                    <a:lnTo>
                      <a:pt x="573" y="774"/>
                    </a:lnTo>
                    <a:lnTo>
                      <a:pt x="573" y="775"/>
                    </a:lnTo>
                    <a:lnTo>
                      <a:pt x="571" y="775"/>
                    </a:lnTo>
                    <a:lnTo>
                      <a:pt x="571" y="774"/>
                    </a:lnTo>
                    <a:lnTo>
                      <a:pt x="569" y="774"/>
                    </a:lnTo>
                    <a:lnTo>
                      <a:pt x="567" y="772"/>
                    </a:lnTo>
                    <a:lnTo>
                      <a:pt x="566" y="770"/>
                    </a:lnTo>
                    <a:lnTo>
                      <a:pt x="562" y="770"/>
                    </a:lnTo>
                    <a:lnTo>
                      <a:pt x="560" y="770"/>
                    </a:lnTo>
                    <a:lnTo>
                      <a:pt x="558" y="770"/>
                    </a:lnTo>
                    <a:lnTo>
                      <a:pt x="556" y="770"/>
                    </a:lnTo>
                    <a:lnTo>
                      <a:pt x="554" y="770"/>
                    </a:lnTo>
                    <a:lnTo>
                      <a:pt x="553" y="770"/>
                    </a:lnTo>
                    <a:lnTo>
                      <a:pt x="551" y="768"/>
                    </a:lnTo>
                    <a:lnTo>
                      <a:pt x="549" y="768"/>
                    </a:lnTo>
                    <a:lnTo>
                      <a:pt x="549" y="766"/>
                    </a:lnTo>
                    <a:lnTo>
                      <a:pt x="547" y="764"/>
                    </a:lnTo>
                    <a:lnTo>
                      <a:pt x="547" y="763"/>
                    </a:lnTo>
                    <a:lnTo>
                      <a:pt x="545" y="761"/>
                    </a:lnTo>
                    <a:lnTo>
                      <a:pt x="545" y="759"/>
                    </a:lnTo>
                    <a:lnTo>
                      <a:pt x="545" y="757"/>
                    </a:lnTo>
                    <a:lnTo>
                      <a:pt x="545" y="753"/>
                    </a:lnTo>
                    <a:lnTo>
                      <a:pt x="545" y="751"/>
                    </a:lnTo>
                    <a:lnTo>
                      <a:pt x="543" y="751"/>
                    </a:lnTo>
                    <a:lnTo>
                      <a:pt x="543" y="750"/>
                    </a:lnTo>
                    <a:lnTo>
                      <a:pt x="542" y="748"/>
                    </a:lnTo>
                    <a:lnTo>
                      <a:pt x="542" y="746"/>
                    </a:lnTo>
                    <a:lnTo>
                      <a:pt x="540" y="746"/>
                    </a:lnTo>
                    <a:lnTo>
                      <a:pt x="540" y="744"/>
                    </a:lnTo>
                    <a:lnTo>
                      <a:pt x="540" y="742"/>
                    </a:lnTo>
                    <a:lnTo>
                      <a:pt x="538" y="742"/>
                    </a:lnTo>
                    <a:lnTo>
                      <a:pt x="538" y="740"/>
                    </a:lnTo>
                    <a:lnTo>
                      <a:pt x="538" y="738"/>
                    </a:lnTo>
                    <a:lnTo>
                      <a:pt x="536" y="737"/>
                    </a:lnTo>
                    <a:lnTo>
                      <a:pt x="534" y="737"/>
                    </a:lnTo>
                    <a:lnTo>
                      <a:pt x="532" y="737"/>
                    </a:lnTo>
                    <a:lnTo>
                      <a:pt x="530" y="735"/>
                    </a:lnTo>
                    <a:lnTo>
                      <a:pt x="529" y="735"/>
                    </a:lnTo>
                    <a:lnTo>
                      <a:pt x="527" y="735"/>
                    </a:lnTo>
                    <a:lnTo>
                      <a:pt x="525" y="733"/>
                    </a:lnTo>
                    <a:lnTo>
                      <a:pt x="523" y="733"/>
                    </a:lnTo>
                    <a:lnTo>
                      <a:pt x="521" y="731"/>
                    </a:lnTo>
                    <a:lnTo>
                      <a:pt x="519" y="733"/>
                    </a:lnTo>
                    <a:lnTo>
                      <a:pt x="517" y="733"/>
                    </a:lnTo>
                    <a:lnTo>
                      <a:pt x="516" y="735"/>
                    </a:lnTo>
                    <a:lnTo>
                      <a:pt x="514" y="735"/>
                    </a:lnTo>
                    <a:lnTo>
                      <a:pt x="512" y="735"/>
                    </a:lnTo>
                    <a:lnTo>
                      <a:pt x="512" y="737"/>
                    </a:lnTo>
                    <a:lnTo>
                      <a:pt x="510" y="737"/>
                    </a:lnTo>
                    <a:lnTo>
                      <a:pt x="508" y="737"/>
                    </a:lnTo>
                    <a:lnTo>
                      <a:pt x="506" y="737"/>
                    </a:lnTo>
                    <a:lnTo>
                      <a:pt x="506" y="738"/>
                    </a:lnTo>
                    <a:lnTo>
                      <a:pt x="508" y="740"/>
                    </a:lnTo>
                    <a:lnTo>
                      <a:pt x="505" y="740"/>
                    </a:lnTo>
                    <a:lnTo>
                      <a:pt x="506" y="742"/>
                    </a:lnTo>
                    <a:lnTo>
                      <a:pt x="505" y="742"/>
                    </a:lnTo>
                    <a:lnTo>
                      <a:pt x="505" y="744"/>
                    </a:lnTo>
                    <a:lnTo>
                      <a:pt x="503" y="744"/>
                    </a:lnTo>
                    <a:lnTo>
                      <a:pt x="501" y="744"/>
                    </a:lnTo>
                    <a:lnTo>
                      <a:pt x="501" y="746"/>
                    </a:lnTo>
                    <a:lnTo>
                      <a:pt x="499" y="748"/>
                    </a:lnTo>
                    <a:lnTo>
                      <a:pt x="497" y="748"/>
                    </a:lnTo>
                    <a:lnTo>
                      <a:pt x="495" y="748"/>
                    </a:lnTo>
                    <a:lnTo>
                      <a:pt x="493" y="748"/>
                    </a:lnTo>
                    <a:lnTo>
                      <a:pt x="492" y="748"/>
                    </a:lnTo>
                    <a:lnTo>
                      <a:pt x="492" y="750"/>
                    </a:lnTo>
                    <a:lnTo>
                      <a:pt x="490" y="750"/>
                    </a:lnTo>
                    <a:lnTo>
                      <a:pt x="490" y="748"/>
                    </a:lnTo>
                    <a:lnTo>
                      <a:pt x="486" y="746"/>
                    </a:lnTo>
                    <a:lnTo>
                      <a:pt x="486" y="744"/>
                    </a:lnTo>
                    <a:lnTo>
                      <a:pt x="484" y="744"/>
                    </a:lnTo>
                    <a:lnTo>
                      <a:pt x="482" y="744"/>
                    </a:lnTo>
                    <a:lnTo>
                      <a:pt x="481" y="744"/>
                    </a:lnTo>
                    <a:lnTo>
                      <a:pt x="481" y="746"/>
                    </a:lnTo>
                    <a:lnTo>
                      <a:pt x="477" y="748"/>
                    </a:lnTo>
                    <a:lnTo>
                      <a:pt x="477" y="750"/>
                    </a:lnTo>
                    <a:lnTo>
                      <a:pt x="477" y="751"/>
                    </a:lnTo>
                    <a:lnTo>
                      <a:pt x="479" y="751"/>
                    </a:lnTo>
                    <a:lnTo>
                      <a:pt x="479" y="753"/>
                    </a:lnTo>
                    <a:lnTo>
                      <a:pt x="479" y="755"/>
                    </a:lnTo>
                    <a:lnTo>
                      <a:pt x="481" y="755"/>
                    </a:lnTo>
                    <a:lnTo>
                      <a:pt x="481" y="757"/>
                    </a:lnTo>
                    <a:lnTo>
                      <a:pt x="484" y="763"/>
                    </a:lnTo>
                    <a:lnTo>
                      <a:pt x="486" y="764"/>
                    </a:lnTo>
                    <a:lnTo>
                      <a:pt x="469" y="770"/>
                    </a:lnTo>
                    <a:lnTo>
                      <a:pt x="469" y="768"/>
                    </a:lnTo>
                    <a:lnTo>
                      <a:pt x="469" y="770"/>
                    </a:lnTo>
                    <a:lnTo>
                      <a:pt x="460" y="770"/>
                    </a:lnTo>
                    <a:lnTo>
                      <a:pt x="458" y="772"/>
                    </a:lnTo>
                    <a:lnTo>
                      <a:pt x="451" y="772"/>
                    </a:lnTo>
                    <a:lnTo>
                      <a:pt x="440" y="774"/>
                    </a:lnTo>
                    <a:lnTo>
                      <a:pt x="440" y="775"/>
                    </a:lnTo>
                    <a:lnTo>
                      <a:pt x="440" y="777"/>
                    </a:lnTo>
                    <a:lnTo>
                      <a:pt x="438" y="777"/>
                    </a:lnTo>
                    <a:lnTo>
                      <a:pt x="436" y="775"/>
                    </a:lnTo>
                    <a:lnTo>
                      <a:pt x="434" y="775"/>
                    </a:lnTo>
                    <a:lnTo>
                      <a:pt x="432" y="775"/>
                    </a:lnTo>
                    <a:lnTo>
                      <a:pt x="431" y="775"/>
                    </a:lnTo>
                    <a:lnTo>
                      <a:pt x="431" y="774"/>
                    </a:lnTo>
                    <a:lnTo>
                      <a:pt x="431" y="775"/>
                    </a:lnTo>
                    <a:lnTo>
                      <a:pt x="431" y="774"/>
                    </a:lnTo>
                    <a:lnTo>
                      <a:pt x="429" y="774"/>
                    </a:lnTo>
                    <a:lnTo>
                      <a:pt x="427" y="774"/>
                    </a:lnTo>
                    <a:lnTo>
                      <a:pt x="427" y="772"/>
                    </a:lnTo>
                    <a:lnTo>
                      <a:pt x="425" y="772"/>
                    </a:lnTo>
                    <a:lnTo>
                      <a:pt x="423" y="772"/>
                    </a:lnTo>
                    <a:lnTo>
                      <a:pt x="421" y="772"/>
                    </a:lnTo>
                    <a:lnTo>
                      <a:pt x="421" y="770"/>
                    </a:lnTo>
                    <a:lnTo>
                      <a:pt x="421" y="768"/>
                    </a:lnTo>
                    <a:lnTo>
                      <a:pt x="421" y="766"/>
                    </a:lnTo>
                    <a:lnTo>
                      <a:pt x="421" y="764"/>
                    </a:lnTo>
                    <a:lnTo>
                      <a:pt x="421" y="763"/>
                    </a:lnTo>
                    <a:lnTo>
                      <a:pt x="421" y="761"/>
                    </a:lnTo>
                    <a:lnTo>
                      <a:pt x="421" y="759"/>
                    </a:lnTo>
                    <a:lnTo>
                      <a:pt x="421" y="757"/>
                    </a:lnTo>
                    <a:lnTo>
                      <a:pt x="421" y="755"/>
                    </a:lnTo>
                    <a:lnTo>
                      <a:pt x="421" y="753"/>
                    </a:lnTo>
                    <a:lnTo>
                      <a:pt x="421" y="751"/>
                    </a:lnTo>
                    <a:lnTo>
                      <a:pt x="421" y="750"/>
                    </a:lnTo>
                    <a:lnTo>
                      <a:pt x="421" y="748"/>
                    </a:lnTo>
                    <a:lnTo>
                      <a:pt x="423" y="748"/>
                    </a:lnTo>
                    <a:lnTo>
                      <a:pt x="423" y="746"/>
                    </a:lnTo>
                    <a:lnTo>
                      <a:pt x="423" y="744"/>
                    </a:lnTo>
                    <a:lnTo>
                      <a:pt x="421" y="744"/>
                    </a:lnTo>
                    <a:lnTo>
                      <a:pt x="421" y="742"/>
                    </a:lnTo>
                    <a:lnTo>
                      <a:pt x="421" y="740"/>
                    </a:lnTo>
                    <a:lnTo>
                      <a:pt x="421" y="738"/>
                    </a:lnTo>
                    <a:lnTo>
                      <a:pt x="420" y="738"/>
                    </a:lnTo>
                    <a:lnTo>
                      <a:pt x="420" y="737"/>
                    </a:lnTo>
                    <a:lnTo>
                      <a:pt x="420" y="735"/>
                    </a:lnTo>
                    <a:lnTo>
                      <a:pt x="418" y="735"/>
                    </a:lnTo>
                    <a:lnTo>
                      <a:pt x="418" y="733"/>
                    </a:lnTo>
                    <a:lnTo>
                      <a:pt x="416" y="733"/>
                    </a:lnTo>
                    <a:lnTo>
                      <a:pt x="416" y="731"/>
                    </a:lnTo>
                    <a:lnTo>
                      <a:pt x="414" y="731"/>
                    </a:lnTo>
                    <a:lnTo>
                      <a:pt x="412" y="729"/>
                    </a:lnTo>
                    <a:lnTo>
                      <a:pt x="412" y="727"/>
                    </a:lnTo>
                    <a:lnTo>
                      <a:pt x="410" y="727"/>
                    </a:lnTo>
                    <a:lnTo>
                      <a:pt x="410" y="726"/>
                    </a:lnTo>
                    <a:lnTo>
                      <a:pt x="410" y="724"/>
                    </a:lnTo>
                    <a:lnTo>
                      <a:pt x="408" y="724"/>
                    </a:lnTo>
                    <a:lnTo>
                      <a:pt x="408" y="722"/>
                    </a:lnTo>
                    <a:lnTo>
                      <a:pt x="407" y="722"/>
                    </a:lnTo>
                    <a:lnTo>
                      <a:pt x="407" y="720"/>
                    </a:lnTo>
                    <a:lnTo>
                      <a:pt x="405" y="720"/>
                    </a:lnTo>
                    <a:lnTo>
                      <a:pt x="407" y="720"/>
                    </a:lnTo>
                    <a:lnTo>
                      <a:pt x="407" y="718"/>
                    </a:lnTo>
                    <a:lnTo>
                      <a:pt x="405" y="718"/>
                    </a:lnTo>
                    <a:lnTo>
                      <a:pt x="407" y="718"/>
                    </a:lnTo>
                    <a:lnTo>
                      <a:pt x="405" y="716"/>
                    </a:lnTo>
                    <a:lnTo>
                      <a:pt x="405" y="714"/>
                    </a:lnTo>
                    <a:lnTo>
                      <a:pt x="405" y="713"/>
                    </a:lnTo>
                    <a:lnTo>
                      <a:pt x="405" y="711"/>
                    </a:lnTo>
                    <a:lnTo>
                      <a:pt x="405" y="709"/>
                    </a:lnTo>
                    <a:lnTo>
                      <a:pt x="403" y="707"/>
                    </a:lnTo>
                    <a:lnTo>
                      <a:pt x="399" y="703"/>
                    </a:lnTo>
                    <a:lnTo>
                      <a:pt x="395" y="698"/>
                    </a:lnTo>
                    <a:lnTo>
                      <a:pt x="392" y="694"/>
                    </a:lnTo>
                    <a:lnTo>
                      <a:pt x="381" y="705"/>
                    </a:lnTo>
                    <a:lnTo>
                      <a:pt x="362" y="709"/>
                    </a:lnTo>
                    <a:lnTo>
                      <a:pt x="359" y="705"/>
                    </a:lnTo>
                    <a:lnTo>
                      <a:pt x="353" y="705"/>
                    </a:lnTo>
                    <a:lnTo>
                      <a:pt x="338" y="705"/>
                    </a:lnTo>
                    <a:lnTo>
                      <a:pt x="336" y="705"/>
                    </a:lnTo>
                    <a:lnTo>
                      <a:pt x="333" y="707"/>
                    </a:lnTo>
                    <a:lnTo>
                      <a:pt x="331" y="709"/>
                    </a:lnTo>
                    <a:lnTo>
                      <a:pt x="331" y="713"/>
                    </a:lnTo>
                    <a:lnTo>
                      <a:pt x="329" y="713"/>
                    </a:lnTo>
                    <a:lnTo>
                      <a:pt x="327" y="713"/>
                    </a:lnTo>
                    <a:lnTo>
                      <a:pt x="329" y="713"/>
                    </a:lnTo>
                    <a:lnTo>
                      <a:pt x="329" y="714"/>
                    </a:lnTo>
                    <a:lnTo>
                      <a:pt x="329" y="716"/>
                    </a:lnTo>
                    <a:lnTo>
                      <a:pt x="329" y="718"/>
                    </a:lnTo>
                    <a:lnTo>
                      <a:pt x="329" y="720"/>
                    </a:lnTo>
                    <a:lnTo>
                      <a:pt x="329" y="722"/>
                    </a:lnTo>
                    <a:lnTo>
                      <a:pt x="331" y="722"/>
                    </a:lnTo>
                    <a:lnTo>
                      <a:pt x="333" y="722"/>
                    </a:lnTo>
                    <a:lnTo>
                      <a:pt x="333" y="724"/>
                    </a:lnTo>
                    <a:lnTo>
                      <a:pt x="331" y="724"/>
                    </a:lnTo>
                    <a:lnTo>
                      <a:pt x="331" y="726"/>
                    </a:lnTo>
                    <a:lnTo>
                      <a:pt x="331" y="727"/>
                    </a:lnTo>
                    <a:lnTo>
                      <a:pt x="333" y="727"/>
                    </a:lnTo>
                    <a:lnTo>
                      <a:pt x="333" y="729"/>
                    </a:lnTo>
                    <a:lnTo>
                      <a:pt x="334" y="729"/>
                    </a:lnTo>
                    <a:lnTo>
                      <a:pt x="334" y="731"/>
                    </a:lnTo>
                    <a:lnTo>
                      <a:pt x="336" y="731"/>
                    </a:lnTo>
                    <a:lnTo>
                      <a:pt x="336" y="733"/>
                    </a:lnTo>
                    <a:lnTo>
                      <a:pt x="334" y="733"/>
                    </a:lnTo>
                    <a:lnTo>
                      <a:pt x="336" y="733"/>
                    </a:lnTo>
                    <a:lnTo>
                      <a:pt x="336" y="735"/>
                    </a:lnTo>
                    <a:lnTo>
                      <a:pt x="336" y="737"/>
                    </a:lnTo>
                    <a:lnTo>
                      <a:pt x="336" y="738"/>
                    </a:lnTo>
                    <a:lnTo>
                      <a:pt x="338" y="738"/>
                    </a:lnTo>
                    <a:lnTo>
                      <a:pt x="340" y="738"/>
                    </a:lnTo>
                    <a:lnTo>
                      <a:pt x="340" y="740"/>
                    </a:lnTo>
                    <a:lnTo>
                      <a:pt x="342" y="740"/>
                    </a:lnTo>
                    <a:lnTo>
                      <a:pt x="342" y="742"/>
                    </a:lnTo>
                    <a:lnTo>
                      <a:pt x="342" y="744"/>
                    </a:lnTo>
                    <a:lnTo>
                      <a:pt x="342" y="746"/>
                    </a:lnTo>
                    <a:lnTo>
                      <a:pt x="342" y="748"/>
                    </a:lnTo>
                    <a:lnTo>
                      <a:pt x="344" y="748"/>
                    </a:lnTo>
                    <a:lnTo>
                      <a:pt x="344" y="750"/>
                    </a:lnTo>
                    <a:lnTo>
                      <a:pt x="346" y="750"/>
                    </a:lnTo>
                    <a:lnTo>
                      <a:pt x="346" y="751"/>
                    </a:lnTo>
                    <a:lnTo>
                      <a:pt x="344" y="753"/>
                    </a:lnTo>
                    <a:lnTo>
                      <a:pt x="342" y="753"/>
                    </a:lnTo>
                    <a:lnTo>
                      <a:pt x="342" y="755"/>
                    </a:lnTo>
                    <a:lnTo>
                      <a:pt x="340" y="755"/>
                    </a:lnTo>
                    <a:lnTo>
                      <a:pt x="338" y="757"/>
                    </a:lnTo>
                    <a:lnTo>
                      <a:pt x="336" y="759"/>
                    </a:lnTo>
                    <a:lnTo>
                      <a:pt x="334" y="759"/>
                    </a:lnTo>
                    <a:lnTo>
                      <a:pt x="334" y="761"/>
                    </a:lnTo>
                    <a:lnTo>
                      <a:pt x="333" y="763"/>
                    </a:lnTo>
                    <a:lnTo>
                      <a:pt x="333" y="764"/>
                    </a:lnTo>
                    <a:lnTo>
                      <a:pt x="331" y="764"/>
                    </a:lnTo>
                    <a:lnTo>
                      <a:pt x="331" y="766"/>
                    </a:lnTo>
                    <a:lnTo>
                      <a:pt x="329" y="766"/>
                    </a:lnTo>
                    <a:lnTo>
                      <a:pt x="329" y="768"/>
                    </a:lnTo>
                    <a:lnTo>
                      <a:pt x="327" y="768"/>
                    </a:lnTo>
                    <a:lnTo>
                      <a:pt x="327" y="770"/>
                    </a:lnTo>
                    <a:lnTo>
                      <a:pt x="325" y="772"/>
                    </a:lnTo>
                    <a:lnTo>
                      <a:pt x="323" y="774"/>
                    </a:lnTo>
                    <a:lnTo>
                      <a:pt x="322" y="774"/>
                    </a:lnTo>
                    <a:lnTo>
                      <a:pt x="322" y="775"/>
                    </a:lnTo>
                    <a:lnTo>
                      <a:pt x="320" y="775"/>
                    </a:lnTo>
                    <a:lnTo>
                      <a:pt x="320" y="777"/>
                    </a:lnTo>
                    <a:lnTo>
                      <a:pt x="318" y="777"/>
                    </a:lnTo>
                    <a:lnTo>
                      <a:pt x="316" y="777"/>
                    </a:lnTo>
                    <a:lnTo>
                      <a:pt x="316" y="779"/>
                    </a:lnTo>
                    <a:lnTo>
                      <a:pt x="314" y="779"/>
                    </a:lnTo>
                    <a:lnTo>
                      <a:pt x="314" y="781"/>
                    </a:lnTo>
                    <a:lnTo>
                      <a:pt x="312" y="781"/>
                    </a:lnTo>
                    <a:lnTo>
                      <a:pt x="312" y="783"/>
                    </a:lnTo>
                    <a:lnTo>
                      <a:pt x="310" y="783"/>
                    </a:lnTo>
                    <a:lnTo>
                      <a:pt x="310" y="785"/>
                    </a:lnTo>
                    <a:lnTo>
                      <a:pt x="309" y="785"/>
                    </a:lnTo>
                    <a:lnTo>
                      <a:pt x="309" y="787"/>
                    </a:lnTo>
                    <a:lnTo>
                      <a:pt x="307" y="787"/>
                    </a:lnTo>
                    <a:lnTo>
                      <a:pt x="307" y="788"/>
                    </a:lnTo>
                    <a:lnTo>
                      <a:pt x="303" y="787"/>
                    </a:lnTo>
                    <a:lnTo>
                      <a:pt x="301" y="787"/>
                    </a:lnTo>
                    <a:lnTo>
                      <a:pt x="298" y="787"/>
                    </a:lnTo>
                    <a:lnTo>
                      <a:pt x="296" y="785"/>
                    </a:lnTo>
                    <a:lnTo>
                      <a:pt x="294" y="785"/>
                    </a:lnTo>
                    <a:lnTo>
                      <a:pt x="292" y="785"/>
                    </a:lnTo>
                    <a:lnTo>
                      <a:pt x="290" y="785"/>
                    </a:lnTo>
                    <a:lnTo>
                      <a:pt x="288" y="783"/>
                    </a:lnTo>
                    <a:lnTo>
                      <a:pt x="286" y="781"/>
                    </a:lnTo>
                    <a:lnTo>
                      <a:pt x="285" y="781"/>
                    </a:lnTo>
                    <a:lnTo>
                      <a:pt x="285" y="779"/>
                    </a:lnTo>
                    <a:lnTo>
                      <a:pt x="283" y="779"/>
                    </a:lnTo>
                    <a:lnTo>
                      <a:pt x="283" y="777"/>
                    </a:lnTo>
                    <a:lnTo>
                      <a:pt x="281" y="777"/>
                    </a:lnTo>
                    <a:lnTo>
                      <a:pt x="281" y="775"/>
                    </a:lnTo>
                    <a:lnTo>
                      <a:pt x="279" y="775"/>
                    </a:lnTo>
                    <a:lnTo>
                      <a:pt x="277" y="775"/>
                    </a:lnTo>
                    <a:lnTo>
                      <a:pt x="277" y="774"/>
                    </a:lnTo>
                    <a:lnTo>
                      <a:pt x="275" y="774"/>
                    </a:lnTo>
                    <a:lnTo>
                      <a:pt x="275" y="772"/>
                    </a:lnTo>
                    <a:lnTo>
                      <a:pt x="273" y="772"/>
                    </a:lnTo>
                    <a:lnTo>
                      <a:pt x="272" y="772"/>
                    </a:lnTo>
                    <a:lnTo>
                      <a:pt x="268" y="772"/>
                    </a:lnTo>
                    <a:lnTo>
                      <a:pt x="266" y="774"/>
                    </a:lnTo>
                    <a:lnTo>
                      <a:pt x="262" y="774"/>
                    </a:lnTo>
                    <a:lnTo>
                      <a:pt x="261" y="774"/>
                    </a:lnTo>
                    <a:lnTo>
                      <a:pt x="259" y="774"/>
                    </a:lnTo>
                    <a:lnTo>
                      <a:pt x="257" y="774"/>
                    </a:lnTo>
                    <a:lnTo>
                      <a:pt x="255" y="774"/>
                    </a:lnTo>
                    <a:lnTo>
                      <a:pt x="253" y="774"/>
                    </a:lnTo>
                    <a:lnTo>
                      <a:pt x="253" y="775"/>
                    </a:lnTo>
                    <a:lnTo>
                      <a:pt x="238" y="779"/>
                    </a:lnTo>
                    <a:lnTo>
                      <a:pt x="225" y="783"/>
                    </a:lnTo>
                    <a:lnTo>
                      <a:pt x="214" y="787"/>
                    </a:lnTo>
                    <a:lnTo>
                      <a:pt x="209" y="788"/>
                    </a:lnTo>
                    <a:lnTo>
                      <a:pt x="198" y="794"/>
                    </a:lnTo>
                    <a:lnTo>
                      <a:pt x="196" y="796"/>
                    </a:lnTo>
                    <a:lnTo>
                      <a:pt x="185" y="792"/>
                    </a:lnTo>
                    <a:lnTo>
                      <a:pt x="181" y="792"/>
                    </a:lnTo>
                    <a:lnTo>
                      <a:pt x="181" y="790"/>
                    </a:lnTo>
                    <a:lnTo>
                      <a:pt x="179" y="788"/>
                    </a:lnTo>
                    <a:lnTo>
                      <a:pt x="177" y="788"/>
                    </a:lnTo>
                    <a:lnTo>
                      <a:pt x="176" y="790"/>
                    </a:lnTo>
                    <a:lnTo>
                      <a:pt x="174" y="790"/>
                    </a:lnTo>
                    <a:lnTo>
                      <a:pt x="174" y="788"/>
                    </a:lnTo>
                    <a:lnTo>
                      <a:pt x="172" y="788"/>
                    </a:lnTo>
                    <a:lnTo>
                      <a:pt x="172" y="787"/>
                    </a:lnTo>
                    <a:lnTo>
                      <a:pt x="170" y="787"/>
                    </a:lnTo>
                    <a:lnTo>
                      <a:pt x="170" y="785"/>
                    </a:lnTo>
                    <a:lnTo>
                      <a:pt x="168" y="785"/>
                    </a:lnTo>
                    <a:lnTo>
                      <a:pt x="168" y="783"/>
                    </a:lnTo>
                    <a:lnTo>
                      <a:pt x="168" y="781"/>
                    </a:lnTo>
                    <a:lnTo>
                      <a:pt x="166" y="781"/>
                    </a:lnTo>
                    <a:lnTo>
                      <a:pt x="166" y="779"/>
                    </a:lnTo>
                    <a:lnTo>
                      <a:pt x="164" y="779"/>
                    </a:lnTo>
                    <a:lnTo>
                      <a:pt x="164" y="777"/>
                    </a:lnTo>
                    <a:lnTo>
                      <a:pt x="164" y="775"/>
                    </a:lnTo>
                    <a:lnTo>
                      <a:pt x="163" y="774"/>
                    </a:lnTo>
                    <a:lnTo>
                      <a:pt x="161" y="774"/>
                    </a:lnTo>
                    <a:lnTo>
                      <a:pt x="161" y="775"/>
                    </a:lnTo>
                    <a:lnTo>
                      <a:pt x="161" y="774"/>
                    </a:lnTo>
                    <a:lnTo>
                      <a:pt x="161" y="772"/>
                    </a:lnTo>
                    <a:lnTo>
                      <a:pt x="159" y="770"/>
                    </a:lnTo>
                    <a:lnTo>
                      <a:pt x="159" y="768"/>
                    </a:lnTo>
                    <a:lnTo>
                      <a:pt x="157" y="766"/>
                    </a:lnTo>
                    <a:lnTo>
                      <a:pt x="159" y="766"/>
                    </a:lnTo>
                    <a:lnTo>
                      <a:pt x="159" y="764"/>
                    </a:lnTo>
                    <a:lnTo>
                      <a:pt x="157" y="764"/>
                    </a:lnTo>
                    <a:lnTo>
                      <a:pt x="159" y="764"/>
                    </a:lnTo>
                    <a:lnTo>
                      <a:pt x="157" y="764"/>
                    </a:lnTo>
                    <a:lnTo>
                      <a:pt x="157" y="763"/>
                    </a:lnTo>
                    <a:lnTo>
                      <a:pt x="159" y="763"/>
                    </a:lnTo>
                    <a:lnTo>
                      <a:pt x="159" y="761"/>
                    </a:lnTo>
                    <a:lnTo>
                      <a:pt x="161" y="761"/>
                    </a:lnTo>
                    <a:lnTo>
                      <a:pt x="161" y="759"/>
                    </a:lnTo>
                    <a:lnTo>
                      <a:pt x="159" y="759"/>
                    </a:lnTo>
                    <a:lnTo>
                      <a:pt x="159" y="757"/>
                    </a:lnTo>
                    <a:lnTo>
                      <a:pt x="157" y="757"/>
                    </a:lnTo>
                    <a:lnTo>
                      <a:pt x="157" y="755"/>
                    </a:lnTo>
                    <a:lnTo>
                      <a:pt x="159" y="755"/>
                    </a:lnTo>
                    <a:lnTo>
                      <a:pt x="159" y="753"/>
                    </a:lnTo>
                    <a:lnTo>
                      <a:pt x="161" y="753"/>
                    </a:lnTo>
                    <a:lnTo>
                      <a:pt x="161" y="751"/>
                    </a:lnTo>
                    <a:lnTo>
                      <a:pt x="161" y="750"/>
                    </a:lnTo>
                    <a:lnTo>
                      <a:pt x="163" y="750"/>
                    </a:lnTo>
                    <a:lnTo>
                      <a:pt x="163" y="748"/>
                    </a:lnTo>
                    <a:lnTo>
                      <a:pt x="163" y="746"/>
                    </a:lnTo>
                    <a:lnTo>
                      <a:pt x="161" y="746"/>
                    </a:lnTo>
                    <a:lnTo>
                      <a:pt x="161" y="744"/>
                    </a:lnTo>
                    <a:lnTo>
                      <a:pt x="161" y="742"/>
                    </a:lnTo>
                    <a:lnTo>
                      <a:pt x="163" y="742"/>
                    </a:lnTo>
                    <a:lnTo>
                      <a:pt x="163" y="740"/>
                    </a:lnTo>
                    <a:lnTo>
                      <a:pt x="163" y="738"/>
                    </a:lnTo>
                    <a:lnTo>
                      <a:pt x="161" y="738"/>
                    </a:lnTo>
                    <a:lnTo>
                      <a:pt x="159" y="738"/>
                    </a:lnTo>
                    <a:lnTo>
                      <a:pt x="159" y="737"/>
                    </a:lnTo>
                    <a:lnTo>
                      <a:pt x="159" y="735"/>
                    </a:lnTo>
                    <a:lnTo>
                      <a:pt x="161" y="735"/>
                    </a:lnTo>
                    <a:lnTo>
                      <a:pt x="161" y="733"/>
                    </a:lnTo>
                    <a:lnTo>
                      <a:pt x="159" y="733"/>
                    </a:lnTo>
                    <a:lnTo>
                      <a:pt x="159" y="731"/>
                    </a:lnTo>
                    <a:lnTo>
                      <a:pt x="157" y="731"/>
                    </a:lnTo>
                    <a:lnTo>
                      <a:pt x="157" y="729"/>
                    </a:lnTo>
                    <a:lnTo>
                      <a:pt x="155" y="729"/>
                    </a:lnTo>
                    <a:lnTo>
                      <a:pt x="157" y="727"/>
                    </a:lnTo>
                    <a:lnTo>
                      <a:pt x="159" y="727"/>
                    </a:lnTo>
                    <a:lnTo>
                      <a:pt x="161" y="727"/>
                    </a:lnTo>
                    <a:lnTo>
                      <a:pt x="163" y="726"/>
                    </a:lnTo>
                    <a:lnTo>
                      <a:pt x="164" y="726"/>
                    </a:lnTo>
                    <a:lnTo>
                      <a:pt x="166" y="724"/>
                    </a:lnTo>
                    <a:lnTo>
                      <a:pt x="168" y="722"/>
                    </a:lnTo>
                    <a:lnTo>
                      <a:pt x="170" y="722"/>
                    </a:lnTo>
                    <a:lnTo>
                      <a:pt x="170" y="720"/>
                    </a:lnTo>
                    <a:lnTo>
                      <a:pt x="172" y="718"/>
                    </a:lnTo>
                    <a:lnTo>
                      <a:pt x="174" y="716"/>
                    </a:lnTo>
                    <a:lnTo>
                      <a:pt x="176" y="714"/>
                    </a:lnTo>
                    <a:lnTo>
                      <a:pt x="177" y="713"/>
                    </a:lnTo>
                    <a:lnTo>
                      <a:pt x="179" y="711"/>
                    </a:lnTo>
                    <a:lnTo>
                      <a:pt x="179" y="709"/>
                    </a:lnTo>
                    <a:lnTo>
                      <a:pt x="181" y="707"/>
                    </a:lnTo>
                    <a:lnTo>
                      <a:pt x="181" y="705"/>
                    </a:lnTo>
                    <a:lnTo>
                      <a:pt x="183" y="703"/>
                    </a:lnTo>
                    <a:lnTo>
                      <a:pt x="183" y="701"/>
                    </a:lnTo>
                    <a:lnTo>
                      <a:pt x="183" y="700"/>
                    </a:lnTo>
                    <a:lnTo>
                      <a:pt x="183" y="698"/>
                    </a:lnTo>
                    <a:lnTo>
                      <a:pt x="183" y="696"/>
                    </a:lnTo>
                    <a:lnTo>
                      <a:pt x="183" y="694"/>
                    </a:lnTo>
                    <a:lnTo>
                      <a:pt x="185" y="694"/>
                    </a:lnTo>
                    <a:lnTo>
                      <a:pt x="185" y="692"/>
                    </a:lnTo>
                    <a:lnTo>
                      <a:pt x="185" y="690"/>
                    </a:lnTo>
                    <a:lnTo>
                      <a:pt x="187" y="690"/>
                    </a:lnTo>
                    <a:lnTo>
                      <a:pt x="187" y="689"/>
                    </a:lnTo>
                    <a:lnTo>
                      <a:pt x="187" y="687"/>
                    </a:lnTo>
                    <a:lnTo>
                      <a:pt x="188" y="687"/>
                    </a:lnTo>
                    <a:lnTo>
                      <a:pt x="188" y="685"/>
                    </a:lnTo>
                    <a:lnTo>
                      <a:pt x="188" y="683"/>
                    </a:lnTo>
                    <a:lnTo>
                      <a:pt x="190" y="681"/>
                    </a:lnTo>
                    <a:lnTo>
                      <a:pt x="192" y="679"/>
                    </a:lnTo>
                    <a:lnTo>
                      <a:pt x="192" y="677"/>
                    </a:lnTo>
                    <a:lnTo>
                      <a:pt x="194" y="677"/>
                    </a:lnTo>
                    <a:lnTo>
                      <a:pt x="194" y="676"/>
                    </a:lnTo>
                    <a:lnTo>
                      <a:pt x="196" y="674"/>
                    </a:lnTo>
                    <a:lnTo>
                      <a:pt x="196" y="672"/>
                    </a:lnTo>
                    <a:lnTo>
                      <a:pt x="196" y="668"/>
                    </a:lnTo>
                    <a:lnTo>
                      <a:pt x="196" y="666"/>
                    </a:lnTo>
                    <a:lnTo>
                      <a:pt x="198" y="664"/>
                    </a:lnTo>
                    <a:lnTo>
                      <a:pt x="198" y="663"/>
                    </a:lnTo>
                    <a:lnTo>
                      <a:pt x="200" y="663"/>
                    </a:lnTo>
                    <a:lnTo>
                      <a:pt x="200" y="661"/>
                    </a:lnTo>
                    <a:lnTo>
                      <a:pt x="201" y="659"/>
                    </a:lnTo>
                    <a:lnTo>
                      <a:pt x="201" y="657"/>
                    </a:lnTo>
                    <a:lnTo>
                      <a:pt x="201" y="655"/>
                    </a:lnTo>
                    <a:lnTo>
                      <a:pt x="203" y="653"/>
                    </a:lnTo>
                    <a:lnTo>
                      <a:pt x="203" y="652"/>
                    </a:lnTo>
                    <a:lnTo>
                      <a:pt x="203" y="650"/>
                    </a:lnTo>
                    <a:lnTo>
                      <a:pt x="203" y="648"/>
                    </a:lnTo>
                    <a:lnTo>
                      <a:pt x="205" y="648"/>
                    </a:lnTo>
                    <a:lnTo>
                      <a:pt x="205" y="646"/>
                    </a:lnTo>
                    <a:lnTo>
                      <a:pt x="207" y="644"/>
                    </a:lnTo>
                    <a:lnTo>
                      <a:pt x="209" y="642"/>
                    </a:lnTo>
                    <a:lnTo>
                      <a:pt x="211" y="642"/>
                    </a:lnTo>
                    <a:lnTo>
                      <a:pt x="212" y="640"/>
                    </a:lnTo>
                    <a:lnTo>
                      <a:pt x="214" y="640"/>
                    </a:lnTo>
                    <a:lnTo>
                      <a:pt x="216" y="639"/>
                    </a:lnTo>
                    <a:lnTo>
                      <a:pt x="220" y="637"/>
                    </a:lnTo>
                    <a:lnTo>
                      <a:pt x="222" y="635"/>
                    </a:lnTo>
                    <a:lnTo>
                      <a:pt x="224" y="635"/>
                    </a:lnTo>
                    <a:lnTo>
                      <a:pt x="225" y="633"/>
                    </a:lnTo>
                    <a:lnTo>
                      <a:pt x="227" y="633"/>
                    </a:lnTo>
                    <a:lnTo>
                      <a:pt x="231" y="635"/>
                    </a:lnTo>
                    <a:lnTo>
                      <a:pt x="233" y="635"/>
                    </a:lnTo>
                    <a:lnTo>
                      <a:pt x="235" y="635"/>
                    </a:lnTo>
                    <a:lnTo>
                      <a:pt x="237" y="635"/>
                    </a:lnTo>
                    <a:lnTo>
                      <a:pt x="240" y="635"/>
                    </a:lnTo>
                    <a:lnTo>
                      <a:pt x="242" y="635"/>
                    </a:lnTo>
                    <a:lnTo>
                      <a:pt x="244" y="635"/>
                    </a:lnTo>
                    <a:lnTo>
                      <a:pt x="246" y="633"/>
                    </a:lnTo>
                    <a:lnTo>
                      <a:pt x="246" y="629"/>
                    </a:lnTo>
                    <a:lnTo>
                      <a:pt x="246" y="627"/>
                    </a:lnTo>
                    <a:lnTo>
                      <a:pt x="248" y="627"/>
                    </a:lnTo>
                    <a:lnTo>
                      <a:pt x="248" y="626"/>
                    </a:lnTo>
                    <a:lnTo>
                      <a:pt x="249" y="624"/>
                    </a:lnTo>
                    <a:lnTo>
                      <a:pt x="251" y="624"/>
                    </a:lnTo>
                    <a:lnTo>
                      <a:pt x="251" y="622"/>
                    </a:lnTo>
                    <a:lnTo>
                      <a:pt x="253" y="622"/>
                    </a:lnTo>
                    <a:lnTo>
                      <a:pt x="253" y="620"/>
                    </a:lnTo>
                    <a:lnTo>
                      <a:pt x="255" y="620"/>
                    </a:lnTo>
                    <a:lnTo>
                      <a:pt x="255" y="618"/>
                    </a:lnTo>
                    <a:lnTo>
                      <a:pt x="257" y="618"/>
                    </a:lnTo>
                    <a:lnTo>
                      <a:pt x="257" y="616"/>
                    </a:lnTo>
                    <a:lnTo>
                      <a:pt x="255" y="615"/>
                    </a:lnTo>
                    <a:lnTo>
                      <a:pt x="255" y="613"/>
                    </a:lnTo>
                    <a:lnTo>
                      <a:pt x="253" y="611"/>
                    </a:lnTo>
                    <a:lnTo>
                      <a:pt x="253" y="609"/>
                    </a:lnTo>
                    <a:lnTo>
                      <a:pt x="253" y="607"/>
                    </a:lnTo>
                    <a:lnTo>
                      <a:pt x="253" y="605"/>
                    </a:lnTo>
                    <a:lnTo>
                      <a:pt x="255" y="605"/>
                    </a:lnTo>
                    <a:lnTo>
                      <a:pt x="255" y="603"/>
                    </a:lnTo>
                    <a:lnTo>
                      <a:pt x="255" y="602"/>
                    </a:lnTo>
                    <a:lnTo>
                      <a:pt x="255" y="600"/>
                    </a:lnTo>
                    <a:lnTo>
                      <a:pt x="257" y="600"/>
                    </a:lnTo>
                    <a:lnTo>
                      <a:pt x="257" y="598"/>
                    </a:lnTo>
                    <a:lnTo>
                      <a:pt x="257" y="596"/>
                    </a:lnTo>
                    <a:lnTo>
                      <a:pt x="259" y="594"/>
                    </a:lnTo>
                    <a:lnTo>
                      <a:pt x="259" y="592"/>
                    </a:lnTo>
                    <a:lnTo>
                      <a:pt x="261" y="592"/>
                    </a:lnTo>
                    <a:lnTo>
                      <a:pt x="261" y="590"/>
                    </a:lnTo>
                    <a:lnTo>
                      <a:pt x="261" y="589"/>
                    </a:lnTo>
                    <a:lnTo>
                      <a:pt x="262" y="587"/>
                    </a:lnTo>
                    <a:lnTo>
                      <a:pt x="264" y="585"/>
                    </a:lnTo>
                    <a:lnTo>
                      <a:pt x="264" y="583"/>
                    </a:lnTo>
                    <a:lnTo>
                      <a:pt x="266" y="583"/>
                    </a:lnTo>
                    <a:lnTo>
                      <a:pt x="266" y="581"/>
                    </a:lnTo>
                    <a:lnTo>
                      <a:pt x="268" y="579"/>
                    </a:lnTo>
                    <a:lnTo>
                      <a:pt x="270" y="579"/>
                    </a:lnTo>
                    <a:lnTo>
                      <a:pt x="270" y="578"/>
                    </a:lnTo>
                    <a:lnTo>
                      <a:pt x="270" y="576"/>
                    </a:lnTo>
                    <a:lnTo>
                      <a:pt x="270" y="574"/>
                    </a:lnTo>
                    <a:lnTo>
                      <a:pt x="270" y="572"/>
                    </a:lnTo>
                    <a:lnTo>
                      <a:pt x="272" y="572"/>
                    </a:lnTo>
                    <a:lnTo>
                      <a:pt x="272" y="574"/>
                    </a:lnTo>
                    <a:lnTo>
                      <a:pt x="275" y="578"/>
                    </a:lnTo>
                    <a:lnTo>
                      <a:pt x="281" y="583"/>
                    </a:lnTo>
                    <a:lnTo>
                      <a:pt x="285" y="585"/>
                    </a:lnTo>
                    <a:lnTo>
                      <a:pt x="285" y="587"/>
                    </a:lnTo>
                    <a:lnTo>
                      <a:pt x="286" y="589"/>
                    </a:lnTo>
                    <a:lnTo>
                      <a:pt x="290" y="589"/>
                    </a:lnTo>
                    <a:lnTo>
                      <a:pt x="296" y="589"/>
                    </a:lnTo>
                    <a:lnTo>
                      <a:pt x="303" y="590"/>
                    </a:lnTo>
                    <a:lnTo>
                      <a:pt x="307" y="590"/>
                    </a:lnTo>
                    <a:lnTo>
                      <a:pt x="310" y="590"/>
                    </a:lnTo>
                    <a:lnTo>
                      <a:pt x="314" y="590"/>
                    </a:lnTo>
                    <a:lnTo>
                      <a:pt x="318" y="590"/>
                    </a:lnTo>
                    <a:lnTo>
                      <a:pt x="323" y="592"/>
                    </a:lnTo>
                    <a:lnTo>
                      <a:pt x="325" y="590"/>
                    </a:lnTo>
                    <a:lnTo>
                      <a:pt x="327" y="598"/>
                    </a:lnTo>
                    <a:lnTo>
                      <a:pt x="327" y="600"/>
                    </a:lnTo>
                    <a:lnTo>
                      <a:pt x="325" y="603"/>
                    </a:lnTo>
                    <a:lnTo>
                      <a:pt x="325" y="605"/>
                    </a:lnTo>
                    <a:lnTo>
                      <a:pt x="325" y="613"/>
                    </a:lnTo>
                    <a:lnTo>
                      <a:pt x="325" y="615"/>
                    </a:lnTo>
                    <a:lnTo>
                      <a:pt x="325" y="616"/>
                    </a:lnTo>
                    <a:lnTo>
                      <a:pt x="325" y="620"/>
                    </a:lnTo>
                    <a:lnTo>
                      <a:pt x="325" y="622"/>
                    </a:lnTo>
                    <a:lnTo>
                      <a:pt x="327" y="622"/>
                    </a:lnTo>
                    <a:lnTo>
                      <a:pt x="329" y="620"/>
                    </a:lnTo>
                    <a:lnTo>
                      <a:pt x="331" y="620"/>
                    </a:lnTo>
                    <a:lnTo>
                      <a:pt x="333" y="618"/>
                    </a:lnTo>
                    <a:lnTo>
                      <a:pt x="334" y="618"/>
                    </a:lnTo>
                    <a:lnTo>
                      <a:pt x="336" y="618"/>
                    </a:lnTo>
                    <a:lnTo>
                      <a:pt x="338" y="616"/>
                    </a:lnTo>
                    <a:lnTo>
                      <a:pt x="340" y="616"/>
                    </a:lnTo>
                    <a:lnTo>
                      <a:pt x="342" y="616"/>
                    </a:lnTo>
                    <a:lnTo>
                      <a:pt x="344" y="615"/>
                    </a:lnTo>
                    <a:lnTo>
                      <a:pt x="346" y="615"/>
                    </a:lnTo>
                    <a:lnTo>
                      <a:pt x="347" y="615"/>
                    </a:lnTo>
                    <a:lnTo>
                      <a:pt x="349" y="615"/>
                    </a:lnTo>
                    <a:lnTo>
                      <a:pt x="357" y="613"/>
                    </a:lnTo>
                    <a:lnTo>
                      <a:pt x="357" y="611"/>
                    </a:lnTo>
                    <a:lnTo>
                      <a:pt x="359" y="611"/>
                    </a:lnTo>
                    <a:lnTo>
                      <a:pt x="360" y="611"/>
                    </a:lnTo>
                    <a:lnTo>
                      <a:pt x="362" y="609"/>
                    </a:lnTo>
                    <a:lnTo>
                      <a:pt x="366" y="609"/>
                    </a:lnTo>
                    <a:lnTo>
                      <a:pt x="364" y="607"/>
                    </a:lnTo>
                    <a:lnTo>
                      <a:pt x="368" y="605"/>
                    </a:lnTo>
                    <a:lnTo>
                      <a:pt x="368" y="603"/>
                    </a:lnTo>
                    <a:lnTo>
                      <a:pt x="373" y="600"/>
                    </a:lnTo>
                    <a:lnTo>
                      <a:pt x="373" y="602"/>
                    </a:lnTo>
                    <a:lnTo>
                      <a:pt x="377" y="600"/>
                    </a:lnTo>
                    <a:lnTo>
                      <a:pt x="377" y="602"/>
                    </a:lnTo>
                    <a:lnTo>
                      <a:pt x="381" y="598"/>
                    </a:lnTo>
                    <a:lnTo>
                      <a:pt x="381" y="596"/>
                    </a:lnTo>
                    <a:lnTo>
                      <a:pt x="383" y="594"/>
                    </a:lnTo>
                    <a:lnTo>
                      <a:pt x="384" y="592"/>
                    </a:lnTo>
                    <a:lnTo>
                      <a:pt x="384" y="590"/>
                    </a:lnTo>
                    <a:lnTo>
                      <a:pt x="386" y="590"/>
                    </a:lnTo>
                    <a:lnTo>
                      <a:pt x="390" y="589"/>
                    </a:lnTo>
                    <a:lnTo>
                      <a:pt x="392" y="589"/>
                    </a:lnTo>
                    <a:lnTo>
                      <a:pt x="394" y="589"/>
                    </a:lnTo>
                    <a:lnTo>
                      <a:pt x="395" y="587"/>
                    </a:lnTo>
                    <a:lnTo>
                      <a:pt x="397" y="587"/>
                    </a:lnTo>
                    <a:lnTo>
                      <a:pt x="399" y="585"/>
                    </a:lnTo>
                    <a:lnTo>
                      <a:pt x="399" y="587"/>
                    </a:lnTo>
                    <a:lnTo>
                      <a:pt x="401" y="583"/>
                    </a:lnTo>
                    <a:lnTo>
                      <a:pt x="405" y="581"/>
                    </a:lnTo>
                    <a:lnTo>
                      <a:pt x="407" y="578"/>
                    </a:lnTo>
                    <a:lnTo>
                      <a:pt x="408" y="578"/>
                    </a:lnTo>
                    <a:lnTo>
                      <a:pt x="407" y="576"/>
                    </a:lnTo>
                    <a:lnTo>
                      <a:pt x="407" y="574"/>
                    </a:lnTo>
                    <a:lnTo>
                      <a:pt x="405" y="570"/>
                    </a:lnTo>
                    <a:lnTo>
                      <a:pt x="403" y="568"/>
                    </a:lnTo>
                    <a:lnTo>
                      <a:pt x="403" y="566"/>
                    </a:lnTo>
                    <a:lnTo>
                      <a:pt x="403" y="565"/>
                    </a:lnTo>
                    <a:lnTo>
                      <a:pt x="407" y="561"/>
                    </a:lnTo>
                    <a:lnTo>
                      <a:pt x="410" y="557"/>
                    </a:lnTo>
                    <a:lnTo>
                      <a:pt x="414" y="555"/>
                    </a:lnTo>
                    <a:lnTo>
                      <a:pt x="414" y="552"/>
                    </a:lnTo>
                    <a:lnTo>
                      <a:pt x="414" y="550"/>
                    </a:lnTo>
                    <a:lnTo>
                      <a:pt x="416" y="546"/>
                    </a:lnTo>
                    <a:lnTo>
                      <a:pt x="412" y="541"/>
                    </a:lnTo>
                    <a:lnTo>
                      <a:pt x="414" y="541"/>
                    </a:lnTo>
                    <a:lnTo>
                      <a:pt x="414" y="539"/>
                    </a:lnTo>
                    <a:lnTo>
                      <a:pt x="416" y="539"/>
                    </a:lnTo>
                    <a:lnTo>
                      <a:pt x="416" y="537"/>
                    </a:lnTo>
                    <a:lnTo>
                      <a:pt x="418" y="535"/>
                    </a:lnTo>
                    <a:lnTo>
                      <a:pt x="420" y="533"/>
                    </a:lnTo>
                    <a:lnTo>
                      <a:pt x="420" y="531"/>
                    </a:lnTo>
                    <a:lnTo>
                      <a:pt x="421" y="531"/>
                    </a:lnTo>
                    <a:lnTo>
                      <a:pt x="421" y="529"/>
                    </a:lnTo>
                    <a:lnTo>
                      <a:pt x="423" y="528"/>
                    </a:lnTo>
                    <a:lnTo>
                      <a:pt x="423" y="526"/>
                    </a:lnTo>
                    <a:lnTo>
                      <a:pt x="425" y="526"/>
                    </a:lnTo>
                    <a:lnTo>
                      <a:pt x="427" y="526"/>
                    </a:lnTo>
                    <a:lnTo>
                      <a:pt x="429" y="526"/>
                    </a:lnTo>
                    <a:lnTo>
                      <a:pt x="429" y="524"/>
                    </a:lnTo>
                    <a:lnTo>
                      <a:pt x="431" y="524"/>
                    </a:lnTo>
                    <a:lnTo>
                      <a:pt x="431" y="522"/>
                    </a:lnTo>
                    <a:lnTo>
                      <a:pt x="431" y="520"/>
                    </a:lnTo>
                    <a:lnTo>
                      <a:pt x="432" y="520"/>
                    </a:lnTo>
                    <a:lnTo>
                      <a:pt x="432" y="518"/>
                    </a:lnTo>
                    <a:lnTo>
                      <a:pt x="432" y="517"/>
                    </a:lnTo>
                    <a:lnTo>
                      <a:pt x="434" y="517"/>
                    </a:lnTo>
                    <a:lnTo>
                      <a:pt x="434" y="515"/>
                    </a:lnTo>
                    <a:lnTo>
                      <a:pt x="434" y="513"/>
                    </a:lnTo>
                    <a:lnTo>
                      <a:pt x="434" y="511"/>
                    </a:lnTo>
                    <a:lnTo>
                      <a:pt x="434" y="509"/>
                    </a:lnTo>
                    <a:lnTo>
                      <a:pt x="436" y="507"/>
                    </a:lnTo>
                    <a:lnTo>
                      <a:pt x="436" y="505"/>
                    </a:lnTo>
                    <a:lnTo>
                      <a:pt x="438" y="502"/>
                    </a:lnTo>
                    <a:lnTo>
                      <a:pt x="438" y="500"/>
                    </a:lnTo>
                    <a:lnTo>
                      <a:pt x="438" y="498"/>
                    </a:lnTo>
                    <a:lnTo>
                      <a:pt x="438" y="494"/>
                    </a:lnTo>
                    <a:lnTo>
                      <a:pt x="440" y="491"/>
                    </a:lnTo>
                    <a:lnTo>
                      <a:pt x="440" y="489"/>
                    </a:lnTo>
                    <a:lnTo>
                      <a:pt x="440" y="487"/>
                    </a:lnTo>
                    <a:lnTo>
                      <a:pt x="440" y="485"/>
                    </a:lnTo>
                    <a:lnTo>
                      <a:pt x="438" y="480"/>
                    </a:lnTo>
                    <a:lnTo>
                      <a:pt x="434" y="467"/>
                    </a:lnTo>
                    <a:lnTo>
                      <a:pt x="432" y="461"/>
                    </a:lnTo>
                    <a:lnTo>
                      <a:pt x="425" y="461"/>
                    </a:lnTo>
                    <a:lnTo>
                      <a:pt x="425" y="465"/>
                    </a:lnTo>
                    <a:lnTo>
                      <a:pt x="423" y="465"/>
                    </a:lnTo>
                    <a:lnTo>
                      <a:pt x="421" y="465"/>
                    </a:lnTo>
                    <a:lnTo>
                      <a:pt x="421" y="463"/>
                    </a:lnTo>
                    <a:lnTo>
                      <a:pt x="420" y="463"/>
                    </a:lnTo>
                    <a:lnTo>
                      <a:pt x="418" y="463"/>
                    </a:lnTo>
                    <a:lnTo>
                      <a:pt x="416" y="465"/>
                    </a:lnTo>
                    <a:lnTo>
                      <a:pt x="414" y="465"/>
                    </a:lnTo>
                    <a:lnTo>
                      <a:pt x="414" y="463"/>
                    </a:lnTo>
                    <a:lnTo>
                      <a:pt x="412" y="463"/>
                    </a:lnTo>
                    <a:lnTo>
                      <a:pt x="410" y="463"/>
                    </a:lnTo>
                    <a:lnTo>
                      <a:pt x="410" y="461"/>
                    </a:lnTo>
                    <a:lnTo>
                      <a:pt x="410" y="459"/>
                    </a:lnTo>
                    <a:lnTo>
                      <a:pt x="410" y="457"/>
                    </a:lnTo>
                    <a:lnTo>
                      <a:pt x="410" y="455"/>
                    </a:lnTo>
                    <a:lnTo>
                      <a:pt x="410" y="454"/>
                    </a:lnTo>
                    <a:lnTo>
                      <a:pt x="410" y="452"/>
                    </a:lnTo>
                    <a:lnTo>
                      <a:pt x="410" y="450"/>
                    </a:lnTo>
                    <a:lnTo>
                      <a:pt x="408" y="450"/>
                    </a:lnTo>
                    <a:lnTo>
                      <a:pt x="408" y="448"/>
                    </a:lnTo>
                    <a:lnTo>
                      <a:pt x="408" y="446"/>
                    </a:lnTo>
                    <a:lnTo>
                      <a:pt x="408" y="444"/>
                    </a:lnTo>
                    <a:lnTo>
                      <a:pt x="408" y="443"/>
                    </a:lnTo>
                    <a:lnTo>
                      <a:pt x="407" y="443"/>
                    </a:lnTo>
                    <a:lnTo>
                      <a:pt x="407" y="441"/>
                    </a:lnTo>
                    <a:lnTo>
                      <a:pt x="407" y="439"/>
                    </a:lnTo>
                    <a:lnTo>
                      <a:pt x="405" y="439"/>
                    </a:lnTo>
                    <a:lnTo>
                      <a:pt x="403" y="439"/>
                    </a:lnTo>
                    <a:lnTo>
                      <a:pt x="403" y="437"/>
                    </a:lnTo>
                    <a:lnTo>
                      <a:pt x="401" y="437"/>
                    </a:lnTo>
                    <a:lnTo>
                      <a:pt x="401" y="435"/>
                    </a:lnTo>
                    <a:lnTo>
                      <a:pt x="399" y="433"/>
                    </a:lnTo>
                    <a:lnTo>
                      <a:pt x="397" y="433"/>
                    </a:lnTo>
                    <a:lnTo>
                      <a:pt x="395" y="433"/>
                    </a:lnTo>
                    <a:lnTo>
                      <a:pt x="394" y="433"/>
                    </a:lnTo>
                    <a:lnTo>
                      <a:pt x="392" y="433"/>
                    </a:lnTo>
                    <a:lnTo>
                      <a:pt x="392" y="431"/>
                    </a:lnTo>
                    <a:lnTo>
                      <a:pt x="390" y="431"/>
                    </a:lnTo>
                    <a:lnTo>
                      <a:pt x="388" y="431"/>
                    </a:lnTo>
                    <a:lnTo>
                      <a:pt x="386" y="431"/>
                    </a:lnTo>
                    <a:lnTo>
                      <a:pt x="384" y="430"/>
                    </a:lnTo>
                    <a:lnTo>
                      <a:pt x="383" y="430"/>
                    </a:lnTo>
                    <a:lnTo>
                      <a:pt x="383" y="428"/>
                    </a:lnTo>
                    <a:lnTo>
                      <a:pt x="383" y="426"/>
                    </a:lnTo>
                    <a:lnTo>
                      <a:pt x="383" y="424"/>
                    </a:lnTo>
                    <a:lnTo>
                      <a:pt x="381" y="424"/>
                    </a:lnTo>
                    <a:lnTo>
                      <a:pt x="381" y="426"/>
                    </a:lnTo>
                    <a:lnTo>
                      <a:pt x="379" y="426"/>
                    </a:lnTo>
                    <a:lnTo>
                      <a:pt x="377" y="426"/>
                    </a:lnTo>
                    <a:lnTo>
                      <a:pt x="377" y="424"/>
                    </a:lnTo>
                    <a:lnTo>
                      <a:pt x="375" y="424"/>
                    </a:lnTo>
                    <a:lnTo>
                      <a:pt x="373" y="424"/>
                    </a:lnTo>
                    <a:lnTo>
                      <a:pt x="373" y="426"/>
                    </a:lnTo>
                    <a:lnTo>
                      <a:pt x="371" y="426"/>
                    </a:lnTo>
                    <a:lnTo>
                      <a:pt x="370" y="424"/>
                    </a:lnTo>
                    <a:lnTo>
                      <a:pt x="368" y="424"/>
                    </a:lnTo>
                    <a:lnTo>
                      <a:pt x="368" y="422"/>
                    </a:lnTo>
                    <a:lnTo>
                      <a:pt x="366" y="422"/>
                    </a:lnTo>
                    <a:lnTo>
                      <a:pt x="366" y="420"/>
                    </a:lnTo>
                    <a:lnTo>
                      <a:pt x="364" y="420"/>
                    </a:lnTo>
                    <a:lnTo>
                      <a:pt x="364" y="418"/>
                    </a:lnTo>
                    <a:lnTo>
                      <a:pt x="362" y="417"/>
                    </a:lnTo>
                    <a:lnTo>
                      <a:pt x="362" y="415"/>
                    </a:lnTo>
                    <a:lnTo>
                      <a:pt x="360" y="415"/>
                    </a:lnTo>
                    <a:lnTo>
                      <a:pt x="360" y="413"/>
                    </a:lnTo>
                    <a:lnTo>
                      <a:pt x="360" y="415"/>
                    </a:lnTo>
                    <a:lnTo>
                      <a:pt x="359" y="415"/>
                    </a:lnTo>
                    <a:lnTo>
                      <a:pt x="357" y="415"/>
                    </a:lnTo>
                    <a:lnTo>
                      <a:pt x="357" y="413"/>
                    </a:lnTo>
                    <a:lnTo>
                      <a:pt x="353" y="413"/>
                    </a:lnTo>
                    <a:lnTo>
                      <a:pt x="351" y="411"/>
                    </a:lnTo>
                    <a:lnTo>
                      <a:pt x="347" y="409"/>
                    </a:lnTo>
                    <a:lnTo>
                      <a:pt x="346" y="407"/>
                    </a:lnTo>
                    <a:lnTo>
                      <a:pt x="347" y="407"/>
                    </a:lnTo>
                    <a:lnTo>
                      <a:pt x="349" y="407"/>
                    </a:lnTo>
                    <a:lnTo>
                      <a:pt x="351" y="406"/>
                    </a:lnTo>
                    <a:lnTo>
                      <a:pt x="353" y="406"/>
                    </a:lnTo>
                    <a:lnTo>
                      <a:pt x="355" y="404"/>
                    </a:lnTo>
                    <a:lnTo>
                      <a:pt x="357" y="404"/>
                    </a:lnTo>
                    <a:lnTo>
                      <a:pt x="357" y="402"/>
                    </a:lnTo>
                    <a:lnTo>
                      <a:pt x="359" y="402"/>
                    </a:lnTo>
                    <a:lnTo>
                      <a:pt x="360" y="402"/>
                    </a:lnTo>
                    <a:lnTo>
                      <a:pt x="362" y="400"/>
                    </a:lnTo>
                    <a:lnTo>
                      <a:pt x="364" y="400"/>
                    </a:lnTo>
                    <a:lnTo>
                      <a:pt x="366" y="398"/>
                    </a:lnTo>
                    <a:lnTo>
                      <a:pt x="368" y="398"/>
                    </a:lnTo>
                    <a:lnTo>
                      <a:pt x="370" y="396"/>
                    </a:lnTo>
                    <a:lnTo>
                      <a:pt x="371" y="396"/>
                    </a:lnTo>
                    <a:lnTo>
                      <a:pt x="373" y="396"/>
                    </a:lnTo>
                    <a:lnTo>
                      <a:pt x="373" y="402"/>
                    </a:lnTo>
                    <a:lnTo>
                      <a:pt x="373" y="404"/>
                    </a:lnTo>
                    <a:lnTo>
                      <a:pt x="375" y="404"/>
                    </a:lnTo>
                    <a:lnTo>
                      <a:pt x="375" y="407"/>
                    </a:lnTo>
                    <a:lnTo>
                      <a:pt x="377" y="407"/>
                    </a:lnTo>
                    <a:lnTo>
                      <a:pt x="377" y="406"/>
                    </a:lnTo>
                    <a:lnTo>
                      <a:pt x="377" y="404"/>
                    </a:lnTo>
                    <a:lnTo>
                      <a:pt x="377" y="402"/>
                    </a:lnTo>
                    <a:lnTo>
                      <a:pt x="377" y="400"/>
                    </a:lnTo>
                    <a:lnTo>
                      <a:pt x="379" y="396"/>
                    </a:lnTo>
                    <a:lnTo>
                      <a:pt x="379" y="394"/>
                    </a:lnTo>
                    <a:lnTo>
                      <a:pt x="377" y="394"/>
                    </a:lnTo>
                    <a:lnTo>
                      <a:pt x="379" y="394"/>
                    </a:lnTo>
                    <a:lnTo>
                      <a:pt x="377" y="393"/>
                    </a:lnTo>
                    <a:lnTo>
                      <a:pt x="379" y="393"/>
                    </a:lnTo>
                    <a:lnTo>
                      <a:pt x="377" y="391"/>
                    </a:lnTo>
                    <a:lnTo>
                      <a:pt x="377" y="389"/>
                    </a:lnTo>
                    <a:lnTo>
                      <a:pt x="375" y="389"/>
                    </a:lnTo>
                    <a:lnTo>
                      <a:pt x="375" y="387"/>
                    </a:lnTo>
                    <a:lnTo>
                      <a:pt x="377" y="387"/>
                    </a:lnTo>
                    <a:lnTo>
                      <a:pt x="377" y="385"/>
                    </a:lnTo>
                    <a:lnTo>
                      <a:pt x="375" y="383"/>
                    </a:lnTo>
                    <a:lnTo>
                      <a:pt x="375" y="381"/>
                    </a:lnTo>
                    <a:lnTo>
                      <a:pt x="373" y="380"/>
                    </a:lnTo>
                    <a:lnTo>
                      <a:pt x="373" y="378"/>
                    </a:lnTo>
                    <a:lnTo>
                      <a:pt x="373" y="376"/>
                    </a:lnTo>
                    <a:lnTo>
                      <a:pt x="373" y="374"/>
                    </a:lnTo>
                    <a:lnTo>
                      <a:pt x="373" y="372"/>
                    </a:lnTo>
                    <a:lnTo>
                      <a:pt x="373" y="370"/>
                    </a:lnTo>
                    <a:lnTo>
                      <a:pt x="373" y="369"/>
                    </a:lnTo>
                    <a:lnTo>
                      <a:pt x="373" y="367"/>
                    </a:lnTo>
                    <a:lnTo>
                      <a:pt x="373" y="365"/>
                    </a:lnTo>
                    <a:lnTo>
                      <a:pt x="373" y="363"/>
                    </a:lnTo>
                    <a:lnTo>
                      <a:pt x="371" y="363"/>
                    </a:lnTo>
                    <a:lnTo>
                      <a:pt x="371" y="361"/>
                    </a:lnTo>
                    <a:lnTo>
                      <a:pt x="371" y="359"/>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53" name="Freeform 208"/>
              <p:cNvSpPr>
                <a:spLocks/>
              </p:cNvSpPr>
              <p:nvPr/>
            </p:nvSpPr>
            <p:spPr bwMode="auto">
              <a:xfrm>
                <a:off x="6553200" y="1512887"/>
                <a:ext cx="6350" cy="4763"/>
              </a:xfrm>
              <a:custGeom>
                <a:avLst/>
                <a:gdLst>
                  <a:gd name="T0" fmla="*/ 0 w 4"/>
                  <a:gd name="T1" fmla="*/ 3 h 3"/>
                  <a:gd name="T2" fmla="*/ 0 w 4"/>
                  <a:gd name="T3" fmla="*/ 3 h 3"/>
                  <a:gd name="T4" fmla="*/ 0 w 4"/>
                  <a:gd name="T5" fmla="*/ 3 h 3"/>
                  <a:gd name="T6" fmla="*/ 0 w 4"/>
                  <a:gd name="T7" fmla="*/ 3 h 3"/>
                  <a:gd name="T8" fmla="*/ 0 w 4"/>
                  <a:gd name="T9" fmla="*/ 3 h 3"/>
                  <a:gd name="T10" fmla="*/ 0 w 4"/>
                  <a:gd name="T11" fmla="*/ 3 h 3"/>
                  <a:gd name="T12" fmla="*/ 0 w 4"/>
                  <a:gd name="T13" fmla="*/ 3 h 3"/>
                  <a:gd name="T14" fmla="*/ 0 w 4"/>
                  <a:gd name="T15" fmla="*/ 2 h 3"/>
                  <a:gd name="T16" fmla="*/ 2 w 4"/>
                  <a:gd name="T17" fmla="*/ 2 h 3"/>
                  <a:gd name="T18" fmla="*/ 2 w 4"/>
                  <a:gd name="T19" fmla="*/ 2 h 3"/>
                  <a:gd name="T20" fmla="*/ 2 w 4"/>
                  <a:gd name="T21" fmla="*/ 0 h 3"/>
                  <a:gd name="T22" fmla="*/ 4 w 4"/>
                  <a:gd name="T23" fmla="*/ 2 h 3"/>
                  <a:gd name="T24" fmla="*/ 4 w 4"/>
                  <a:gd name="T25" fmla="*/ 2 h 3"/>
                  <a:gd name="T26" fmla="*/ 4 w 4"/>
                  <a:gd name="T27" fmla="*/ 2 h 3"/>
                  <a:gd name="T28" fmla="*/ 4 w 4"/>
                  <a:gd name="T29" fmla="*/ 2 h 3"/>
                  <a:gd name="T30" fmla="*/ 4 w 4"/>
                  <a:gd name="T31" fmla="*/ 2 h 3"/>
                  <a:gd name="T32" fmla="*/ 2 w 4"/>
                  <a:gd name="T33" fmla="*/ 2 h 3"/>
                  <a:gd name="T34" fmla="*/ 2 w 4"/>
                  <a:gd name="T35" fmla="*/ 2 h 3"/>
                  <a:gd name="T36" fmla="*/ 2 w 4"/>
                  <a:gd name="T37" fmla="*/ 2 h 3"/>
                  <a:gd name="T38" fmla="*/ 2 w 4"/>
                  <a:gd name="T39" fmla="*/ 2 h 3"/>
                  <a:gd name="T40" fmla="*/ 2 w 4"/>
                  <a:gd name="T41" fmla="*/ 2 h 3"/>
                  <a:gd name="T42" fmla="*/ 2 w 4"/>
                  <a:gd name="T43" fmla="*/ 3 h 3"/>
                  <a:gd name="T44" fmla="*/ 2 w 4"/>
                  <a:gd name="T45" fmla="*/ 3 h 3"/>
                  <a:gd name="T46" fmla="*/ 2 w 4"/>
                  <a:gd name="T47" fmla="*/ 3 h 3"/>
                  <a:gd name="T48" fmla="*/ 2 w 4"/>
                  <a:gd name="T49" fmla="*/ 3 h 3"/>
                  <a:gd name="T50" fmla="*/ 2 w 4"/>
                  <a:gd name="T51" fmla="*/ 3 h 3"/>
                  <a:gd name="T52" fmla="*/ 2 w 4"/>
                  <a:gd name="T53" fmla="*/ 3 h 3"/>
                  <a:gd name="T54" fmla="*/ 2 w 4"/>
                  <a:gd name="T55" fmla="*/ 3 h 3"/>
                  <a:gd name="T56" fmla="*/ 2 w 4"/>
                  <a:gd name="T57" fmla="*/ 3 h 3"/>
                  <a:gd name="T58" fmla="*/ 2 w 4"/>
                  <a:gd name="T59" fmla="*/ 3 h 3"/>
                  <a:gd name="T60" fmla="*/ 0 w 4"/>
                  <a:gd name="T61" fmla="*/ 3 h 3"/>
                  <a:gd name="T62" fmla="*/ 0 w 4"/>
                  <a:gd name="T63" fmla="*/ 3 h 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4" h="3">
                    <a:moveTo>
                      <a:pt x="0" y="3"/>
                    </a:moveTo>
                    <a:lnTo>
                      <a:pt x="0" y="3"/>
                    </a:lnTo>
                    <a:lnTo>
                      <a:pt x="0" y="3"/>
                    </a:lnTo>
                    <a:lnTo>
                      <a:pt x="0" y="3"/>
                    </a:lnTo>
                    <a:lnTo>
                      <a:pt x="0" y="3"/>
                    </a:lnTo>
                    <a:lnTo>
                      <a:pt x="0" y="3"/>
                    </a:lnTo>
                    <a:lnTo>
                      <a:pt x="0" y="3"/>
                    </a:lnTo>
                    <a:lnTo>
                      <a:pt x="0" y="2"/>
                    </a:lnTo>
                    <a:lnTo>
                      <a:pt x="2" y="2"/>
                    </a:lnTo>
                    <a:lnTo>
                      <a:pt x="2" y="2"/>
                    </a:lnTo>
                    <a:lnTo>
                      <a:pt x="2" y="0"/>
                    </a:lnTo>
                    <a:lnTo>
                      <a:pt x="4" y="2"/>
                    </a:lnTo>
                    <a:lnTo>
                      <a:pt x="4" y="2"/>
                    </a:lnTo>
                    <a:lnTo>
                      <a:pt x="4" y="2"/>
                    </a:lnTo>
                    <a:lnTo>
                      <a:pt x="4" y="2"/>
                    </a:lnTo>
                    <a:lnTo>
                      <a:pt x="4" y="2"/>
                    </a:lnTo>
                    <a:lnTo>
                      <a:pt x="2" y="2"/>
                    </a:lnTo>
                    <a:lnTo>
                      <a:pt x="2" y="2"/>
                    </a:lnTo>
                    <a:lnTo>
                      <a:pt x="2" y="2"/>
                    </a:lnTo>
                    <a:lnTo>
                      <a:pt x="2" y="2"/>
                    </a:lnTo>
                    <a:lnTo>
                      <a:pt x="2" y="2"/>
                    </a:lnTo>
                    <a:lnTo>
                      <a:pt x="2" y="3"/>
                    </a:lnTo>
                    <a:lnTo>
                      <a:pt x="2" y="3"/>
                    </a:lnTo>
                    <a:lnTo>
                      <a:pt x="2" y="3"/>
                    </a:lnTo>
                    <a:lnTo>
                      <a:pt x="2" y="3"/>
                    </a:lnTo>
                    <a:lnTo>
                      <a:pt x="2" y="3"/>
                    </a:lnTo>
                    <a:lnTo>
                      <a:pt x="2" y="3"/>
                    </a:lnTo>
                    <a:lnTo>
                      <a:pt x="2" y="3"/>
                    </a:lnTo>
                    <a:lnTo>
                      <a:pt x="2" y="3"/>
                    </a:lnTo>
                    <a:lnTo>
                      <a:pt x="2" y="3"/>
                    </a:lnTo>
                    <a:lnTo>
                      <a:pt x="0" y="3"/>
                    </a:lnTo>
                    <a:lnTo>
                      <a:pt x="0" y="3"/>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sp>
          <p:nvSpPr>
            <p:cNvPr id="54" name="Freeform 209"/>
            <p:cNvSpPr>
              <a:spLocks/>
            </p:cNvSpPr>
            <p:nvPr/>
          </p:nvSpPr>
          <p:spPr bwMode="auto">
            <a:xfrm>
              <a:off x="5741801" y="3412371"/>
              <a:ext cx="2691656" cy="1915016"/>
            </a:xfrm>
            <a:custGeom>
              <a:avLst/>
              <a:gdLst>
                <a:gd name="T0" fmla="*/ 2040 w 2582"/>
                <a:gd name="T1" fmla="*/ 901 h 1837"/>
                <a:gd name="T2" fmla="*/ 1966 w 2582"/>
                <a:gd name="T3" fmla="*/ 1060 h 1837"/>
                <a:gd name="T4" fmla="*/ 1963 w 2582"/>
                <a:gd name="T5" fmla="*/ 1245 h 1837"/>
                <a:gd name="T6" fmla="*/ 2096 w 2582"/>
                <a:gd name="T7" fmla="*/ 1271 h 1837"/>
                <a:gd name="T8" fmla="*/ 2096 w 2582"/>
                <a:gd name="T9" fmla="*/ 1367 h 1837"/>
                <a:gd name="T10" fmla="*/ 2076 w 2582"/>
                <a:gd name="T11" fmla="*/ 1504 h 1837"/>
                <a:gd name="T12" fmla="*/ 2162 w 2582"/>
                <a:gd name="T13" fmla="*/ 1624 h 1837"/>
                <a:gd name="T14" fmla="*/ 1994 w 2582"/>
                <a:gd name="T15" fmla="*/ 1609 h 1837"/>
                <a:gd name="T16" fmla="*/ 1911 w 2582"/>
                <a:gd name="T17" fmla="*/ 1519 h 1837"/>
                <a:gd name="T18" fmla="*/ 1848 w 2582"/>
                <a:gd name="T19" fmla="*/ 1386 h 1837"/>
                <a:gd name="T20" fmla="*/ 1693 w 2582"/>
                <a:gd name="T21" fmla="*/ 1419 h 1837"/>
                <a:gd name="T22" fmla="*/ 1545 w 2582"/>
                <a:gd name="T23" fmla="*/ 1448 h 1837"/>
                <a:gd name="T24" fmla="*/ 1458 w 2582"/>
                <a:gd name="T25" fmla="*/ 1550 h 1837"/>
                <a:gd name="T26" fmla="*/ 1318 w 2582"/>
                <a:gd name="T27" fmla="*/ 1565 h 1837"/>
                <a:gd name="T28" fmla="*/ 1218 w 2582"/>
                <a:gd name="T29" fmla="*/ 1463 h 1837"/>
                <a:gd name="T30" fmla="*/ 1149 w 2582"/>
                <a:gd name="T31" fmla="*/ 1341 h 1837"/>
                <a:gd name="T32" fmla="*/ 1142 w 2582"/>
                <a:gd name="T33" fmla="*/ 1145 h 1837"/>
                <a:gd name="T34" fmla="*/ 1016 w 2582"/>
                <a:gd name="T35" fmla="*/ 1177 h 1837"/>
                <a:gd name="T36" fmla="*/ 883 w 2582"/>
                <a:gd name="T37" fmla="*/ 1206 h 1837"/>
                <a:gd name="T38" fmla="*/ 894 w 2582"/>
                <a:gd name="T39" fmla="*/ 1347 h 1837"/>
                <a:gd name="T40" fmla="*/ 918 w 2582"/>
                <a:gd name="T41" fmla="*/ 1485 h 1837"/>
                <a:gd name="T42" fmla="*/ 863 w 2582"/>
                <a:gd name="T43" fmla="*/ 1632 h 1837"/>
                <a:gd name="T44" fmla="*/ 789 w 2582"/>
                <a:gd name="T45" fmla="*/ 1772 h 1837"/>
                <a:gd name="T46" fmla="*/ 674 w 2582"/>
                <a:gd name="T47" fmla="*/ 1776 h 1837"/>
                <a:gd name="T48" fmla="*/ 589 w 2582"/>
                <a:gd name="T49" fmla="*/ 1578 h 1837"/>
                <a:gd name="T50" fmla="*/ 630 w 2582"/>
                <a:gd name="T51" fmla="*/ 1436 h 1837"/>
                <a:gd name="T52" fmla="*/ 619 w 2582"/>
                <a:gd name="T53" fmla="*/ 1284 h 1837"/>
                <a:gd name="T54" fmla="*/ 547 w 2582"/>
                <a:gd name="T55" fmla="*/ 1171 h 1837"/>
                <a:gd name="T56" fmla="*/ 534 w 2582"/>
                <a:gd name="T57" fmla="*/ 1023 h 1837"/>
                <a:gd name="T58" fmla="*/ 419 w 2582"/>
                <a:gd name="T59" fmla="*/ 918 h 1837"/>
                <a:gd name="T60" fmla="*/ 310 w 2582"/>
                <a:gd name="T61" fmla="*/ 1021 h 1837"/>
                <a:gd name="T62" fmla="*/ 77 w 2582"/>
                <a:gd name="T63" fmla="*/ 1027 h 1837"/>
                <a:gd name="T64" fmla="*/ 31 w 2582"/>
                <a:gd name="T65" fmla="*/ 849 h 1837"/>
                <a:gd name="T66" fmla="*/ 140 w 2582"/>
                <a:gd name="T67" fmla="*/ 688 h 1837"/>
                <a:gd name="T68" fmla="*/ 251 w 2582"/>
                <a:gd name="T69" fmla="*/ 629 h 1837"/>
                <a:gd name="T70" fmla="*/ 349 w 2582"/>
                <a:gd name="T71" fmla="*/ 538 h 1837"/>
                <a:gd name="T72" fmla="*/ 525 w 2582"/>
                <a:gd name="T73" fmla="*/ 487 h 1837"/>
                <a:gd name="T74" fmla="*/ 652 w 2582"/>
                <a:gd name="T75" fmla="*/ 442 h 1837"/>
                <a:gd name="T76" fmla="*/ 791 w 2582"/>
                <a:gd name="T77" fmla="*/ 344 h 1837"/>
                <a:gd name="T78" fmla="*/ 946 w 2582"/>
                <a:gd name="T79" fmla="*/ 339 h 1837"/>
                <a:gd name="T80" fmla="*/ 1112 w 2582"/>
                <a:gd name="T81" fmla="*/ 370 h 1837"/>
                <a:gd name="T82" fmla="*/ 1210 w 2582"/>
                <a:gd name="T83" fmla="*/ 189 h 1837"/>
                <a:gd name="T84" fmla="*/ 1229 w 2582"/>
                <a:gd name="T85" fmla="*/ 4 h 1837"/>
                <a:gd name="T86" fmla="*/ 1364 w 2582"/>
                <a:gd name="T87" fmla="*/ 19 h 1837"/>
                <a:gd name="T88" fmla="*/ 1478 w 2582"/>
                <a:gd name="T89" fmla="*/ 35 h 1837"/>
                <a:gd name="T90" fmla="*/ 1606 w 2582"/>
                <a:gd name="T91" fmla="*/ 78 h 1837"/>
                <a:gd name="T92" fmla="*/ 1700 w 2582"/>
                <a:gd name="T93" fmla="*/ 113 h 1837"/>
                <a:gd name="T94" fmla="*/ 1698 w 2582"/>
                <a:gd name="T95" fmla="*/ 239 h 1837"/>
                <a:gd name="T96" fmla="*/ 1809 w 2582"/>
                <a:gd name="T97" fmla="*/ 289 h 1837"/>
                <a:gd name="T98" fmla="*/ 1918 w 2582"/>
                <a:gd name="T99" fmla="*/ 339 h 1837"/>
                <a:gd name="T100" fmla="*/ 2016 w 2582"/>
                <a:gd name="T101" fmla="*/ 422 h 1837"/>
                <a:gd name="T102" fmla="*/ 2138 w 2582"/>
                <a:gd name="T103" fmla="*/ 387 h 1837"/>
                <a:gd name="T104" fmla="*/ 2201 w 2582"/>
                <a:gd name="T105" fmla="*/ 287 h 1837"/>
                <a:gd name="T106" fmla="*/ 2299 w 2582"/>
                <a:gd name="T107" fmla="*/ 209 h 1837"/>
                <a:gd name="T108" fmla="*/ 2395 w 2582"/>
                <a:gd name="T109" fmla="*/ 102 h 1837"/>
                <a:gd name="T110" fmla="*/ 2504 w 2582"/>
                <a:gd name="T111" fmla="*/ 187 h 1837"/>
                <a:gd name="T112" fmla="*/ 2536 w 2582"/>
                <a:gd name="T113" fmla="*/ 302 h 1837"/>
                <a:gd name="T114" fmla="*/ 2504 w 2582"/>
                <a:gd name="T115" fmla="*/ 496 h 1837"/>
                <a:gd name="T116" fmla="*/ 2469 w 2582"/>
                <a:gd name="T117" fmla="*/ 672 h 1837"/>
                <a:gd name="T118" fmla="*/ 2491 w 2582"/>
                <a:gd name="T119" fmla="*/ 829 h 1837"/>
                <a:gd name="T120" fmla="*/ 2565 w 2582"/>
                <a:gd name="T121" fmla="*/ 990 h 1837"/>
                <a:gd name="T122" fmla="*/ 2418 w 2582"/>
                <a:gd name="T123" fmla="*/ 1006 h 1837"/>
                <a:gd name="T124" fmla="*/ 2301 w 2582"/>
                <a:gd name="T125" fmla="*/ 986 h 1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582" h="1837">
                  <a:moveTo>
                    <a:pt x="2234" y="871"/>
                  </a:moveTo>
                  <a:lnTo>
                    <a:pt x="2229" y="862"/>
                  </a:lnTo>
                  <a:lnTo>
                    <a:pt x="2227" y="853"/>
                  </a:lnTo>
                  <a:lnTo>
                    <a:pt x="2227" y="851"/>
                  </a:lnTo>
                  <a:lnTo>
                    <a:pt x="2227" y="849"/>
                  </a:lnTo>
                  <a:lnTo>
                    <a:pt x="2227" y="847"/>
                  </a:lnTo>
                  <a:lnTo>
                    <a:pt x="2227" y="845"/>
                  </a:lnTo>
                  <a:lnTo>
                    <a:pt x="2225" y="845"/>
                  </a:lnTo>
                  <a:lnTo>
                    <a:pt x="2223" y="845"/>
                  </a:lnTo>
                  <a:lnTo>
                    <a:pt x="2223" y="847"/>
                  </a:lnTo>
                  <a:lnTo>
                    <a:pt x="2222" y="847"/>
                  </a:lnTo>
                  <a:lnTo>
                    <a:pt x="2222" y="849"/>
                  </a:lnTo>
                  <a:lnTo>
                    <a:pt x="2220" y="849"/>
                  </a:lnTo>
                  <a:lnTo>
                    <a:pt x="2218" y="849"/>
                  </a:lnTo>
                  <a:lnTo>
                    <a:pt x="2218" y="851"/>
                  </a:lnTo>
                  <a:lnTo>
                    <a:pt x="2216" y="851"/>
                  </a:lnTo>
                  <a:lnTo>
                    <a:pt x="2214" y="851"/>
                  </a:lnTo>
                  <a:lnTo>
                    <a:pt x="2214" y="853"/>
                  </a:lnTo>
                  <a:lnTo>
                    <a:pt x="2212" y="853"/>
                  </a:lnTo>
                  <a:lnTo>
                    <a:pt x="2210" y="855"/>
                  </a:lnTo>
                  <a:lnTo>
                    <a:pt x="2210" y="857"/>
                  </a:lnTo>
                  <a:lnTo>
                    <a:pt x="2209" y="857"/>
                  </a:lnTo>
                  <a:lnTo>
                    <a:pt x="2207" y="857"/>
                  </a:lnTo>
                  <a:lnTo>
                    <a:pt x="2207" y="858"/>
                  </a:lnTo>
                  <a:lnTo>
                    <a:pt x="2205" y="858"/>
                  </a:lnTo>
                  <a:lnTo>
                    <a:pt x="2205" y="860"/>
                  </a:lnTo>
                  <a:lnTo>
                    <a:pt x="2203" y="860"/>
                  </a:lnTo>
                  <a:lnTo>
                    <a:pt x="2203" y="862"/>
                  </a:lnTo>
                  <a:lnTo>
                    <a:pt x="2203" y="864"/>
                  </a:lnTo>
                  <a:lnTo>
                    <a:pt x="2203" y="866"/>
                  </a:lnTo>
                  <a:lnTo>
                    <a:pt x="2201" y="866"/>
                  </a:lnTo>
                  <a:lnTo>
                    <a:pt x="2201" y="868"/>
                  </a:lnTo>
                  <a:lnTo>
                    <a:pt x="2199" y="868"/>
                  </a:lnTo>
                  <a:lnTo>
                    <a:pt x="2199" y="870"/>
                  </a:lnTo>
                  <a:lnTo>
                    <a:pt x="2199" y="871"/>
                  </a:lnTo>
                  <a:lnTo>
                    <a:pt x="2199" y="873"/>
                  </a:lnTo>
                  <a:lnTo>
                    <a:pt x="2199" y="875"/>
                  </a:lnTo>
                  <a:lnTo>
                    <a:pt x="2198" y="877"/>
                  </a:lnTo>
                  <a:lnTo>
                    <a:pt x="2194" y="884"/>
                  </a:lnTo>
                  <a:lnTo>
                    <a:pt x="2181" y="877"/>
                  </a:lnTo>
                  <a:lnTo>
                    <a:pt x="2162" y="871"/>
                  </a:lnTo>
                  <a:lnTo>
                    <a:pt x="2162" y="870"/>
                  </a:lnTo>
                  <a:lnTo>
                    <a:pt x="2162" y="868"/>
                  </a:lnTo>
                  <a:lnTo>
                    <a:pt x="2162" y="866"/>
                  </a:lnTo>
                  <a:lnTo>
                    <a:pt x="2155" y="868"/>
                  </a:lnTo>
                  <a:lnTo>
                    <a:pt x="2148" y="871"/>
                  </a:lnTo>
                  <a:lnTo>
                    <a:pt x="2135" y="879"/>
                  </a:lnTo>
                  <a:lnTo>
                    <a:pt x="2120" y="888"/>
                  </a:lnTo>
                  <a:lnTo>
                    <a:pt x="2118" y="888"/>
                  </a:lnTo>
                  <a:lnTo>
                    <a:pt x="2116" y="888"/>
                  </a:lnTo>
                  <a:lnTo>
                    <a:pt x="2114" y="888"/>
                  </a:lnTo>
                  <a:lnTo>
                    <a:pt x="2114" y="890"/>
                  </a:lnTo>
                  <a:lnTo>
                    <a:pt x="2112" y="890"/>
                  </a:lnTo>
                  <a:lnTo>
                    <a:pt x="2112" y="892"/>
                  </a:lnTo>
                  <a:lnTo>
                    <a:pt x="2111" y="890"/>
                  </a:lnTo>
                  <a:lnTo>
                    <a:pt x="2109" y="890"/>
                  </a:lnTo>
                  <a:lnTo>
                    <a:pt x="2107" y="890"/>
                  </a:lnTo>
                  <a:lnTo>
                    <a:pt x="2107" y="892"/>
                  </a:lnTo>
                  <a:lnTo>
                    <a:pt x="2105" y="892"/>
                  </a:lnTo>
                  <a:lnTo>
                    <a:pt x="2103" y="892"/>
                  </a:lnTo>
                  <a:lnTo>
                    <a:pt x="2103" y="894"/>
                  </a:lnTo>
                  <a:lnTo>
                    <a:pt x="2101" y="894"/>
                  </a:lnTo>
                  <a:lnTo>
                    <a:pt x="2101" y="895"/>
                  </a:lnTo>
                  <a:lnTo>
                    <a:pt x="2100" y="895"/>
                  </a:lnTo>
                  <a:lnTo>
                    <a:pt x="2098" y="897"/>
                  </a:lnTo>
                  <a:lnTo>
                    <a:pt x="2096" y="897"/>
                  </a:lnTo>
                  <a:lnTo>
                    <a:pt x="2096" y="899"/>
                  </a:lnTo>
                  <a:lnTo>
                    <a:pt x="2094" y="899"/>
                  </a:lnTo>
                  <a:lnTo>
                    <a:pt x="2092" y="899"/>
                  </a:lnTo>
                  <a:lnTo>
                    <a:pt x="2090" y="899"/>
                  </a:lnTo>
                  <a:lnTo>
                    <a:pt x="2088" y="899"/>
                  </a:lnTo>
                  <a:lnTo>
                    <a:pt x="2087" y="899"/>
                  </a:lnTo>
                  <a:lnTo>
                    <a:pt x="2085" y="901"/>
                  </a:lnTo>
                  <a:lnTo>
                    <a:pt x="2085" y="903"/>
                  </a:lnTo>
                  <a:lnTo>
                    <a:pt x="2085" y="905"/>
                  </a:lnTo>
                  <a:lnTo>
                    <a:pt x="2085" y="907"/>
                  </a:lnTo>
                  <a:lnTo>
                    <a:pt x="2083" y="907"/>
                  </a:lnTo>
                  <a:lnTo>
                    <a:pt x="2081" y="907"/>
                  </a:lnTo>
                  <a:lnTo>
                    <a:pt x="2079" y="907"/>
                  </a:lnTo>
                  <a:lnTo>
                    <a:pt x="2079" y="908"/>
                  </a:lnTo>
                  <a:lnTo>
                    <a:pt x="2077" y="910"/>
                  </a:lnTo>
                  <a:lnTo>
                    <a:pt x="2076" y="910"/>
                  </a:lnTo>
                  <a:lnTo>
                    <a:pt x="2074" y="910"/>
                  </a:lnTo>
                  <a:lnTo>
                    <a:pt x="2074" y="912"/>
                  </a:lnTo>
                  <a:lnTo>
                    <a:pt x="2072" y="912"/>
                  </a:lnTo>
                  <a:lnTo>
                    <a:pt x="2070" y="912"/>
                  </a:lnTo>
                  <a:lnTo>
                    <a:pt x="2070" y="910"/>
                  </a:lnTo>
                  <a:lnTo>
                    <a:pt x="2068" y="910"/>
                  </a:lnTo>
                  <a:lnTo>
                    <a:pt x="2066" y="910"/>
                  </a:lnTo>
                  <a:lnTo>
                    <a:pt x="2064" y="910"/>
                  </a:lnTo>
                  <a:lnTo>
                    <a:pt x="2063" y="910"/>
                  </a:lnTo>
                  <a:lnTo>
                    <a:pt x="2061" y="910"/>
                  </a:lnTo>
                  <a:lnTo>
                    <a:pt x="2059" y="910"/>
                  </a:lnTo>
                  <a:lnTo>
                    <a:pt x="2057" y="910"/>
                  </a:lnTo>
                  <a:lnTo>
                    <a:pt x="2055" y="908"/>
                  </a:lnTo>
                  <a:lnTo>
                    <a:pt x="2053" y="908"/>
                  </a:lnTo>
                  <a:lnTo>
                    <a:pt x="2051" y="908"/>
                  </a:lnTo>
                  <a:lnTo>
                    <a:pt x="2050" y="907"/>
                  </a:lnTo>
                  <a:lnTo>
                    <a:pt x="2048" y="907"/>
                  </a:lnTo>
                  <a:lnTo>
                    <a:pt x="2046" y="907"/>
                  </a:lnTo>
                  <a:lnTo>
                    <a:pt x="2046" y="905"/>
                  </a:lnTo>
                  <a:lnTo>
                    <a:pt x="2044" y="905"/>
                  </a:lnTo>
                  <a:lnTo>
                    <a:pt x="2044" y="903"/>
                  </a:lnTo>
                  <a:lnTo>
                    <a:pt x="2042" y="903"/>
                  </a:lnTo>
                  <a:lnTo>
                    <a:pt x="2042" y="901"/>
                  </a:lnTo>
                  <a:lnTo>
                    <a:pt x="2040" y="901"/>
                  </a:lnTo>
                  <a:lnTo>
                    <a:pt x="2039" y="901"/>
                  </a:lnTo>
                  <a:lnTo>
                    <a:pt x="2037" y="901"/>
                  </a:lnTo>
                  <a:lnTo>
                    <a:pt x="2035" y="903"/>
                  </a:lnTo>
                  <a:lnTo>
                    <a:pt x="2035" y="905"/>
                  </a:lnTo>
                  <a:lnTo>
                    <a:pt x="2035" y="907"/>
                  </a:lnTo>
                  <a:lnTo>
                    <a:pt x="2033" y="910"/>
                  </a:lnTo>
                  <a:lnTo>
                    <a:pt x="2031" y="910"/>
                  </a:lnTo>
                  <a:lnTo>
                    <a:pt x="2031" y="912"/>
                  </a:lnTo>
                  <a:lnTo>
                    <a:pt x="2031" y="914"/>
                  </a:lnTo>
                  <a:lnTo>
                    <a:pt x="2033" y="918"/>
                  </a:lnTo>
                  <a:lnTo>
                    <a:pt x="2033" y="919"/>
                  </a:lnTo>
                  <a:lnTo>
                    <a:pt x="2035" y="921"/>
                  </a:lnTo>
                  <a:lnTo>
                    <a:pt x="2035" y="923"/>
                  </a:lnTo>
                  <a:lnTo>
                    <a:pt x="2033" y="925"/>
                  </a:lnTo>
                  <a:lnTo>
                    <a:pt x="2031" y="927"/>
                  </a:lnTo>
                  <a:lnTo>
                    <a:pt x="2031" y="929"/>
                  </a:lnTo>
                  <a:lnTo>
                    <a:pt x="2029" y="929"/>
                  </a:lnTo>
                  <a:lnTo>
                    <a:pt x="2031" y="929"/>
                  </a:lnTo>
                  <a:lnTo>
                    <a:pt x="2031" y="931"/>
                  </a:lnTo>
                  <a:lnTo>
                    <a:pt x="2029" y="932"/>
                  </a:lnTo>
                  <a:lnTo>
                    <a:pt x="2029" y="934"/>
                  </a:lnTo>
                  <a:lnTo>
                    <a:pt x="2029" y="936"/>
                  </a:lnTo>
                  <a:lnTo>
                    <a:pt x="2029" y="938"/>
                  </a:lnTo>
                  <a:lnTo>
                    <a:pt x="2029" y="940"/>
                  </a:lnTo>
                  <a:lnTo>
                    <a:pt x="2031" y="940"/>
                  </a:lnTo>
                  <a:lnTo>
                    <a:pt x="2031" y="942"/>
                  </a:lnTo>
                  <a:lnTo>
                    <a:pt x="2033" y="942"/>
                  </a:lnTo>
                  <a:lnTo>
                    <a:pt x="2033" y="944"/>
                  </a:lnTo>
                  <a:lnTo>
                    <a:pt x="2035" y="944"/>
                  </a:lnTo>
                  <a:lnTo>
                    <a:pt x="2035" y="945"/>
                  </a:lnTo>
                  <a:lnTo>
                    <a:pt x="2035" y="949"/>
                  </a:lnTo>
                  <a:lnTo>
                    <a:pt x="2035" y="951"/>
                  </a:lnTo>
                  <a:lnTo>
                    <a:pt x="2035" y="953"/>
                  </a:lnTo>
                  <a:lnTo>
                    <a:pt x="2037" y="955"/>
                  </a:lnTo>
                  <a:lnTo>
                    <a:pt x="2037" y="956"/>
                  </a:lnTo>
                  <a:lnTo>
                    <a:pt x="2035" y="956"/>
                  </a:lnTo>
                  <a:lnTo>
                    <a:pt x="2035" y="958"/>
                  </a:lnTo>
                  <a:lnTo>
                    <a:pt x="2033" y="960"/>
                  </a:lnTo>
                  <a:lnTo>
                    <a:pt x="2031" y="962"/>
                  </a:lnTo>
                  <a:lnTo>
                    <a:pt x="2031" y="964"/>
                  </a:lnTo>
                  <a:lnTo>
                    <a:pt x="2029" y="966"/>
                  </a:lnTo>
                  <a:lnTo>
                    <a:pt x="2029" y="968"/>
                  </a:lnTo>
                  <a:lnTo>
                    <a:pt x="2029" y="969"/>
                  </a:lnTo>
                  <a:lnTo>
                    <a:pt x="2027" y="971"/>
                  </a:lnTo>
                  <a:lnTo>
                    <a:pt x="2026" y="971"/>
                  </a:lnTo>
                  <a:lnTo>
                    <a:pt x="2024" y="971"/>
                  </a:lnTo>
                  <a:lnTo>
                    <a:pt x="2022" y="971"/>
                  </a:lnTo>
                  <a:lnTo>
                    <a:pt x="2018" y="973"/>
                  </a:lnTo>
                  <a:lnTo>
                    <a:pt x="2016" y="973"/>
                  </a:lnTo>
                  <a:lnTo>
                    <a:pt x="2013" y="975"/>
                  </a:lnTo>
                  <a:lnTo>
                    <a:pt x="2011" y="975"/>
                  </a:lnTo>
                  <a:lnTo>
                    <a:pt x="2009" y="975"/>
                  </a:lnTo>
                  <a:lnTo>
                    <a:pt x="2007" y="975"/>
                  </a:lnTo>
                  <a:lnTo>
                    <a:pt x="2005" y="975"/>
                  </a:lnTo>
                  <a:lnTo>
                    <a:pt x="2005" y="979"/>
                  </a:lnTo>
                  <a:lnTo>
                    <a:pt x="2005" y="981"/>
                  </a:lnTo>
                  <a:lnTo>
                    <a:pt x="2007" y="984"/>
                  </a:lnTo>
                  <a:lnTo>
                    <a:pt x="2009" y="984"/>
                  </a:lnTo>
                  <a:lnTo>
                    <a:pt x="2011" y="986"/>
                  </a:lnTo>
                  <a:lnTo>
                    <a:pt x="2013" y="988"/>
                  </a:lnTo>
                  <a:lnTo>
                    <a:pt x="2013" y="990"/>
                  </a:lnTo>
                  <a:lnTo>
                    <a:pt x="2015" y="990"/>
                  </a:lnTo>
                  <a:lnTo>
                    <a:pt x="2015" y="992"/>
                  </a:lnTo>
                  <a:lnTo>
                    <a:pt x="2015" y="993"/>
                  </a:lnTo>
                  <a:lnTo>
                    <a:pt x="2013" y="993"/>
                  </a:lnTo>
                  <a:lnTo>
                    <a:pt x="2013" y="995"/>
                  </a:lnTo>
                  <a:lnTo>
                    <a:pt x="2013" y="997"/>
                  </a:lnTo>
                  <a:lnTo>
                    <a:pt x="2011" y="999"/>
                  </a:lnTo>
                  <a:lnTo>
                    <a:pt x="2009" y="999"/>
                  </a:lnTo>
                  <a:lnTo>
                    <a:pt x="2007" y="1001"/>
                  </a:lnTo>
                  <a:lnTo>
                    <a:pt x="2005" y="1005"/>
                  </a:lnTo>
                  <a:lnTo>
                    <a:pt x="2000" y="1006"/>
                  </a:lnTo>
                  <a:lnTo>
                    <a:pt x="1998" y="1006"/>
                  </a:lnTo>
                  <a:lnTo>
                    <a:pt x="1996" y="1008"/>
                  </a:lnTo>
                  <a:lnTo>
                    <a:pt x="1996" y="1010"/>
                  </a:lnTo>
                  <a:lnTo>
                    <a:pt x="1996" y="1012"/>
                  </a:lnTo>
                  <a:lnTo>
                    <a:pt x="1996" y="1014"/>
                  </a:lnTo>
                  <a:lnTo>
                    <a:pt x="1994" y="1016"/>
                  </a:lnTo>
                  <a:lnTo>
                    <a:pt x="1992" y="1019"/>
                  </a:lnTo>
                  <a:lnTo>
                    <a:pt x="1994" y="1023"/>
                  </a:lnTo>
                  <a:lnTo>
                    <a:pt x="1992" y="1025"/>
                  </a:lnTo>
                  <a:lnTo>
                    <a:pt x="1992" y="1027"/>
                  </a:lnTo>
                  <a:lnTo>
                    <a:pt x="1990" y="1027"/>
                  </a:lnTo>
                  <a:lnTo>
                    <a:pt x="1989" y="1029"/>
                  </a:lnTo>
                  <a:lnTo>
                    <a:pt x="1985" y="1030"/>
                  </a:lnTo>
                  <a:lnTo>
                    <a:pt x="1985" y="1032"/>
                  </a:lnTo>
                  <a:lnTo>
                    <a:pt x="1983" y="1036"/>
                  </a:lnTo>
                  <a:lnTo>
                    <a:pt x="1978" y="1038"/>
                  </a:lnTo>
                  <a:lnTo>
                    <a:pt x="1974" y="1040"/>
                  </a:lnTo>
                  <a:lnTo>
                    <a:pt x="1972" y="1040"/>
                  </a:lnTo>
                  <a:lnTo>
                    <a:pt x="1970" y="1038"/>
                  </a:lnTo>
                  <a:lnTo>
                    <a:pt x="1968" y="1038"/>
                  </a:lnTo>
                  <a:lnTo>
                    <a:pt x="1966" y="1040"/>
                  </a:lnTo>
                  <a:lnTo>
                    <a:pt x="1965" y="1040"/>
                  </a:lnTo>
                  <a:lnTo>
                    <a:pt x="1963" y="1040"/>
                  </a:lnTo>
                  <a:lnTo>
                    <a:pt x="1963" y="1042"/>
                  </a:lnTo>
                  <a:lnTo>
                    <a:pt x="1963" y="1043"/>
                  </a:lnTo>
                  <a:lnTo>
                    <a:pt x="1961" y="1045"/>
                  </a:lnTo>
                  <a:lnTo>
                    <a:pt x="1959" y="1047"/>
                  </a:lnTo>
                  <a:lnTo>
                    <a:pt x="1959" y="1049"/>
                  </a:lnTo>
                  <a:lnTo>
                    <a:pt x="1959" y="1053"/>
                  </a:lnTo>
                  <a:lnTo>
                    <a:pt x="1959" y="1055"/>
                  </a:lnTo>
                  <a:lnTo>
                    <a:pt x="1961" y="1056"/>
                  </a:lnTo>
                  <a:lnTo>
                    <a:pt x="1963" y="1058"/>
                  </a:lnTo>
                  <a:lnTo>
                    <a:pt x="1965" y="1060"/>
                  </a:lnTo>
                  <a:lnTo>
                    <a:pt x="1966" y="1060"/>
                  </a:lnTo>
                  <a:lnTo>
                    <a:pt x="1970" y="1062"/>
                  </a:lnTo>
                  <a:lnTo>
                    <a:pt x="1972" y="1064"/>
                  </a:lnTo>
                  <a:lnTo>
                    <a:pt x="1972" y="1066"/>
                  </a:lnTo>
                  <a:lnTo>
                    <a:pt x="1972" y="1067"/>
                  </a:lnTo>
                  <a:lnTo>
                    <a:pt x="1970" y="1067"/>
                  </a:lnTo>
                  <a:lnTo>
                    <a:pt x="1968" y="1069"/>
                  </a:lnTo>
                  <a:lnTo>
                    <a:pt x="1968" y="1071"/>
                  </a:lnTo>
                  <a:lnTo>
                    <a:pt x="1970" y="1073"/>
                  </a:lnTo>
                  <a:lnTo>
                    <a:pt x="1970" y="1075"/>
                  </a:lnTo>
                  <a:lnTo>
                    <a:pt x="1972" y="1077"/>
                  </a:lnTo>
                  <a:lnTo>
                    <a:pt x="1972" y="1079"/>
                  </a:lnTo>
                  <a:lnTo>
                    <a:pt x="1972" y="1080"/>
                  </a:lnTo>
                  <a:lnTo>
                    <a:pt x="1974" y="1084"/>
                  </a:lnTo>
                  <a:lnTo>
                    <a:pt x="1974" y="1086"/>
                  </a:lnTo>
                  <a:lnTo>
                    <a:pt x="1974" y="1092"/>
                  </a:lnTo>
                  <a:lnTo>
                    <a:pt x="1974" y="1093"/>
                  </a:lnTo>
                  <a:lnTo>
                    <a:pt x="1974" y="1095"/>
                  </a:lnTo>
                  <a:lnTo>
                    <a:pt x="1972" y="1097"/>
                  </a:lnTo>
                  <a:lnTo>
                    <a:pt x="1970" y="1103"/>
                  </a:lnTo>
                  <a:lnTo>
                    <a:pt x="1968" y="1104"/>
                  </a:lnTo>
                  <a:lnTo>
                    <a:pt x="1966" y="1106"/>
                  </a:lnTo>
                  <a:lnTo>
                    <a:pt x="1965" y="1108"/>
                  </a:lnTo>
                  <a:lnTo>
                    <a:pt x="1963" y="1108"/>
                  </a:lnTo>
                  <a:lnTo>
                    <a:pt x="1961" y="1108"/>
                  </a:lnTo>
                  <a:lnTo>
                    <a:pt x="1961" y="1110"/>
                  </a:lnTo>
                  <a:lnTo>
                    <a:pt x="1959" y="1110"/>
                  </a:lnTo>
                  <a:lnTo>
                    <a:pt x="1959" y="1112"/>
                  </a:lnTo>
                  <a:lnTo>
                    <a:pt x="1959" y="1114"/>
                  </a:lnTo>
                  <a:lnTo>
                    <a:pt x="1959" y="1116"/>
                  </a:lnTo>
                  <a:lnTo>
                    <a:pt x="1959" y="1117"/>
                  </a:lnTo>
                  <a:lnTo>
                    <a:pt x="1961" y="1117"/>
                  </a:lnTo>
                  <a:lnTo>
                    <a:pt x="1961" y="1119"/>
                  </a:lnTo>
                  <a:lnTo>
                    <a:pt x="1961" y="1123"/>
                  </a:lnTo>
                  <a:lnTo>
                    <a:pt x="1963" y="1125"/>
                  </a:lnTo>
                  <a:lnTo>
                    <a:pt x="1963" y="1127"/>
                  </a:lnTo>
                  <a:lnTo>
                    <a:pt x="1966" y="1128"/>
                  </a:lnTo>
                  <a:lnTo>
                    <a:pt x="1968" y="1130"/>
                  </a:lnTo>
                  <a:lnTo>
                    <a:pt x="1966" y="1134"/>
                  </a:lnTo>
                  <a:lnTo>
                    <a:pt x="1965" y="1138"/>
                  </a:lnTo>
                  <a:lnTo>
                    <a:pt x="1965" y="1140"/>
                  </a:lnTo>
                  <a:lnTo>
                    <a:pt x="1965" y="1141"/>
                  </a:lnTo>
                  <a:lnTo>
                    <a:pt x="1963" y="1143"/>
                  </a:lnTo>
                  <a:lnTo>
                    <a:pt x="1963" y="1145"/>
                  </a:lnTo>
                  <a:lnTo>
                    <a:pt x="1963" y="1147"/>
                  </a:lnTo>
                  <a:lnTo>
                    <a:pt x="1965" y="1149"/>
                  </a:lnTo>
                  <a:lnTo>
                    <a:pt x="1965" y="1151"/>
                  </a:lnTo>
                  <a:lnTo>
                    <a:pt x="1966" y="1153"/>
                  </a:lnTo>
                  <a:lnTo>
                    <a:pt x="1966" y="1154"/>
                  </a:lnTo>
                  <a:lnTo>
                    <a:pt x="1968" y="1154"/>
                  </a:lnTo>
                  <a:lnTo>
                    <a:pt x="1968" y="1156"/>
                  </a:lnTo>
                  <a:lnTo>
                    <a:pt x="1968" y="1158"/>
                  </a:lnTo>
                  <a:lnTo>
                    <a:pt x="1966" y="1158"/>
                  </a:lnTo>
                  <a:lnTo>
                    <a:pt x="1966" y="1160"/>
                  </a:lnTo>
                  <a:lnTo>
                    <a:pt x="1963" y="1164"/>
                  </a:lnTo>
                  <a:lnTo>
                    <a:pt x="1963" y="1165"/>
                  </a:lnTo>
                  <a:lnTo>
                    <a:pt x="1961" y="1165"/>
                  </a:lnTo>
                  <a:lnTo>
                    <a:pt x="1961" y="1167"/>
                  </a:lnTo>
                  <a:lnTo>
                    <a:pt x="1961" y="1169"/>
                  </a:lnTo>
                  <a:lnTo>
                    <a:pt x="1961" y="1171"/>
                  </a:lnTo>
                  <a:lnTo>
                    <a:pt x="1961" y="1173"/>
                  </a:lnTo>
                  <a:lnTo>
                    <a:pt x="1963" y="1175"/>
                  </a:lnTo>
                  <a:lnTo>
                    <a:pt x="1965" y="1177"/>
                  </a:lnTo>
                  <a:lnTo>
                    <a:pt x="1965" y="1178"/>
                  </a:lnTo>
                  <a:lnTo>
                    <a:pt x="1966" y="1178"/>
                  </a:lnTo>
                  <a:lnTo>
                    <a:pt x="1968" y="1180"/>
                  </a:lnTo>
                  <a:lnTo>
                    <a:pt x="1968" y="1182"/>
                  </a:lnTo>
                  <a:lnTo>
                    <a:pt x="1970" y="1182"/>
                  </a:lnTo>
                  <a:lnTo>
                    <a:pt x="1972" y="1184"/>
                  </a:lnTo>
                  <a:lnTo>
                    <a:pt x="1972" y="1186"/>
                  </a:lnTo>
                  <a:lnTo>
                    <a:pt x="1974" y="1186"/>
                  </a:lnTo>
                  <a:lnTo>
                    <a:pt x="1974" y="1188"/>
                  </a:lnTo>
                  <a:lnTo>
                    <a:pt x="1974" y="1190"/>
                  </a:lnTo>
                  <a:lnTo>
                    <a:pt x="1974" y="1191"/>
                  </a:lnTo>
                  <a:lnTo>
                    <a:pt x="1974" y="1193"/>
                  </a:lnTo>
                  <a:lnTo>
                    <a:pt x="1974" y="1195"/>
                  </a:lnTo>
                  <a:lnTo>
                    <a:pt x="1976" y="1197"/>
                  </a:lnTo>
                  <a:lnTo>
                    <a:pt x="1976" y="1199"/>
                  </a:lnTo>
                  <a:lnTo>
                    <a:pt x="1978" y="1201"/>
                  </a:lnTo>
                  <a:lnTo>
                    <a:pt x="1978" y="1202"/>
                  </a:lnTo>
                  <a:lnTo>
                    <a:pt x="1976" y="1208"/>
                  </a:lnTo>
                  <a:lnTo>
                    <a:pt x="1976" y="1210"/>
                  </a:lnTo>
                  <a:lnTo>
                    <a:pt x="1974" y="1212"/>
                  </a:lnTo>
                  <a:lnTo>
                    <a:pt x="1970" y="1214"/>
                  </a:lnTo>
                  <a:lnTo>
                    <a:pt x="1968" y="1215"/>
                  </a:lnTo>
                  <a:lnTo>
                    <a:pt x="1968" y="1217"/>
                  </a:lnTo>
                  <a:lnTo>
                    <a:pt x="1968" y="1219"/>
                  </a:lnTo>
                  <a:lnTo>
                    <a:pt x="1968" y="1221"/>
                  </a:lnTo>
                  <a:lnTo>
                    <a:pt x="1966" y="1221"/>
                  </a:lnTo>
                  <a:lnTo>
                    <a:pt x="1965" y="1221"/>
                  </a:lnTo>
                  <a:lnTo>
                    <a:pt x="1965" y="1223"/>
                  </a:lnTo>
                  <a:lnTo>
                    <a:pt x="1965" y="1225"/>
                  </a:lnTo>
                  <a:lnTo>
                    <a:pt x="1963" y="1225"/>
                  </a:lnTo>
                  <a:lnTo>
                    <a:pt x="1961" y="1227"/>
                  </a:lnTo>
                  <a:lnTo>
                    <a:pt x="1961" y="1228"/>
                  </a:lnTo>
                  <a:lnTo>
                    <a:pt x="1961" y="1230"/>
                  </a:lnTo>
                  <a:lnTo>
                    <a:pt x="1963" y="1232"/>
                  </a:lnTo>
                  <a:lnTo>
                    <a:pt x="1963" y="1234"/>
                  </a:lnTo>
                  <a:lnTo>
                    <a:pt x="1963" y="1236"/>
                  </a:lnTo>
                  <a:lnTo>
                    <a:pt x="1961" y="1236"/>
                  </a:lnTo>
                  <a:lnTo>
                    <a:pt x="1961" y="1238"/>
                  </a:lnTo>
                  <a:lnTo>
                    <a:pt x="1959" y="1238"/>
                  </a:lnTo>
                  <a:lnTo>
                    <a:pt x="1959" y="1239"/>
                  </a:lnTo>
                  <a:lnTo>
                    <a:pt x="1959" y="1241"/>
                  </a:lnTo>
                  <a:lnTo>
                    <a:pt x="1961" y="1243"/>
                  </a:lnTo>
                  <a:lnTo>
                    <a:pt x="1961" y="1245"/>
                  </a:lnTo>
                  <a:lnTo>
                    <a:pt x="1963" y="1245"/>
                  </a:lnTo>
                  <a:lnTo>
                    <a:pt x="1963" y="1247"/>
                  </a:lnTo>
                  <a:lnTo>
                    <a:pt x="1965" y="1249"/>
                  </a:lnTo>
                  <a:lnTo>
                    <a:pt x="1966" y="1249"/>
                  </a:lnTo>
                  <a:lnTo>
                    <a:pt x="1970" y="1249"/>
                  </a:lnTo>
                  <a:lnTo>
                    <a:pt x="1976" y="1249"/>
                  </a:lnTo>
                  <a:lnTo>
                    <a:pt x="1976" y="1251"/>
                  </a:lnTo>
                  <a:lnTo>
                    <a:pt x="1976" y="1252"/>
                  </a:lnTo>
                  <a:lnTo>
                    <a:pt x="1978" y="1252"/>
                  </a:lnTo>
                  <a:lnTo>
                    <a:pt x="1979" y="1252"/>
                  </a:lnTo>
                  <a:lnTo>
                    <a:pt x="1981" y="1252"/>
                  </a:lnTo>
                  <a:lnTo>
                    <a:pt x="1981" y="1251"/>
                  </a:lnTo>
                  <a:lnTo>
                    <a:pt x="1983" y="1251"/>
                  </a:lnTo>
                  <a:lnTo>
                    <a:pt x="1983" y="1252"/>
                  </a:lnTo>
                  <a:lnTo>
                    <a:pt x="1985" y="1252"/>
                  </a:lnTo>
                  <a:lnTo>
                    <a:pt x="1985" y="1254"/>
                  </a:lnTo>
                  <a:lnTo>
                    <a:pt x="1985" y="1260"/>
                  </a:lnTo>
                  <a:lnTo>
                    <a:pt x="1985" y="1262"/>
                  </a:lnTo>
                  <a:lnTo>
                    <a:pt x="1985" y="1264"/>
                  </a:lnTo>
                  <a:lnTo>
                    <a:pt x="1987" y="1265"/>
                  </a:lnTo>
                  <a:lnTo>
                    <a:pt x="1987" y="1267"/>
                  </a:lnTo>
                  <a:lnTo>
                    <a:pt x="1985" y="1267"/>
                  </a:lnTo>
                  <a:lnTo>
                    <a:pt x="1987" y="1269"/>
                  </a:lnTo>
                  <a:lnTo>
                    <a:pt x="1987" y="1271"/>
                  </a:lnTo>
                  <a:lnTo>
                    <a:pt x="1987" y="1273"/>
                  </a:lnTo>
                  <a:lnTo>
                    <a:pt x="1989" y="1273"/>
                  </a:lnTo>
                  <a:lnTo>
                    <a:pt x="1989" y="1275"/>
                  </a:lnTo>
                  <a:lnTo>
                    <a:pt x="1990" y="1275"/>
                  </a:lnTo>
                  <a:lnTo>
                    <a:pt x="1990" y="1276"/>
                  </a:lnTo>
                  <a:lnTo>
                    <a:pt x="1992" y="1276"/>
                  </a:lnTo>
                  <a:lnTo>
                    <a:pt x="1992" y="1278"/>
                  </a:lnTo>
                  <a:lnTo>
                    <a:pt x="1994" y="1278"/>
                  </a:lnTo>
                  <a:lnTo>
                    <a:pt x="1996" y="1278"/>
                  </a:lnTo>
                  <a:lnTo>
                    <a:pt x="1994" y="1278"/>
                  </a:lnTo>
                  <a:lnTo>
                    <a:pt x="1996" y="1280"/>
                  </a:lnTo>
                  <a:lnTo>
                    <a:pt x="2003" y="1276"/>
                  </a:lnTo>
                  <a:lnTo>
                    <a:pt x="2009" y="1275"/>
                  </a:lnTo>
                  <a:lnTo>
                    <a:pt x="2011" y="1275"/>
                  </a:lnTo>
                  <a:lnTo>
                    <a:pt x="2013" y="1275"/>
                  </a:lnTo>
                  <a:lnTo>
                    <a:pt x="2015" y="1276"/>
                  </a:lnTo>
                  <a:lnTo>
                    <a:pt x="2016" y="1278"/>
                  </a:lnTo>
                  <a:lnTo>
                    <a:pt x="2018" y="1280"/>
                  </a:lnTo>
                  <a:lnTo>
                    <a:pt x="2016" y="1280"/>
                  </a:lnTo>
                  <a:lnTo>
                    <a:pt x="2016" y="1282"/>
                  </a:lnTo>
                  <a:lnTo>
                    <a:pt x="2016" y="1284"/>
                  </a:lnTo>
                  <a:lnTo>
                    <a:pt x="2016" y="1286"/>
                  </a:lnTo>
                  <a:lnTo>
                    <a:pt x="2016" y="1288"/>
                  </a:lnTo>
                  <a:lnTo>
                    <a:pt x="2018" y="1289"/>
                  </a:lnTo>
                  <a:lnTo>
                    <a:pt x="2020" y="1289"/>
                  </a:lnTo>
                  <a:lnTo>
                    <a:pt x="2020" y="1288"/>
                  </a:lnTo>
                  <a:lnTo>
                    <a:pt x="2022" y="1288"/>
                  </a:lnTo>
                  <a:lnTo>
                    <a:pt x="2024" y="1288"/>
                  </a:lnTo>
                  <a:lnTo>
                    <a:pt x="2026" y="1288"/>
                  </a:lnTo>
                  <a:lnTo>
                    <a:pt x="2027" y="1288"/>
                  </a:lnTo>
                  <a:lnTo>
                    <a:pt x="2029" y="1288"/>
                  </a:lnTo>
                  <a:lnTo>
                    <a:pt x="2031" y="1286"/>
                  </a:lnTo>
                  <a:lnTo>
                    <a:pt x="2033" y="1286"/>
                  </a:lnTo>
                  <a:lnTo>
                    <a:pt x="2035" y="1286"/>
                  </a:lnTo>
                  <a:lnTo>
                    <a:pt x="2037" y="1286"/>
                  </a:lnTo>
                  <a:lnTo>
                    <a:pt x="2039" y="1286"/>
                  </a:lnTo>
                  <a:lnTo>
                    <a:pt x="2039" y="1288"/>
                  </a:lnTo>
                  <a:lnTo>
                    <a:pt x="2040" y="1288"/>
                  </a:lnTo>
                  <a:lnTo>
                    <a:pt x="2042" y="1288"/>
                  </a:lnTo>
                  <a:lnTo>
                    <a:pt x="2044" y="1288"/>
                  </a:lnTo>
                  <a:lnTo>
                    <a:pt x="2046" y="1288"/>
                  </a:lnTo>
                  <a:lnTo>
                    <a:pt x="2048" y="1288"/>
                  </a:lnTo>
                  <a:lnTo>
                    <a:pt x="2048" y="1286"/>
                  </a:lnTo>
                  <a:lnTo>
                    <a:pt x="2048" y="1284"/>
                  </a:lnTo>
                  <a:lnTo>
                    <a:pt x="2048" y="1282"/>
                  </a:lnTo>
                  <a:lnTo>
                    <a:pt x="2048" y="1280"/>
                  </a:lnTo>
                  <a:lnTo>
                    <a:pt x="2050" y="1280"/>
                  </a:lnTo>
                  <a:lnTo>
                    <a:pt x="2051" y="1280"/>
                  </a:lnTo>
                  <a:lnTo>
                    <a:pt x="2053" y="1280"/>
                  </a:lnTo>
                  <a:lnTo>
                    <a:pt x="2053" y="1278"/>
                  </a:lnTo>
                  <a:lnTo>
                    <a:pt x="2055" y="1278"/>
                  </a:lnTo>
                  <a:lnTo>
                    <a:pt x="2055" y="1276"/>
                  </a:lnTo>
                  <a:lnTo>
                    <a:pt x="2057" y="1275"/>
                  </a:lnTo>
                  <a:lnTo>
                    <a:pt x="2057" y="1273"/>
                  </a:lnTo>
                  <a:lnTo>
                    <a:pt x="2059" y="1275"/>
                  </a:lnTo>
                  <a:lnTo>
                    <a:pt x="2061" y="1275"/>
                  </a:lnTo>
                  <a:lnTo>
                    <a:pt x="2063" y="1275"/>
                  </a:lnTo>
                  <a:lnTo>
                    <a:pt x="2063" y="1276"/>
                  </a:lnTo>
                  <a:lnTo>
                    <a:pt x="2064" y="1276"/>
                  </a:lnTo>
                  <a:lnTo>
                    <a:pt x="2066" y="1276"/>
                  </a:lnTo>
                  <a:lnTo>
                    <a:pt x="2068" y="1276"/>
                  </a:lnTo>
                  <a:lnTo>
                    <a:pt x="2070" y="1276"/>
                  </a:lnTo>
                  <a:lnTo>
                    <a:pt x="2070" y="1275"/>
                  </a:lnTo>
                  <a:lnTo>
                    <a:pt x="2072" y="1273"/>
                  </a:lnTo>
                  <a:lnTo>
                    <a:pt x="2072" y="1271"/>
                  </a:lnTo>
                  <a:lnTo>
                    <a:pt x="2074" y="1271"/>
                  </a:lnTo>
                  <a:lnTo>
                    <a:pt x="2076" y="1269"/>
                  </a:lnTo>
                  <a:lnTo>
                    <a:pt x="2077" y="1269"/>
                  </a:lnTo>
                  <a:lnTo>
                    <a:pt x="2079" y="1269"/>
                  </a:lnTo>
                  <a:lnTo>
                    <a:pt x="2079" y="1267"/>
                  </a:lnTo>
                  <a:lnTo>
                    <a:pt x="2081" y="1267"/>
                  </a:lnTo>
                  <a:lnTo>
                    <a:pt x="2083" y="1267"/>
                  </a:lnTo>
                  <a:lnTo>
                    <a:pt x="2085" y="1267"/>
                  </a:lnTo>
                  <a:lnTo>
                    <a:pt x="2085" y="1265"/>
                  </a:lnTo>
                  <a:lnTo>
                    <a:pt x="2087" y="1265"/>
                  </a:lnTo>
                  <a:lnTo>
                    <a:pt x="2088" y="1265"/>
                  </a:lnTo>
                  <a:lnTo>
                    <a:pt x="2088" y="1267"/>
                  </a:lnTo>
                  <a:lnTo>
                    <a:pt x="2090" y="1267"/>
                  </a:lnTo>
                  <a:lnTo>
                    <a:pt x="2090" y="1269"/>
                  </a:lnTo>
                  <a:lnTo>
                    <a:pt x="2090" y="1271"/>
                  </a:lnTo>
                  <a:lnTo>
                    <a:pt x="2092" y="1271"/>
                  </a:lnTo>
                  <a:lnTo>
                    <a:pt x="2094" y="1271"/>
                  </a:lnTo>
                  <a:lnTo>
                    <a:pt x="2096" y="1271"/>
                  </a:lnTo>
                  <a:lnTo>
                    <a:pt x="2098" y="1271"/>
                  </a:lnTo>
                  <a:lnTo>
                    <a:pt x="2100" y="1271"/>
                  </a:lnTo>
                  <a:lnTo>
                    <a:pt x="2101" y="1271"/>
                  </a:lnTo>
                  <a:lnTo>
                    <a:pt x="2103" y="1271"/>
                  </a:lnTo>
                  <a:lnTo>
                    <a:pt x="2105" y="1271"/>
                  </a:lnTo>
                  <a:lnTo>
                    <a:pt x="2105" y="1273"/>
                  </a:lnTo>
                  <a:lnTo>
                    <a:pt x="2105" y="1275"/>
                  </a:lnTo>
                  <a:lnTo>
                    <a:pt x="2107" y="1276"/>
                  </a:lnTo>
                  <a:lnTo>
                    <a:pt x="2107" y="1278"/>
                  </a:lnTo>
                  <a:lnTo>
                    <a:pt x="2109" y="1278"/>
                  </a:lnTo>
                  <a:lnTo>
                    <a:pt x="2111" y="1280"/>
                  </a:lnTo>
                  <a:lnTo>
                    <a:pt x="2112" y="1282"/>
                  </a:lnTo>
                  <a:lnTo>
                    <a:pt x="2112" y="1284"/>
                  </a:lnTo>
                  <a:lnTo>
                    <a:pt x="2112" y="1286"/>
                  </a:lnTo>
                  <a:lnTo>
                    <a:pt x="2112" y="1288"/>
                  </a:lnTo>
                  <a:lnTo>
                    <a:pt x="2112" y="1289"/>
                  </a:lnTo>
                  <a:lnTo>
                    <a:pt x="2112" y="1291"/>
                  </a:lnTo>
                  <a:lnTo>
                    <a:pt x="2112" y="1293"/>
                  </a:lnTo>
                  <a:lnTo>
                    <a:pt x="2114" y="1293"/>
                  </a:lnTo>
                  <a:lnTo>
                    <a:pt x="2114" y="1295"/>
                  </a:lnTo>
                  <a:lnTo>
                    <a:pt x="2114" y="1297"/>
                  </a:lnTo>
                  <a:lnTo>
                    <a:pt x="2114" y="1299"/>
                  </a:lnTo>
                  <a:lnTo>
                    <a:pt x="2112" y="1301"/>
                  </a:lnTo>
                  <a:lnTo>
                    <a:pt x="2114" y="1301"/>
                  </a:lnTo>
                  <a:lnTo>
                    <a:pt x="2114" y="1302"/>
                  </a:lnTo>
                  <a:lnTo>
                    <a:pt x="2116" y="1302"/>
                  </a:lnTo>
                  <a:lnTo>
                    <a:pt x="2118" y="1301"/>
                  </a:lnTo>
                  <a:lnTo>
                    <a:pt x="2120" y="1301"/>
                  </a:lnTo>
                  <a:lnTo>
                    <a:pt x="2120" y="1299"/>
                  </a:lnTo>
                  <a:lnTo>
                    <a:pt x="2122" y="1299"/>
                  </a:lnTo>
                  <a:lnTo>
                    <a:pt x="2124" y="1299"/>
                  </a:lnTo>
                  <a:lnTo>
                    <a:pt x="2124" y="1297"/>
                  </a:lnTo>
                  <a:lnTo>
                    <a:pt x="2125" y="1297"/>
                  </a:lnTo>
                  <a:lnTo>
                    <a:pt x="2127" y="1295"/>
                  </a:lnTo>
                  <a:lnTo>
                    <a:pt x="2127" y="1297"/>
                  </a:lnTo>
                  <a:lnTo>
                    <a:pt x="2129" y="1297"/>
                  </a:lnTo>
                  <a:lnTo>
                    <a:pt x="2131" y="1297"/>
                  </a:lnTo>
                  <a:lnTo>
                    <a:pt x="2133" y="1297"/>
                  </a:lnTo>
                  <a:lnTo>
                    <a:pt x="2133" y="1299"/>
                  </a:lnTo>
                  <a:lnTo>
                    <a:pt x="2133" y="1301"/>
                  </a:lnTo>
                  <a:lnTo>
                    <a:pt x="2135" y="1302"/>
                  </a:lnTo>
                  <a:lnTo>
                    <a:pt x="2135" y="1304"/>
                  </a:lnTo>
                  <a:lnTo>
                    <a:pt x="2137" y="1306"/>
                  </a:lnTo>
                  <a:lnTo>
                    <a:pt x="2137" y="1308"/>
                  </a:lnTo>
                  <a:lnTo>
                    <a:pt x="2138" y="1308"/>
                  </a:lnTo>
                  <a:lnTo>
                    <a:pt x="2138" y="1310"/>
                  </a:lnTo>
                  <a:lnTo>
                    <a:pt x="2138" y="1312"/>
                  </a:lnTo>
                  <a:lnTo>
                    <a:pt x="2140" y="1312"/>
                  </a:lnTo>
                  <a:lnTo>
                    <a:pt x="2140" y="1313"/>
                  </a:lnTo>
                  <a:lnTo>
                    <a:pt x="2138" y="1313"/>
                  </a:lnTo>
                  <a:lnTo>
                    <a:pt x="2138" y="1315"/>
                  </a:lnTo>
                  <a:lnTo>
                    <a:pt x="2137" y="1315"/>
                  </a:lnTo>
                  <a:lnTo>
                    <a:pt x="2137" y="1317"/>
                  </a:lnTo>
                  <a:lnTo>
                    <a:pt x="2135" y="1317"/>
                  </a:lnTo>
                  <a:lnTo>
                    <a:pt x="2135" y="1319"/>
                  </a:lnTo>
                  <a:lnTo>
                    <a:pt x="2135" y="1321"/>
                  </a:lnTo>
                  <a:lnTo>
                    <a:pt x="2135" y="1323"/>
                  </a:lnTo>
                  <a:lnTo>
                    <a:pt x="2135" y="1325"/>
                  </a:lnTo>
                  <a:lnTo>
                    <a:pt x="2135" y="1326"/>
                  </a:lnTo>
                  <a:lnTo>
                    <a:pt x="2135" y="1328"/>
                  </a:lnTo>
                  <a:lnTo>
                    <a:pt x="2135" y="1330"/>
                  </a:lnTo>
                  <a:lnTo>
                    <a:pt x="2135" y="1332"/>
                  </a:lnTo>
                  <a:lnTo>
                    <a:pt x="2137" y="1332"/>
                  </a:lnTo>
                  <a:lnTo>
                    <a:pt x="2137" y="1334"/>
                  </a:lnTo>
                  <a:lnTo>
                    <a:pt x="2137" y="1336"/>
                  </a:lnTo>
                  <a:lnTo>
                    <a:pt x="2137" y="1338"/>
                  </a:lnTo>
                  <a:lnTo>
                    <a:pt x="2137" y="1339"/>
                  </a:lnTo>
                  <a:lnTo>
                    <a:pt x="2137" y="1341"/>
                  </a:lnTo>
                  <a:lnTo>
                    <a:pt x="2137" y="1343"/>
                  </a:lnTo>
                  <a:lnTo>
                    <a:pt x="2138" y="1345"/>
                  </a:lnTo>
                  <a:lnTo>
                    <a:pt x="2138" y="1347"/>
                  </a:lnTo>
                  <a:lnTo>
                    <a:pt x="2138" y="1349"/>
                  </a:lnTo>
                  <a:lnTo>
                    <a:pt x="2137" y="1349"/>
                  </a:lnTo>
                  <a:lnTo>
                    <a:pt x="2137" y="1350"/>
                  </a:lnTo>
                  <a:lnTo>
                    <a:pt x="2135" y="1352"/>
                  </a:lnTo>
                  <a:lnTo>
                    <a:pt x="2135" y="1354"/>
                  </a:lnTo>
                  <a:lnTo>
                    <a:pt x="2133" y="1354"/>
                  </a:lnTo>
                  <a:lnTo>
                    <a:pt x="2133" y="1356"/>
                  </a:lnTo>
                  <a:lnTo>
                    <a:pt x="2131" y="1356"/>
                  </a:lnTo>
                  <a:lnTo>
                    <a:pt x="2131" y="1358"/>
                  </a:lnTo>
                  <a:lnTo>
                    <a:pt x="2129" y="1358"/>
                  </a:lnTo>
                  <a:lnTo>
                    <a:pt x="2127" y="1360"/>
                  </a:lnTo>
                  <a:lnTo>
                    <a:pt x="2125" y="1360"/>
                  </a:lnTo>
                  <a:lnTo>
                    <a:pt x="2125" y="1358"/>
                  </a:lnTo>
                  <a:lnTo>
                    <a:pt x="2124" y="1358"/>
                  </a:lnTo>
                  <a:lnTo>
                    <a:pt x="2122" y="1358"/>
                  </a:lnTo>
                  <a:lnTo>
                    <a:pt x="2120" y="1358"/>
                  </a:lnTo>
                  <a:lnTo>
                    <a:pt x="2118" y="1358"/>
                  </a:lnTo>
                  <a:lnTo>
                    <a:pt x="2116" y="1358"/>
                  </a:lnTo>
                  <a:lnTo>
                    <a:pt x="2116" y="1356"/>
                  </a:lnTo>
                  <a:lnTo>
                    <a:pt x="2114" y="1356"/>
                  </a:lnTo>
                  <a:lnTo>
                    <a:pt x="2112" y="1356"/>
                  </a:lnTo>
                  <a:lnTo>
                    <a:pt x="2112" y="1358"/>
                  </a:lnTo>
                  <a:lnTo>
                    <a:pt x="2111" y="1358"/>
                  </a:lnTo>
                  <a:lnTo>
                    <a:pt x="2109" y="1358"/>
                  </a:lnTo>
                  <a:lnTo>
                    <a:pt x="2107" y="1358"/>
                  </a:lnTo>
                  <a:lnTo>
                    <a:pt x="2105" y="1358"/>
                  </a:lnTo>
                  <a:lnTo>
                    <a:pt x="2105" y="1360"/>
                  </a:lnTo>
                  <a:lnTo>
                    <a:pt x="2103" y="1362"/>
                  </a:lnTo>
                  <a:lnTo>
                    <a:pt x="2101" y="1362"/>
                  </a:lnTo>
                  <a:lnTo>
                    <a:pt x="2101" y="1363"/>
                  </a:lnTo>
                  <a:lnTo>
                    <a:pt x="2100" y="1363"/>
                  </a:lnTo>
                  <a:lnTo>
                    <a:pt x="2100" y="1365"/>
                  </a:lnTo>
                  <a:lnTo>
                    <a:pt x="2098" y="1365"/>
                  </a:lnTo>
                  <a:lnTo>
                    <a:pt x="2098" y="1367"/>
                  </a:lnTo>
                  <a:lnTo>
                    <a:pt x="2096" y="1367"/>
                  </a:lnTo>
                  <a:lnTo>
                    <a:pt x="2096" y="1369"/>
                  </a:lnTo>
                  <a:lnTo>
                    <a:pt x="2094" y="1369"/>
                  </a:lnTo>
                  <a:lnTo>
                    <a:pt x="2094" y="1371"/>
                  </a:lnTo>
                  <a:lnTo>
                    <a:pt x="2092" y="1371"/>
                  </a:lnTo>
                  <a:lnTo>
                    <a:pt x="2090" y="1373"/>
                  </a:lnTo>
                  <a:lnTo>
                    <a:pt x="2088" y="1373"/>
                  </a:lnTo>
                  <a:lnTo>
                    <a:pt x="2088" y="1375"/>
                  </a:lnTo>
                  <a:lnTo>
                    <a:pt x="2087" y="1376"/>
                  </a:lnTo>
                  <a:lnTo>
                    <a:pt x="2088" y="1378"/>
                  </a:lnTo>
                  <a:lnTo>
                    <a:pt x="2088" y="1380"/>
                  </a:lnTo>
                  <a:lnTo>
                    <a:pt x="2088" y="1382"/>
                  </a:lnTo>
                  <a:lnTo>
                    <a:pt x="2088" y="1384"/>
                  </a:lnTo>
                  <a:lnTo>
                    <a:pt x="2088" y="1386"/>
                  </a:lnTo>
                  <a:lnTo>
                    <a:pt x="2087" y="1386"/>
                  </a:lnTo>
                  <a:lnTo>
                    <a:pt x="2087" y="1387"/>
                  </a:lnTo>
                  <a:lnTo>
                    <a:pt x="2087" y="1389"/>
                  </a:lnTo>
                  <a:lnTo>
                    <a:pt x="2087" y="1391"/>
                  </a:lnTo>
                  <a:lnTo>
                    <a:pt x="2088" y="1393"/>
                  </a:lnTo>
                  <a:lnTo>
                    <a:pt x="2088" y="1395"/>
                  </a:lnTo>
                  <a:lnTo>
                    <a:pt x="2088" y="1397"/>
                  </a:lnTo>
                  <a:lnTo>
                    <a:pt x="2088" y="1399"/>
                  </a:lnTo>
                  <a:lnTo>
                    <a:pt x="2088" y="1400"/>
                  </a:lnTo>
                  <a:lnTo>
                    <a:pt x="2090" y="1400"/>
                  </a:lnTo>
                  <a:lnTo>
                    <a:pt x="2090" y="1402"/>
                  </a:lnTo>
                  <a:lnTo>
                    <a:pt x="2090" y="1404"/>
                  </a:lnTo>
                  <a:lnTo>
                    <a:pt x="2090" y="1406"/>
                  </a:lnTo>
                  <a:lnTo>
                    <a:pt x="2090" y="1408"/>
                  </a:lnTo>
                  <a:lnTo>
                    <a:pt x="2090" y="1410"/>
                  </a:lnTo>
                  <a:lnTo>
                    <a:pt x="2088" y="1410"/>
                  </a:lnTo>
                  <a:lnTo>
                    <a:pt x="2087" y="1412"/>
                  </a:lnTo>
                  <a:lnTo>
                    <a:pt x="2085" y="1412"/>
                  </a:lnTo>
                  <a:lnTo>
                    <a:pt x="2083" y="1413"/>
                  </a:lnTo>
                  <a:lnTo>
                    <a:pt x="2081" y="1415"/>
                  </a:lnTo>
                  <a:lnTo>
                    <a:pt x="2079" y="1415"/>
                  </a:lnTo>
                  <a:lnTo>
                    <a:pt x="2077" y="1417"/>
                  </a:lnTo>
                  <a:lnTo>
                    <a:pt x="2076" y="1419"/>
                  </a:lnTo>
                  <a:lnTo>
                    <a:pt x="2076" y="1421"/>
                  </a:lnTo>
                  <a:lnTo>
                    <a:pt x="2074" y="1421"/>
                  </a:lnTo>
                  <a:lnTo>
                    <a:pt x="2074" y="1423"/>
                  </a:lnTo>
                  <a:lnTo>
                    <a:pt x="2072" y="1423"/>
                  </a:lnTo>
                  <a:lnTo>
                    <a:pt x="2072" y="1424"/>
                  </a:lnTo>
                  <a:lnTo>
                    <a:pt x="2070" y="1424"/>
                  </a:lnTo>
                  <a:lnTo>
                    <a:pt x="2070" y="1426"/>
                  </a:lnTo>
                  <a:lnTo>
                    <a:pt x="2068" y="1426"/>
                  </a:lnTo>
                  <a:lnTo>
                    <a:pt x="2066" y="1426"/>
                  </a:lnTo>
                  <a:lnTo>
                    <a:pt x="2064" y="1426"/>
                  </a:lnTo>
                  <a:lnTo>
                    <a:pt x="2063" y="1426"/>
                  </a:lnTo>
                  <a:lnTo>
                    <a:pt x="2063" y="1428"/>
                  </a:lnTo>
                  <a:lnTo>
                    <a:pt x="2063" y="1430"/>
                  </a:lnTo>
                  <a:lnTo>
                    <a:pt x="2061" y="1430"/>
                  </a:lnTo>
                  <a:lnTo>
                    <a:pt x="2063" y="1430"/>
                  </a:lnTo>
                  <a:lnTo>
                    <a:pt x="2061" y="1432"/>
                  </a:lnTo>
                  <a:lnTo>
                    <a:pt x="2063" y="1432"/>
                  </a:lnTo>
                  <a:lnTo>
                    <a:pt x="2063" y="1434"/>
                  </a:lnTo>
                  <a:lnTo>
                    <a:pt x="2063" y="1436"/>
                  </a:lnTo>
                  <a:lnTo>
                    <a:pt x="2063" y="1437"/>
                  </a:lnTo>
                  <a:lnTo>
                    <a:pt x="2063" y="1439"/>
                  </a:lnTo>
                  <a:lnTo>
                    <a:pt x="2064" y="1439"/>
                  </a:lnTo>
                  <a:lnTo>
                    <a:pt x="2064" y="1441"/>
                  </a:lnTo>
                  <a:lnTo>
                    <a:pt x="2063" y="1441"/>
                  </a:lnTo>
                  <a:lnTo>
                    <a:pt x="2063" y="1443"/>
                  </a:lnTo>
                  <a:lnTo>
                    <a:pt x="2063" y="1445"/>
                  </a:lnTo>
                  <a:lnTo>
                    <a:pt x="2061" y="1445"/>
                  </a:lnTo>
                  <a:lnTo>
                    <a:pt x="2061" y="1447"/>
                  </a:lnTo>
                  <a:lnTo>
                    <a:pt x="2061" y="1448"/>
                  </a:lnTo>
                  <a:lnTo>
                    <a:pt x="2059" y="1448"/>
                  </a:lnTo>
                  <a:lnTo>
                    <a:pt x="2061" y="1450"/>
                  </a:lnTo>
                  <a:lnTo>
                    <a:pt x="2061" y="1452"/>
                  </a:lnTo>
                  <a:lnTo>
                    <a:pt x="2061" y="1454"/>
                  </a:lnTo>
                  <a:lnTo>
                    <a:pt x="2059" y="1454"/>
                  </a:lnTo>
                  <a:lnTo>
                    <a:pt x="2059" y="1456"/>
                  </a:lnTo>
                  <a:lnTo>
                    <a:pt x="2059" y="1458"/>
                  </a:lnTo>
                  <a:lnTo>
                    <a:pt x="2059" y="1460"/>
                  </a:lnTo>
                  <a:lnTo>
                    <a:pt x="2059" y="1461"/>
                  </a:lnTo>
                  <a:lnTo>
                    <a:pt x="2059" y="1463"/>
                  </a:lnTo>
                  <a:lnTo>
                    <a:pt x="2059" y="1465"/>
                  </a:lnTo>
                  <a:lnTo>
                    <a:pt x="2057" y="1465"/>
                  </a:lnTo>
                  <a:lnTo>
                    <a:pt x="2059" y="1467"/>
                  </a:lnTo>
                  <a:lnTo>
                    <a:pt x="2059" y="1469"/>
                  </a:lnTo>
                  <a:lnTo>
                    <a:pt x="2059" y="1471"/>
                  </a:lnTo>
                  <a:lnTo>
                    <a:pt x="2061" y="1471"/>
                  </a:lnTo>
                  <a:lnTo>
                    <a:pt x="2061" y="1473"/>
                  </a:lnTo>
                  <a:lnTo>
                    <a:pt x="2063" y="1473"/>
                  </a:lnTo>
                  <a:lnTo>
                    <a:pt x="2063" y="1474"/>
                  </a:lnTo>
                  <a:lnTo>
                    <a:pt x="2064" y="1474"/>
                  </a:lnTo>
                  <a:lnTo>
                    <a:pt x="2064" y="1476"/>
                  </a:lnTo>
                  <a:lnTo>
                    <a:pt x="2066" y="1476"/>
                  </a:lnTo>
                  <a:lnTo>
                    <a:pt x="2066" y="1478"/>
                  </a:lnTo>
                  <a:lnTo>
                    <a:pt x="2066" y="1480"/>
                  </a:lnTo>
                  <a:lnTo>
                    <a:pt x="2068" y="1480"/>
                  </a:lnTo>
                  <a:lnTo>
                    <a:pt x="2068" y="1482"/>
                  </a:lnTo>
                  <a:lnTo>
                    <a:pt x="2068" y="1484"/>
                  </a:lnTo>
                  <a:lnTo>
                    <a:pt x="2068" y="1485"/>
                  </a:lnTo>
                  <a:lnTo>
                    <a:pt x="2070" y="1485"/>
                  </a:lnTo>
                  <a:lnTo>
                    <a:pt x="2070" y="1487"/>
                  </a:lnTo>
                  <a:lnTo>
                    <a:pt x="2070" y="1489"/>
                  </a:lnTo>
                  <a:lnTo>
                    <a:pt x="2072" y="1489"/>
                  </a:lnTo>
                  <a:lnTo>
                    <a:pt x="2072" y="1491"/>
                  </a:lnTo>
                  <a:lnTo>
                    <a:pt x="2072" y="1493"/>
                  </a:lnTo>
                  <a:lnTo>
                    <a:pt x="2072" y="1495"/>
                  </a:lnTo>
                  <a:lnTo>
                    <a:pt x="2072" y="1497"/>
                  </a:lnTo>
                  <a:lnTo>
                    <a:pt x="2074" y="1497"/>
                  </a:lnTo>
                  <a:lnTo>
                    <a:pt x="2074" y="1498"/>
                  </a:lnTo>
                  <a:lnTo>
                    <a:pt x="2076" y="1500"/>
                  </a:lnTo>
                  <a:lnTo>
                    <a:pt x="2076" y="1502"/>
                  </a:lnTo>
                  <a:lnTo>
                    <a:pt x="2076" y="1504"/>
                  </a:lnTo>
                  <a:lnTo>
                    <a:pt x="2077" y="1504"/>
                  </a:lnTo>
                  <a:lnTo>
                    <a:pt x="2076" y="1506"/>
                  </a:lnTo>
                  <a:lnTo>
                    <a:pt x="2077" y="1506"/>
                  </a:lnTo>
                  <a:lnTo>
                    <a:pt x="2079" y="1506"/>
                  </a:lnTo>
                  <a:lnTo>
                    <a:pt x="2079" y="1508"/>
                  </a:lnTo>
                  <a:lnTo>
                    <a:pt x="2081" y="1508"/>
                  </a:lnTo>
                  <a:lnTo>
                    <a:pt x="2083" y="1508"/>
                  </a:lnTo>
                  <a:lnTo>
                    <a:pt x="2085" y="1510"/>
                  </a:lnTo>
                  <a:lnTo>
                    <a:pt x="2087" y="1510"/>
                  </a:lnTo>
                  <a:lnTo>
                    <a:pt x="2088" y="1510"/>
                  </a:lnTo>
                  <a:lnTo>
                    <a:pt x="2088" y="1511"/>
                  </a:lnTo>
                  <a:lnTo>
                    <a:pt x="2090" y="1511"/>
                  </a:lnTo>
                  <a:lnTo>
                    <a:pt x="2092" y="1513"/>
                  </a:lnTo>
                  <a:lnTo>
                    <a:pt x="2092" y="1515"/>
                  </a:lnTo>
                  <a:lnTo>
                    <a:pt x="2094" y="1515"/>
                  </a:lnTo>
                  <a:lnTo>
                    <a:pt x="2094" y="1517"/>
                  </a:lnTo>
                  <a:lnTo>
                    <a:pt x="2096" y="1517"/>
                  </a:lnTo>
                  <a:lnTo>
                    <a:pt x="2098" y="1517"/>
                  </a:lnTo>
                  <a:lnTo>
                    <a:pt x="2098" y="1519"/>
                  </a:lnTo>
                  <a:lnTo>
                    <a:pt x="2100" y="1519"/>
                  </a:lnTo>
                  <a:lnTo>
                    <a:pt x="2101" y="1521"/>
                  </a:lnTo>
                  <a:lnTo>
                    <a:pt x="2103" y="1521"/>
                  </a:lnTo>
                  <a:lnTo>
                    <a:pt x="2105" y="1521"/>
                  </a:lnTo>
                  <a:lnTo>
                    <a:pt x="2105" y="1522"/>
                  </a:lnTo>
                  <a:lnTo>
                    <a:pt x="2107" y="1522"/>
                  </a:lnTo>
                  <a:lnTo>
                    <a:pt x="2109" y="1522"/>
                  </a:lnTo>
                  <a:lnTo>
                    <a:pt x="2109" y="1524"/>
                  </a:lnTo>
                  <a:lnTo>
                    <a:pt x="2109" y="1526"/>
                  </a:lnTo>
                  <a:lnTo>
                    <a:pt x="2109" y="1528"/>
                  </a:lnTo>
                  <a:lnTo>
                    <a:pt x="2109" y="1530"/>
                  </a:lnTo>
                  <a:lnTo>
                    <a:pt x="2107" y="1530"/>
                  </a:lnTo>
                  <a:lnTo>
                    <a:pt x="2107" y="1532"/>
                  </a:lnTo>
                  <a:lnTo>
                    <a:pt x="2109" y="1532"/>
                  </a:lnTo>
                  <a:lnTo>
                    <a:pt x="2109" y="1534"/>
                  </a:lnTo>
                  <a:lnTo>
                    <a:pt x="2111" y="1534"/>
                  </a:lnTo>
                  <a:lnTo>
                    <a:pt x="2111" y="1535"/>
                  </a:lnTo>
                  <a:lnTo>
                    <a:pt x="2112" y="1535"/>
                  </a:lnTo>
                  <a:lnTo>
                    <a:pt x="2112" y="1537"/>
                  </a:lnTo>
                  <a:lnTo>
                    <a:pt x="2114" y="1537"/>
                  </a:lnTo>
                  <a:lnTo>
                    <a:pt x="2116" y="1539"/>
                  </a:lnTo>
                  <a:lnTo>
                    <a:pt x="2118" y="1539"/>
                  </a:lnTo>
                  <a:lnTo>
                    <a:pt x="2118" y="1541"/>
                  </a:lnTo>
                  <a:lnTo>
                    <a:pt x="2120" y="1543"/>
                  </a:lnTo>
                  <a:lnTo>
                    <a:pt x="2122" y="1543"/>
                  </a:lnTo>
                  <a:lnTo>
                    <a:pt x="2124" y="1543"/>
                  </a:lnTo>
                  <a:lnTo>
                    <a:pt x="2124" y="1545"/>
                  </a:lnTo>
                  <a:lnTo>
                    <a:pt x="2125" y="1545"/>
                  </a:lnTo>
                  <a:lnTo>
                    <a:pt x="2127" y="1545"/>
                  </a:lnTo>
                  <a:lnTo>
                    <a:pt x="2129" y="1545"/>
                  </a:lnTo>
                  <a:lnTo>
                    <a:pt x="2129" y="1547"/>
                  </a:lnTo>
                  <a:lnTo>
                    <a:pt x="2131" y="1547"/>
                  </a:lnTo>
                  <a:lnTo>
                    <a:pt x="2131" y="1548"/>
                  </a:lnTo>
                  <a:lnTo>
                    <a:pt x="2133" y="1548"/>
                  </a:lnTo>
                  <a:lnTo>
                    <a:pt x="2133" y="1550"/>
                  </a:lnTo>
                  <a:lnTo>
                    <a:pt x="2135" y="1552"/>
                  </a:lnTo>
                  <a:lnTo>
                    <a:pt x="2135" y="1554"/>
                  </a:lnTo>
                  <a:lnTo>
                    <a:pt x="2135" y="1556"/>
                  </a:lnTo>
                  <a:lnTo>
                    <a:pt x="2133" y="1556"/>
                  </a:lnTo>
                  <a:lnTo>
                    <a:pt x="2133" y="1558"/>
                  </a:lnTo>
                  <a:lnTo>
                    <a:pt x="2133" y="1559"/>
                  </a:lnTo>
                  <a:lnTo>
                    <a:pt x="2131" y="1559"/>
                  </a:lnTo>
                  <a:lnTo>
                    <a:pt x="2131" y="1561"/>
                  </a:lnTo>
                  <a:lnTo>
                    <a:pt x="2133" y="1561"/>
                  </a:lnTo>
                  <a:lnTo>
                    <a:pt x="2135" y="1563"/>
                  </a:lnTo>
                  <a:lnTo>
                    <a:pt x="2137" y="1563"/>
                  </a:lnTo>
                  <a:lnTo>
                    <a:pt x="2138" y="1565"/>
                  </a:lnTo>
                  <a:lnTo>
                    <a:pt x="2140" y="1565"/>
                  </a:lnTo>
                  <a:lnTo>
                    <a:pt x="2142" y="1567"/>
                  </a:lnTo>
                  <a:lnTo>
                    <a:pt x="2144" y="1567"/>
                  </a:lnTo>
                  <a:lnTo>
                    <a:pt x="2144" y="1569"/>
                  </a:lnTo>
                  <a:lnTo>
                    <a:pt x="2142" y="1569"/>
                  </a:lnTo>
                  <a:lnTo>
                    <a:pt x="2142" y="1571"/>
                  </a:lnTo>
                  <a:lnTo>
                    <a:pt x="2142" y="1572"/>
                  </a:lnTo>
                  <a:lnTo>
                    <a:pt x="2142" y="1574"/>
                  </a:lnTo>
                  <a:lnTo>
                    <a:pt x="2142" y="1576"/>
                  </a:lnTo>
                  <a:lnTo>
                    <a:pt x="2142" y="1578"/>
                  </a:lnTo>
                  <a:lnTo>
                    <a:pt x="2142" y="1580"/>
                  </a:lnTo>
                  <a:lnTo>
                    <a:pt x="2144" y="1582"/>
                  </a:lnTo>
                  <a:lnTo>
                    <a:pt x="2142" y="1582"/>
                  </a:lnTo>
                  <a:lnTo>
                    <a:pt x="2144" y="1584"/>
                  </a:lnTo>
                  <a:lnTo>
                    <a:pt x="2146" y="1584"/>
                  </a:lnTo>
                  <a:lnTo>
                    <a:pt x="2146" y="1585"/>
                  </a:lnTo>
                  <a:lnTo>
                    <a:pt x="2146" y="1589"/>
                  </a:lnTo>
                  <a:lnTo>
                    <a:pt x="2146" y="1591"/>
                  </a:lnTo>
                  <a:lnTo>
                    <a:pt x="2148" y="1591"/>
                  </a:lnTo>
                  <a:lnTo>
                    <a:pt x="2149" y="1591"/>
                  </a:lnTo>
                  <a:lnTo>
                    <a:pt x="2151" y="1593"/>
                  </a:lnTo>
                  <a:lnTo>
                    <a:pt x="2153" y="1593"/>
                  </a:lnTo>
                  <a:lnTo>
                    <a:pt x="2153" y="1595"/>
                  </a:lnTo>
                  <a:lnTo>
                    <a:pt x="2155" y="1595"/>
                  </a:lnTo>
                  <a:lnTo>
                    <a:pt x="2155" y="1596"/>
                  </a:lnTo>
                  <a:lnTo>
                    <a:pt x="2155" y="1598"/>
                  </a:lnTo>
                  <a:lnTo>
                    <a:pt x="2157" y="1598"/>
                  </a:lnTo>
                  <a:lnTo>
                    <a:pt x="2159" y="1600"/>
                  </a:lnTo>
                  <a:lnTo>
                    <a:pt x="2159" y="1602"/>
                  </a:lnTo>
                  <a:lnTo>
                    <a:pt x="2161" y="1604"/>
                  </a:lnTo>
                  <a:lnTo>
                    <a:pt x="2161" y="1606"/>
                  </a:lnTo>
                  <a:lnTo>
                    <a:pt x="2161" y="1608"/>
                  </a:lnTo>
                  <a:lnTo>
                    <a:pt x="2161" y="1609"/>
                  </a:lnTo>
                  <a:lnTo>
                    <a:pt x="2162" y="1609"/>
                  </a:lnTo>
                  <a:lnTo>
                    <a:pt x="2162" y="1611"/>
                  </a:lnTo>
                  <a:lnTo>
                    <a:pt x="2162" y="1613"/>
                  </a:lnTo>
                  <a:lnTo>
                    <a:pt x="2162" y="1615"/>
                  </a:lnTo>
                  <a:lnTo>
                    <a:pt x="2164" y="1615"/>
                  </a:lnTo>
                  <a:lnTo>
                    <a:pt x="2164" y="1617"/>
                  </a:lnTo>
                  <a:lnTo>
                    <a:pt x="2162" y="1624"/>
                  </a:lnTo>
                  <a:lnTo>
                    <a:pt x="2157" y="1630"/>
                  </a:lnTo>
                  <a:lnTo>
                    <a:pt x="2138" y="1646"/>
                  </a:lnTo>
                  <a:lnTo>
                    <a:pt x="2129" y="1656"/>
                  </a:lnTo>
                  <a:lnTo>
                    <a:pt x="2127" y="1663"/>
                  </a:lnTo>
                  <a:lnTo>
                    <a:pt x="2125" y="1667"/>
                  </a:lnTo>
                  <a:lnTo>
                    <a:pt x="2125" y="1670"/>
                  </a:lnTo>
                  <a:lnTo>
                    <a:pt x="2124" y="1674"/>
                  </a:lnTo>
                  <a:lnTo>
                    <a:pt x="2112" y="1682"/>
                  </a:lnTo>
                  <a:lnTo>
                    <a:pt x="2105" y="1685"/>
                  </a:lnTo>
                  <a:lnTo>
                    <a:pt x="2105" y="1687"/>
                  </a:lnTo>
                  <a:lnTo>
                    <a:pt x="2100" y="1685"/>
                  </a:lnTo>
                  <a:lnTo>
                    <a:pt x="2096" y="1687"/>
                  </a:lnTo>
                  <a:lnTo>
                    <a:pt x="2094" y="1687"/>
                  </a:lnTo>
                  <a:lnTo>
                    <a:pt x="2092" y="1689"/>
                  </a:lnTo>
                  <a:lnTo>
                    <a:pt x="2088" y="1687"/>
                  </a:lnTo>
                  <a:lnTo>
                    <a:pt x="2087" y="1685"/>
                  </a:lnTo>
                  <a:lnTo>
                    <a:pt x="2081" y="1685"/>
                  </a:lnTo>
                  <a:lnTo>
                    <a:pt x="2077" y="1685"/>
                  </a:lnTo>
                  <a:lnTo>
                    <a:pt x="2072" y="1685"/>
                  </a:lnTo>
                  <a:lnTo>
                    <a:pt x="2066" y="1682"/>
                  </a:lnTo>
                  <a:lnTo>
                    <a:pt x="2064" y="1680"/>
                  </a:lnTo>
                  <a:lnTo>
                    <a:pt x="2061" y="1682"/>
                  </a:lnTo>
                  <a:lnTo>
                    <a:pt x="2057" y="1682"/>
                  </a:lnTo>
                  <a:lnTo>
                    <a:pt x="2055" y="1682"/>
                  </a:lnTo>
                  <a:lnTo>
                    <a:pt x="2051" y="1680"/>
                  </a:lnTo>
                  <a:lnTo>
                    <a:pt x="2050" y="1682"/>
                  </a:lnTo>
                  <a:lnTo>
                    <a:pt x="2048" y="1682"/>
                  </a:lnTo>
                  <a:lnTo>
                    <a:pt x="2044" y="1682"/>
                  </a:lnTo>
                  <a:lnTo>
                    <a:pt x="2042" y="1682"/>
                  </a:lnTo>
                  <a:lnTo>
                    <a:pt x="2042" y="1683"/>
                  </a:lnTo>
                  <a:lnTo>
                    <a:pt x="2040" y="1683"/>
                  </a:lnTo>
                  <a:lnTo>
                    <a:pt x="2039" y="1685"/>
                  </a:lnTo>
                  <a:lnTo>
                    <a:pt x="2035" y="1685"/>
                  </a:lnTo>
                  <a:lnTo>
                    <a:pt x="2035" y="1687"/>
                  </a:lnTo>
                  <a:lnTo>
                    <a:pt x="2033" y="1687"/>
                  </a:lnTo>
                  <a:lnTo>
                    <a:pt x="2031" y="1689"/>
                  </a:lnTo>
                  <a:lnTo>
                    <a:pt x="2029" y="1693"/>
                  </a:lnTo>
                  <a:lnTo>
                    <a:pt x="2027" y="1695"/>
                  </a:lnTo>
                  <a:lnTo>
                    <a:pt x="2026" y="1696"/>
                  </a:lnTo>
                  <a:lnTo>
                    <a:pt x="2022" y="1700"/>
                  </a:lnTo>
                  <a:lnTo>
                    <a:pt x="2020" y="1704"/>
                  </a:lnTo>
                  <a:lnTo>
                    <a:pt x="2018" y="1706"/>
                  </a:lnTo>
                  <a:lnTo>
                    <a:pt x="2015" y="1704"/>
                  </a:lnTo>
                  <a:lnTo>
                    <a:pt x="2013" y="1704"/>
                  </a:lnTo>
                  <a:lnTo>
                    <a:pt x="2013" y="1700"/>
                  </a:lnTo>
                  <a:lnTo>
                    <a:pt x="2007" y="1698"/>
                  </a:lnTo>
                  <a:lnTo>
                    <a:pt x="2005" y="1696"/>
                  </a:lnTo>
                  <a:lnTo>
                    <a:pt x="2003" y="1693"/>
                  </a:lnTo>
                  <a:lnTo>
                    <a:pt x="2000" y="1689"/>
                  </a:lnTo>
                  <a:lnTo>
                    <a:pt x="1998" y="1689"/>
                  </a:lnTo>
                  <a:lnTo>
                    <a:pt x="1996" y="1687"/>
                  </a:lnTo>
                  <a:lnTo>
                    <a:pt x="1994" y="1687"/>
                  </a:lnTo>
                  <a:lnTo>
                    <a:pt x="1992" y="1685"/>
                  </a:lnTo>
                  <a:lnTo>
                    <a:pt x="1990" y="1685"/>
                  </a:lnTo>
                  <a:lnTo>
                    <a:pt x="1990" y="1683"/>
                  </a:lnTo>
                  <a:lnTo>
                    <a:pt x="1987" y="1685"/>
                  </a:lnTo>
                  <a:lnTo>
                    <a:pt x="1987" y="1683"/>
                  </a:lnTo>
                  <a:lnTo>
                    <a:pt x="1985" y="1683"/>
                  </a:lnTo>
                  <a:lnTo>
                    <a:pt x="1985" y="1682"/>
                  </a:lnTo>
                  <a:lnTo>
                    <a:pt x="1983" y="1682"/>
                  </a:lnTo>
                  <a:lnTo>
                    <a:pt x="1979" y="1682"/>
                  </a:lnTo>
                  <a:lnTo>
                    <a:pt x="1979" y="1678"/>
                  </a:lnTo>
                  <a:lnTo>
                    <a:pt x="1981" y="1678"/>
                  </a:lnTo>
                  <a:lnTo>
                    <a:pt x="1981" y="1676"/>
                  </a:lnTo>
                  <a:lnTo>
                    <a:pt x="1985" y="1674"/>
                  </a:lnTo>
                  <a:lnTo>
                    <a:pt x="1987" y="1674"/>
                  </a:lnTo>
                  <a:lnTo>
                    <a:pt x="1989" y="1674"/>
                  </a:lnTo>
                  <a:lnTo>
                    <a:pt x="1989" y="1672"/>
                  </a:lnTo>
                  <a:lnTo>
                    <a:pt x="1989" y="1670"/>
                  </a:lnTo>
                  <a:lnTo>
                    <a:pt x="1990" y="1670"/>
                  </a:lnTo>
                  <a:lnTo>
                    <a:pt x="1992" y="1669"/>
                  </a:lnTo>
                  <a:lnTo>
                    <a:pt x="1992" y="1667"/>
                  </a:lnTo>
                  <a:lnTo>
                    <a:pt x="1994" y="1665"/>
                  </a:lnTo>
                  <a:lnTo>
                    <a:pt x="1994" y="1663"/>
                  </a:lnTo>
                  <a:lnTo>
                    <a:pt x="1994" y="1661"/>
                  </a:lnTo>
                  <a:lnTo>
                    <a:pt x="1992" y="1658"/>
                  </a:lnTo>
                  <a:lnTo>
                    <a:pt x="1992" y="1656"/>
                  </a:lnTo>
                  <a:lnTo>
                    <a:pt x="1992" y="1654"/>
                  </a:lnTo>
                  <a:lnTo>
                    <a:pt x="1994" y="1654"/>
                  </a:lnTo>
                  <a:lnTo>
                    <a:pt x="1996" y="1652"/>
                  </a:lnTo>
                  <a:lnTo>
                    <a:pt x="1998" y="1650"/>
                  </a:lnTo>
                  <a:lnTo>
                    <a:pt x="1998" y="1648"/>
                  </a:lnTo>
                  <a:lnTo>
                    <a:pt x="1998" y="1646"/>
                  </a:lnTo>
                  <a:lnTo>
                    <a:pt x="1998" y="1645"/>
                  </a:lnTo>
                  <a:lnTo>
                    <a:pt x="2000" y="1645"/>
                  </a:lnTo>
                  <a:lnTo>
                    <a:pt x="2002" y="1645"/>
                  </a:lnTo>
                  <a:lnTo>
                    <a:pt x="2002" y="1643"/>
                  </a:lnTo>
                  <a:lnTo>
                    <a:pt x="2002" y="1641"/>
                  </a:lnTo>
                  <a:lnTo>
                    <a:pt x="2002" y="1639"/>
                  </a:lnTo>
                  <a:lnTo>
                    <a:pt x="2002" y="1637"/>
                  </a:lnTo>
                  <a:lnTo>
                    <a:pt x="2002" y="1635"/>
                  </a:lnTo>
                  <a:lnTo>
                    <a:pt x="2000" y="1635"/>
                  </a:lnTo>
                  <a:lnTo>
                    <a:pt x="2000" y="1633"/>
                  </a:lnTo>
                  <a:lnTo>
                    <a:pt x="2000" y="1632"/>
                  </a:lnTo>
                  <a:lnTo>
                    <a:pt x="1998" y="1630"/>
                  </a:lnTo>
                  <a:lnTo>
                    <a:pt x="2000" y="1628"/>
                  </a:lnTo>
                  <a:lnTo>
                    <a:pt x="1998" y="1626"/>
                  </a:lnTo>
                  <a:lnTo>
                    <a:pt x="1994" y="1624"/>
                  </a:lnTo>
                  <a:lnTo>
                    <a:pt x="1996" y="1624"/>
                  </a:lnTo>
                  <a:lnTo>
                    <a:pt x="1996" y="1622"/>
                  </a:lnTo>
                  <a:lnTo>
                    <a:pt x="1998" y="1622"/>
                  </a:lnTo>
                  <a:lnTo>
                    <a:pt x="1996" y="1619"/>
                  </a:lnTo>
                  <a:lnTo>
                    <a:pt x="1996" y="1617"/>
                  </a:lnTo>
                  <a:lnTo>
                    <a:pt x="1994" y="1615"/>
                  </a:lnTo>
                  <a:lnTo>
                    <a:pt x="1994" y="1613"/>
                  </a:lnTo>
                  <a:lnTo>
                    <a:pt x="1994" y="1609"/>
                  </a:lnTo>
                  <a:lnTo>
                    <a:pt x="1994" y="1608"/>
                  </a:lnTo>
                  <a:lnTo>
                    <a:pt x="1994" y="1606"/>
                  </a:lnTo>
                  <a:lnTo>
                    <a:pt x="1992" y="1606"/>
                  </a:lnTo>
                  <a:lnTo>
                    <a:pt x="1990" y="1604"/>
                  </a:lnTo>
                  <a:lnTo>
                    <a:pt x="1989" y="1604"/>
                  </a:lnTo>
                  <a:lnTo>
                    <a:pt x="1987" y="1604"/>
                  </a:lnTo>
                  <a:lnTo>
                    <a:pt x="1985" y="1602"/>
                  </a:lnTo>
                  <a:lnTo>
                    <a:pt x="1983" y="1602"/>
                  </a:lnTo>
                  <a:lnTo>
                    <a:pt x="1981" y="1602"/>
                  </a:lnTo>
                  <a:lnTo>
                    <a:pt x="1981" y="1600"/>
                  </a:lnTo>
                  <a:lnTo>
                    <a:pt x="1979" y="1598"/>
                  </a:lnTo>
                  <a:lnTo>
                    <a:pt x="1978" y="1598"/>
                  </a:lnTo>
                  <a:lnTo>
                    <a:pt x="1976" y="1598"/>
                  </a:lnTo>
                  <a:lnTo>
                    <a:pt x="1976" y="1596"/>
                  </a:lnTo>
                  <a:lnTo>
                    <a:pt x="1974" y="1596"/>
                  </a:lnTo>
                  <a:lnTo>
                    <a:pt x="1974" y="1595"/>
                  </a:lnTo>
                  <a:lnTo>
                    <a:pt x="1972" y="1595"/>
                  </a:lnTo>
                  <a:lnTo>
                    <a:pt x="1972" y="1593"/>
                  </a:lnTo>
                  <a:lnTo>
                    <a:pt x="1970" y="1593"/>
                  </a:lnTo>
                  <a:lnTo>
                    <a:pt x="1970" y="1591"/>
                  </a:lnTo>
                  <a:lnTo>
                    <a:pt x="1968" y="1591"/>
                  </a:lnTo>
                  <a:lnTo>
                    <a:pt x="1966" y="1591"/>
                  </a:lnTo>
                  <a:lnTo>
                    <a:pt x="1966" y="1589"/>
                  </a:lnTo>
                  <a:lnTo>
                    <a:pt x="1965" y="1589"/>
                  </a:lnTo>
                  <a:lnTo>
                    <a:pt x="1965" y="1587"/>
                  </a:lnTo>
                  <a:lnTo>
                    <a:pt x="1963" y="1589"/>
                  </a:lnTo>
                  <a:lnTo>
                    <a:pt x="1961" y="1587"/>
                  </a:lnTo>
                  <a:lnTo>
                    <a:pt x="1959" y="1587"/>
                  </a:lnTo>
                  <a:lnTo>
                    <a:pt x="1959" y="1585"/>
                  </a:lnTo>
                  <a:lnTo>
                    <a:pt x="1957" y="1585"/>
                  </a:lnTo>
                  <a:lnTo>
                    <a:pt x="1955" y="1584"/>
                  </a:lnTo>
                  <a:lnTo>
                    <a:pt x="1954" y="1584"/>
                  </a:lnTo>
                  <a:lnTo>
                    <a:pt x="1952" y="1584"/>
                  </a:lnTo>
                  <a:lnTo>
                    <a:pt x="1950" y="1584"/>
                  </a:lnTo>
                  <a:lnTo>
                    <a:pt x="1948" y="1584"/>
                  </a:lnTo>
                  <a:lnTo>
                    <a:pt x="1946" y="1584"/>
                  </a:lnTo>
                  <a:lnTo>
                    <a:pt x="1946" y="1582"/>
                  </a:lnTo>
                  <a:lnTo>
                    <a:pt x="1944" y="1582"/>
                  </a:lnTo>
                  <a:lnTo>
                    <a:pt x="1942" y="1582"/>
                  </a:lnTo>
                  <a:lnTo>
                    <a:pt x="1941" y="1582"/>
                  </a:lnTo>
                  <a:lnTo>
                    <a:pt x="1941" y="1580"/>
                  </a:lnTo>
                  <a:lnTo>
                    <a:pt x="1939" y="1580"/>
                  </a:lnTo>
                  <a:lnTo>
                    <a:pt x="1937" y="1580"/>
                  </a:lnTo>
                  <a:lnTo>
                    <a:pt x="1935" y="1580"/>
                  </a:lnTo>
                  <a:lnTo>
                    <a:pt x="1933" y="1580"/>
                  </a:lnTo>
                  <a:lnTo>
                    <a:pt x="1933" y="1578"/>
                  </a:lnTo>
                  <a:lnTo>
                    <a:pt x="1931" y="1578"/>
                  </a:lnTo>
                  <a:lnTo>
                    <a:pt x="1929" y="1578"/>
                  </a:lnTo>
                  <a:lnTo>
                    <a:pt x="1928" y="1578"/>
                  </a:lnTo>
                  <a:lnTo>
                    <a:pt x="1926" y="1578"/>
                  </a:lnTo>
                  <a:lnTo>
                    <a:pt x="1924" y="1578"/>
                  </a:lnTo>
                  <a:lnTo>
                    <a:pt x="1924" y="1576"/>
                  </a:lnTo>
                  <a:lnTo>
                    <a:pt x="1922" y="1576"/>
                  </a:lnTo>
                  <a:lnTo>
                    <a:pt x="1920" y="1576"/>
                  </a:lnTo>
                  <a:lnTo>
                    <a:pt x="1918" y="1576"/>
                  </a:lnTo>
                  <a:lnTo>
                    <a:pt x="1918" y="1574"/>
                  </a:lnTo>
                  <a:lnTo>
                    <a:pt x="1917" y="1574"/>
                  </a:lnTo>
                  <a:lnTo>
                    <a:pt x="1915" y="1574"/>
                  </a:lnTo>
                  <a:lnTo>
                    <a:pt x="1913" y="1574"/>
                  </a:lnTo>
                  <a:lnTo>
                    <a:pt x="1909" y="1572"/>
                  </a:lnTo>
                  <a:lnTo>
                    <a:pt x="1909" y="1571"/>
                  </a:lnTo>
                  <a:lnTo>
                    <a:pt x="1907" y="1571"/>
                  </a:lnTo>
                  <a:lnTo>
                    <a:pt x="1907" y="1569"/>
                  </a:lnTo>
                  <a:lnTo>
                    <a:pt x="1907" y="1567"/>
                  </a:lnTo>
                  <a:lnTo>
                    <a:pt x="1905" y="1565"/>
                  </a:lnTo>
                  <a:lnTo>
                    <a:pt x="1905" y="1563"/>
                  </a:lnTo>
                  <a:lnTo>
                    <a:pt x="1905" y="1561"/>
                  </a:lnTo>
                  <a:lnTo>
                    <a:pt x="1905" y="1558"/>
                  </a:lnTo>
                  <a:lnTo>
                    <a:pt x="1905" y="1556"/>
                  </a:lnTo>
                  <a:lnTo>
                    <a:pt x="1904" y="1556"/>
                  </a:lnTo>
                  <a:lnTo>
                    <a:pt x="1904" y="1554"/>
                  </a:lnTo>
                  <a:lnTo>
                    <a:pt x="1902" y="1552"/>
                  </a:lnTo>
                  <a:lnTo>
                    <a:pt x="1902" y="1550"/>
                  </a:lnTo>
                  <a:lnTo>
                    <a:pt x="1902" y="1548"/>
                  </a:lnTo>
                  <a:lnTo>
                    <a:pt x="1902" y="1547"/>
                  </a:lnTo>
                  <a:lnTo>
                    <a:pt x="1904" y="1545"/>
                  </a:lnTo>
                  <a:lnTo>
                    <a:pt x="1904" y="1547"/>
                  </a:lnTo>
                  <a:lnTo>
                    <a:pt x="1905" y="1547"/>
                  </a:lnTo>
                  <a:lnTo>
                    <a:pt x="1905" y="1545"/>
                  </a:lnTo>
                  <a:lnTo>
                    <a:pt x="1907" y="1545"/>
                  </a:lnTo>
                  <a:lnTo>
                    <a:pt x="1907" y="1547"/>
                  </a:lnTo>
                  <a:lnTo>
                    <a:pt x="1907" y="1545"/>
                  </a:lnTo>
                  <a:lnTo>
                    <a:pt x="1907" y="1543"/>
                  </a:lnTo>
                  <a:lnTo>
                    <a:pt x="1909" y="1543"/>
                  </a:lnTo>
                  <a:lnTo>
                    <a:pt x="1909" y="1541"/>
                  </a:lnTo>
                  <a:lnTo>
                    <a:pt x="1911" y="1541"/>
                  </a:lnTo>
                  <a:lnTo>
                    <a:pt x="1911" y="1539"/>
                  </a:lnTo>
                  <a:lnTo>
                    <a:pt x="1911" y="1537"/>
                  </a:lnTo>
                  <a:lnTo>
                    <a:pt x="1913" y="1537"/>
                  </a:lnTo>
                  <a:lnTo>
                    <a:pt x="1915" y="1535"/>
                  </a:lnTo>
                  <a:lnTo>
                    <a:pt x="1915" y="1534"/>
                  </a:lnTo>
                  <a:lnTo>
                    <a:pt x="1915" y="1532"/>
                  </a:lnTo>
                  <a:lnTo>
                    <a:pt x="1913" y="1532"/>
                  </a:lnTo>
                  <a:lnTo>
                    <a:pt x="1911" y="1530"/>
                  </a:lnTo>
                  <a:lnTo>
                    <a:pt x="1913" y="1530"/>
                  </a:lnTo>
                  <a:lnTo>
                    <a:pt x="1911" y="1530"/>
                  </a:lnTo>
                  <a:lnTo>
                    <a:pt x="1909" y="1530"/>
                  </a:lnTo>
                  <a:lnTo>
                    <a:pt x="1911" y="1528"/>
                  </a:lnTo>
                  <a:lnTo>
                    <a:pt x="1909" y="1528"/>
                  </a:lnTo>
                  <a:lnTo>
                    <a:pt x="1909" y="1526"/>
                  </a:lnTo>
                  <a:lnTo>
                    <a:pt x="1907" y="1526"/>
                  </a:lnTo>
                  <a:lnTo>
                    <a:pt x="1907" y="1524"/>
                  </a:lnTo>
                  <a:lnTo>
                    <a:pt x="1907" y="1522"/>
                  </a:lnTo>
                  <a:lnTo>
                    <a:pt x="1909" y="1522"/>
                  </a:lnTo>
                  <a:lnTo>
                    <a:pt x="1911" y="1521"/>
                  </a:lnTo>
                  <a:lnTo>
                    <a:pt x="1911" y="1519"/>
                  </a:lnTo>
                  <a:lnTo>
                    <a:pt x="1913" y="1519"/>
                  </a:lnTo>
                  <a:lnTo>
                    <a:pt x="1913" y="1517"/>
                  </a:lnTo>
                  <a:lnTo>
                    <a:pt x="1911" y="1517"/>
                  </a:lnTo>
                  <a:lnTo>
                    <a:pt x="1911" y="1515"/>
                  </a:lnTo>
                  <a:lnTo>
                    <a:pt x="1913" y="1515"/>
                  </a:lnTo>
                  <a:lnTo>
                    <a:pt x="1913" y="1513"/>
                  </a:lnTo>
                  <a:lnTo>
                    <a:pt x="1911" y="1511"/>
                  </a:lnTo>
                  <a:lnTo>
                    <a:pt x="1909" y="1511"/>
                  </a:lnTo>
                  <a:lnTo>
                    <a:pt x="1905" y="1511"/>
                  </a:lnTo>
                  <a:lnTo>
                    <a:pt x="1904" y="1511"/>
                  </a:lnTo>
                  <a:lnTo>
                    <a:pt x="1904" y="1510"/>
                  </a:lnTo>
                  <a:lnTo>
                    <a:pt x="1902" y="1510"/>
                  </a:lnTo>
                  <a:lnTo>
                    <a:pt x="1902" y="1508"/>
                  </a:lnTo>
                  <a:lnTo>
                    <a:pt x="1900" y="1506"/>
                  </a:lnTo>
                  <a:lnTo>
                    <a:pt x="1898" y="1506"/>
                  </a:lnTo>
                  <a:lnTo>
                    <a:pt x="1898" y="1504"/>
                  </a:lnTo>
                  <a:lnTo>
                    <a:pt x="1896" y="1504"/>
                  </a:lnTo>
                  <a:lnTo>
                    <a:pt x="1896" y="1502"/>
                  </a:lnTo>
                  <a:lnTo>
                    <a:pt x="1894" y="1502"/>
                  </a:lnTo>
                  <a:lnTo>
                    <a:pt x="1893" y="1502"/>
                  </a:lnTo>
                  <a:lnTo>
                    <a:pt x="1893" y="1500"/>
                  </a:lnTo>
                  <a:lnTo>
                    <a:pt x="1891" y="1498"/>
                  </a:lnTo>
                  <a:lnTo>
                    <a:pt x="1891" y="1497"/>
                  </a:lnTo>
                  <a:lnTo>
                    <a:pt x="1889" y="1497"/>
                  </a:lnTo>
                  <a:lnTo>
                    <a:pt x="1887" y="1497"/>
                  </a:lnTo>
                  <a:lnTo>
                    <a:pt x="1887" y="1495"/>
                  </a:lnTo>
                  <a:lnTo>
                    <a:pt x="1885" y="1495"/>
                  </a:lnTo>
                  <a:lnTo>
                    <a:pt x="1885" y="1493"/>
                  </a:lnTo>
                  <a:lnTo>
                    <a:pt x="1883" y="1493"/>
                  </a:lnTo>
                  <a:lnTo>
                    <a:pt x="1885" y="1491"/>
                  </a:lnTo>
                  <a:lnTo>
                    <a:pt x="1885" y="1489"/>
                  </a:lnTo>
                  <a:lnTo>
                    <a:pt x="1885" y="1487"/>
                  </a:lnTo>
                  <a:lnTo>
                    <a:pt x="1887" y="1485"/>
                  </a:lnTo>
                  <a:lnTo>
                    <a:pt x="1887" y="1484"/>
                  </a:lnTo>
                  <a:lnTo>
                    <a:pt x="1889" y="1484"/>
                  </a:lnTo>
                  <a:lnTo>
                    <a:pt x="1889" y="1482"/>
                  </a:lnTo>
                  <a:lnTo>
                    <a:pt x="1889" y="1480"/>
                  </a:lnTo>
                  <a:lnTo>
                    <a:pt x="1889" y="1476"/>
                  </a:lnTo>
                  <a:lnTo>
                    <a:pt x="1891" y="1476"/>
                  </a:lnTo>
                  <a:lnTo>
                    <a:pt x="1891" y="1474"/>
                  </a:lnTo>
                  <a:lnTo>
                    <a:pt x="1891" y="1473"/>
                  </a:lnTo>
                  <a:lnTo>
                    <a:pt x="1891" y="1471"/>
                  </a:lnTo>
                  <a:lnTo>
                    <a:pt x="1893" y="1469"/>
                  </a:lnTo>
                  <a:lnTo>
                    <a:pt x="1894" y="1467"/>
                  </a:lnTo>
                  <a:lnTo>
                    <a:pt x="1896" y="1465"/>
                  </a:lnTo>
                  <a:lnTo>
                    <a:pt x="1898" y="1465"/>
                  </a:lnTo>
                  <a:lnTo>
                    <a:pt x="1898" y="1463"/>
                  </a:lnTo>
                  <a:lnTo>
                    <a:pt x="1898" y="1461"/>
                  </a:lnTo>
                  <a:lnTo>
                    <a:pt x="1898" y="1460"/>
                  </a:lnTo>
                  <a:lnTo>
                    <a:pt x="1898" y="1458"/>
                  </a:lnTo>
                  <a:lnTo>
                    <a:pt x="1900" y="1458"/>
                  </a:lnTo>
                  <a:lnTo>
                    <a:pt x="1900" y="1456"/>
                  </a:lnTo>
                  <a:lnTo>
                    <a:pt x="1902" y="1456"/>
                  </a:lnTo>
                  <a:lnTo>
                    <a:pt x="1904" y="1454"/>
                  </a:lnTo>
                  <a:lnTo>
                    <a:pt x="1905" y="1452"/>
                  </a:lnTo>
                  <a:lnTo>
                    <a:pt x="1904" y="1452"/>
                  </a:lnTo>
                  <a:lnTo>
                    <a:pt x="1904" y="1450"/>
                  </a:lnTo>
                  <a:lnTo>
                    <a:pt x="1904" y="1448"/>
                  </a:lnTo>
                  <a:lnTo>
                    <a:pt x="1904" y="1447"/>
                  </a:lnTo>
                  <a:lnTo>
                    <a:pt x="1902" y="1445"/>
                  </a:lnTo>
                  <a:lnTo>
                    <a:pt x="1902" y="1443"/>
                  </a:lnTo>
                  <a:lnTo>
                    <a:pt x="1902" y="1441"/>
                  </a:lnTo>
                  <a:lnTo>
                    <a:pt x="1902" y="1439"/>
                  </a:lnTo>
                  <a:lnTo>
                    <a:pt x="1904" y="1439"/>
                  </a:lnTo>
                  <a:lnTo>
                    <a:pt x="1904" y="1437"/>
                  </a:lnTo>
                  <a:lnTo>
                    <a:pt x="1904" y="1436"/>
                  </a:lnTo>
                  <a:lnTo>
                    <a:pt x="1904" y="1434"/>
                  </a:lnTo>
                  <a:lnTo>
                    <a:pt x="1902" y="1434"/>
                  </a:lnTo>
                  <a:lnTo>
                    <a:pt x="1900" y="1434"/>
                  </a:lnTo>
                  <a:lnTo>
                    <a:pt x="1898" y="1434"/>
                  </a:lnTo>
                  <a:lnTo>
                    <a:pt x="1896" y="1434"/>
                  </a:lnTo>
                  <a:lnTo>
                    <a:pt x="1894" y="1434"/>
                  </a:lnTo>
                  <a:lnTo>
                    <a:pt x="1893" y="1434"/>
                  </a:lnTo>
                  <a:lnTo>
                    <a:pt x="1893" y="1436"/>
                  </a:lnTo>
                  <a:lnTo>
                    <a:pt x="1889" y="1436"/>
                  </a:lnTo>
                  <a:lnTo>
                    <a:pt x="1889" y="1434"/>
                  </a:lnTo>
                  <a:lnTo>
                    <a:pt x="1887" y="1432"/>
                  </a:lnTo>
                  <a:lnTo>
                    <a:pt x="1887" y="1430"/>
                  </a:lnTo>
                  <a:lnTo>
                    <a:pt x="1885" y="1430"/>
                  </a:lnTo>
                  <a:lnTo>
                    <a:pt x="1883" y="1430"/>
                  </a:lnTo>
                  <a:lnTo>
                    <a:pt x="1881" y="1428"/>
                  </a:lnTo>
                  <a:lnTo>
                    <a:pt x="1881" y="1426"/>
                  </a:lnTo>
                  <a:lnTo>
                    <a:pt x="1880" y="1426"/>
                  </a:lnTo>
                  <a:lnTo>
                    <a:pt x="1878" y="1424"/>
                  </a:lnTo>
                  <a:lnTo>
                    <a:pt x="1876" y="1424"/>
                  </a:lnTo>
                  <a:lnTo>
                    <a:pt x="1874" y="1423"/>
                  </a:lnTo>
                  <a:lnTo>
                    <a:pt x="1872" y="1423"/>
                  </a:lnTo>
                  <a:lnTo>
                    <a:pt x="1872" y="1421"/>
                  </a:lnTo>
                  <a:lnTo>
                    <a:pt x="1870" y="1419"/>
                  </a:lnTo>
                  <a:lnTo>
                    <a:pt x="1868" y="1419"/>
                  </a:lnTo>
                  <a:lnTo>
                    <a:pt x="1868" y="1417"/>
                  </a:lnTo>
                  <a:lnTo>
                    <a:pt x="1867" y="1417"/>
                  </a:lnTo>
                  <a:lnTo>
                    <a:pt x="1865" y="1415"/>
                  </a:lnTo>
                  <a:lnTo>
                    <a:pt x="1863" y="1413"/>
                  </a:lnTo>
                  <a:lnTo>
                    <a:pt x="1859" y="1412"/>
                  </a:lnTo>
                  <a:lnTo>
                    <a:pt x="1856" y="1408"/>
                  </a:lnTo>
                  <a:lnTo>
                    <a:pt x="1856" y="1406"/>
                  </a:lnTo>
                  <a:lnTo>
                    <a:pt x="1854" y="1404"/>
                  </a:lnTo>
                  <a:lnTo>
                    <a:pt x="1854" y="1402"/>
                  </a:lnTo>
                  <a:lnTo>
                    <a:pt x="1850" y="1400"/>
                  </a:lnTo>
                  <a:lnTo>
                    <a:pt x="1846" y="1395"/>
                  </a:lnTo>
                  <a:lnTo>
                    <a:pt x="1846" y="1391"/>
                  </a:lnTo>
                  <a:lnTo>
                    <a:pt x="1846" y="1389"/>
                  </a:lnTo>
                  <a:lnTo>
                    <a:pt x="1846" y="1387"/>
                  </a:lnTo>
                  <a:lnTo>
                    <a:pt x="1848" y="1387"/>
                  </a:lnTo>
                  <a:lnTo>
                    <a:pt x="1848" y="1386"/>
                  </a:lnTo>
                  <a:lnTo>
                    <a:pt x="1848" y="1384"/>
                  </a:lnTo>
                  <a:lnTo>
                    <a:pt x="1848" y="1382"/>
                  </a:lnTo>
                  <a:lnTo>
                    <a:pt x="1850" y="1382"/>
                  </a:lnTo>
                  <a:lnTo>
                    <a:pt x="1848" y="1382"/>
                  </a:lnTo>
                  <a:lnTo>
                    <a:pt x="1846" y="1382"/>
                  </a:lnTo>
                  <a:lnTo>
                    <a:pt x="1841" y="1380"/>
                  </a:lnTo>
                  <a:lnTo>
                    <a:pt x="1837" y="1382"/>
                  </a:lnTo>
                  <a:lnTo>
                    <a:pt x="1835" y="1382"/>
                  </a:lnTo>
                  <a:lnTo>
                    <a:pt x="1833" y="1384"/>
                  </a:lnTo>
                  <a:lnTo>
                    <a:pt x="1832" y="1384"/>
                  </a:lnTo>
                  <a:lnTo>
                    <a:pt x="1830" y="1384"/>
                  </a:lnTo>
                  <a:lnTo>
                    <a:pt x="1828" y="1384"/>
                  </a:lnTo>
                  <a:lnTo>
                    <a:pt x="1826" y="1386"/>
                  </a:lnTo>
                  <a:lnTo>
                    <a:pt x="1822" y="1387"/>
                  </a:lnTo>
                  <a:lnTo>
                    <a:pt x="1820" y="1387"/>
                  </a:lnTo>
                  <a:lnTo>
                    <a:pt x="1820" y="1389"/>
                  </a:lnTo>
                  <a:lnTo>
                    <a:pt x="1815" y="1389"/>
                  </a:lnTo>
                  <a:lnTo>
                    <a:pt x="1815" y="1391"/>
                  </a:lnTo>
                  <a:lnTo>
                    <a:pt x="1813" y="1393"/>
                  </a:lnTo>
                  <a:lnTo>
                    <a:pt x="1811" y="1393"/>
                  </a:lnTo>
                  <a:lnTo>
                    <a:pt x="1811" y="1395"/>
                  </a:lnTo>
                  <a:lnTo>
                    <a:pt x="1809" y="1397"/>
                  </a:lnTo>
                  <a:lnTo>
                    <a:pt x="1809" y="1399"/>
                  </a:lnTo>
                  <a:lnTo>
                    <a:pt x="1811" y="1402"/>
                  </a:lnTo>
                  <a:lnTo>
                    <a:pt x="1811" y="1404"/>
                  </a:lnTo>
                  <a:lnTo>
                    <a:pt x="1809" y="1406"/>
                  </a:lnTo>
                  <a:lnTo>
                    <a:pt x="1807" y="1406"/>
                  </a:lnTo>
                  <a:lnTo>
                    <a:pt x="1804" y="1408"/>
                  </a:lnTo>
                  <a:lnTo>
                    <a:pt x="1802" y="1408"/>
                  </a:lnTo>
                  <a:lnTo>
                    <a:pt x="1802" y="1406"/>
                  </a:lnTo>
                  <a:lnTo>
                    <a:pt x="1802" y="1404"/>
                  </a:lnTo>
                  <a:lnTo>
                    <a:pt x="1802" y="1402"/>
                  </a:lnTo>
                  <a:lnTo>
                    <a:pt x="1800" y="1400"/>
                  </a:lnTo>
                  <a:lnTo>
                    <a:pt x="1800" y="1399"/>
                  </a:lnTo>
                  <a:lnTo>
                    <a:pt x="1798" y="1399"/>
                  </a:lnTo>
                  <a:lnTo>
                    <a:pt x="1796" y="1397"/>
                  </a:lnTo>
                  <a:lnTo>
                    <a:pt x="1795" y="1397"/>
                  </a:lnTo>
                  <a:lnTo>
                    <a:pt x="1795" y="1399"/>
                  </a:lnTo>
                  <a:lnTo>
                    <a:pt x="1793" y="1399"/>
                  </a:lnTo>
                  <a:lnTo>
                    <a:pt x="1791" y="1400"/>
                  </a:lnTo>
                  <a:lnTo>
                    <a:pt x="1789" y="1397"/>
                  </a:lnTo>
                  <a:lnTo>
                    <a:pt x="1789" y="1395"/>
                  </a:lnTo>
                  <a:lnTo>
                    <a:pt x="1789" y="1393"/>
                  </a:lnTo>
                  <a:lnTo>
                    <a:pt x="1785" y="1391"/>
                  </a:lnTo>
                  <a:lnTo>
                    <a:pt x="1785" y="1389"/>
                  </a:lnTo>
                  <a:lnTo>
                    <a:pt x="1783" y="1387"/>
                  </a:lnTo>
                  <a:lnTo>
                    <a:pt x="1783" y="1386"/>
                  </a:lnTo>
                  <a:lnTo>
                    <a:pt x="1782" y="1386"/>
                  </a:lnTo>
                  <a:lnTo>
                    <a:pt x="1780" y="1382"/>
                  </a:lnTo>
                  <a:lnTo>
                    <a:pt x="1780" y="1380"/>
                  </a:lnTo>
                  <a:lnTo>
                    <a:pt x="1778" y="1380"/>
                  </a:lnTo>
                  <a:lnTo>
                    <a:pt x="1778" y="1378"/>
                  </a:lnTo>
                  <a:lnTo>
                    <a:pt x="1776" y="1380"/>
                  </a:lnTo>
                  <a:lnTo>
                    <a:pt x="1774" y="1380"/>
                  </a:lnTo>
                  <a:lnTo>
                    <a:pt x="1772" y="1382"/>
                  </a:lnTo>
                  <a:lnTo>
                    <a:pt x="1771" y="1382"/>
                  </a:lnTo>
                  <a:lnTo>
                    <a:pt x="1769" y="1384"/>
                  </a:lnTo>
                  <a:lnTo>
                    <a:pt x="1767" y="1386"/>
                  </a:lnTo>
                  <a:lnTo>
                    <a:pt x="1765" y="1387"/>
                  </a:lnTo>
                  <a:lnTo>
                    <a:pt x="1763" y="1387"/>
                  </a:lnTo>
                  <a:lnTo>
                    <a:pt x="1761" y="1387"/>
                  </a:lnTo>
                  <a:lnTo>
                    <a:pt x="1759" y="1389"/>
                  </a:lnTo>
                  <a:lnTo>
                    <a:pt x="1758" y="1389"/>
                  </a:lnTo>
                  <a:lnTo>
                    <a:pt x="1754" y="1391"/>
                  </a:lnTo>
                  <a:lnTo>
                    <a:pt x="1752" y="1393"/>
                  </a:lnTo>
                  <a:lnTo>
                    <a:pt x="1750" y="1395"/>
                  </a:lnTo>
                  <a:lnTo>
                    <a:pt x="1748" y="1395"/>
                  </a:lnTo>
                  <a:lnTo>
                    <a:pt x="1746" y="1395"/>
                  </a:lnTo>
                  <a:lnTo>
                    <a:pt x="1745" y="1395"/>
                  </a:lnTo>
                  <a:lnTo>
                    <a:pt x="1745" y="1397"/>
                  </a:lnTo>
                  <a:lnTo>
                    <a:pt x="1745" y="1399"/>
                  </a:lnTo>
                  <a:lnTo>
                    <a:pt x="1743" y="1400"/>
                  </a:lnTo>
                  <a:lnTo>
                    <a:pt x="1743" y="1402"/>
                  </a:lnTo>
                  <a:lnTo>
                    <a:pt x="1741" y="1404"/>
                  </a:lnTo>
                  <a:lnTo>
                    <a:pt x="1739" y="1406"/>
                  </a:lnTo>
                  <a:lnTo>
                    <a:pt x="1737" y="1408"/>
                  </a:lnTo>
                  <a:lnTo>
                    <a:pt x="1735" y="1410"/>
                  </a:lnTo>
                  <a:lnTo>
                    <a:pt x="1734" y="1410"/>
                  </a:lnTo>
                  <a:lnTo>
                    <a:pt x="1732" y="1412"/>
                  </a:lnTo>
                  <a:lnTo>
                    <a:pt x="1730" y="1413"/>
                  </a:lnTo>
                  <a:lnTo>
                    <a:pt x="1728" y="1415"/>
                  </a:lnTo>
                  <a:lnTo>
                    <a:pt x="1722" y="1419"/>
                  </a:lnTo>
                  <a:lnTo>
                    <a:pt x="1722" y="1417"/>
                  </a:lnTo>
                  <a:lnTo>
                    <a:pt x="1722" y="1415"/>
                  </a:lnTo>
                  <a:lnTo>
                    <a:pt x="1721" y="1415"/>
                  </a:lnTo>
                  <a:lnTo>
                    <a:pt x="1719" y="1413"/>
                  </a:lnTo>
                  <a:lnTo>
                    <a:pt x="1717" y="1415"/>
                  </a:lnTo>
                  <a:lnTo>
                    <a:pt x="1715" y="1417"/>
                  </a:lnTo>
                  <a:lnTo>
                    <a:pt x="1715" y="1415"/>
                  </a:lnTo>
                  <a:lnTo>
                    <a:pt x="1713" y="1415"/>
                  </a:lnTo>
                  <a:lnTo>
                    <a:pt x="1711" y="1415"/>
                  </a:lnTo>
                  <a:lnTo>
                    <a:pt x="1710" y="1417"/>
                  </a:lnTo>
                  <a:lnTo>
                    <a:pt x="1710" y="1415"/>
                  </a:lnTo>
                  <a:lnTo>
                    <a:pt x="1708" y="1415"/>
                  </a:lnTo>
                  <a:lnTo>
                    <a:pt x="1706" y="1417"/>
                  </a:lnTo>
                  <a:lnTo>
                    <a:pt x="1706" y="1419"/>
                  </a:lnTo>
                  <a:lnTo>
                    <a:pt x="1706" y="1417"/>
                  </a:lnTo>
                  <a:lnTo>
                    <a:pt x="1702" y="1417"/>
                  </a:lnTo>
                  <a:lnTo>
                    <a:pt x="1700" y="1415"/>
                  </a:lnTo>
                  <a:lnTo>
                    <a:pt x="1700" y="1417"/>
                  </a:lnTo>
                  <a:lnTo>
                    <a:pt x="1700" y="1415"/>
                  </a:lnTo>
                  <a:lnTo>
                    <a:pt x="1697" y="1415"/>
                  </a:lnTo>
                  <a:lnTo>
                    <a:pt x="1695" y="1415"/>
                  </a:lnTo>
                  <a:lnTo>
                    <a:pt x="1695" y="1417"/>
                  </a:lnTo>
                  <a:lnTo>
                    <a:pt x="1693" y="1417"/>
                  </a:lnTo>
                  <a:lnTo>
                    <a:pt x="1693" y="1419"/>
                  </a:lnTo>
                  <a:lnTo>
                    <a:pt x="1693" y="1421"/>
                  </a:lnTo>
                  <a:lnTo>
                    <a:pt x="1691" y="1421"/>
                  </a:lnTo>
                  <a:lnTo>
                    <a:pt x="1689" y="1421"/>
                  </a:lnTo>
                  <a:lnTo>
                    <a:pt x="1687" y="1421"/>
                  </a:lnTo>
                  <a:lnTo>
                    <a:pt x="1685" y="1421"/>
                  </a:lnTo>
                  <a:lnTo>
                    <a:pt x="1684" y="1421"/>
                  </a:lnTo>
                  <a:lnTo>
                    <a:pt x="1684" y="1419"/>
                  </a:lnTo>
                  <a:lnTo>
                    <a:pt x="1682" y="1421"/>
                  </a:lnTo>
                  <a:lnTo>
                    <a:pt x="1680" y="1423"/>
                  </a:lnTo>
                  <a:lnTo>
                    <a:pt x="1678" y="1423"/>
                  </a:lnTo>
                  <a:lnTo>
                    <a:pt x="1674" y="1423"/>
                  </a:lnTo>
                  <a:lnTo>
                    <a:pt x="1673" y="1423"/>
                  </a:lnTo>
                  <a:lnTo>
                    <a:pt x="1673" y="1424"/>
                  </a:lnTo>
                  <a:lnTo>
                    <a:pt x="1673" y="1426"/>
                  </a:lnTo>
                  <a:lnTo>
                    <a:pt x="1671" y="1426"/>
                  </a:lnTo>
                  <a:lnTo>
                    <a:pt x="1671" y="1428"/>
                  </a:lnTo>
                  <a:lnTo>
                    <a:pt x="1671" y="1430"/>
                  </a:lnTo>
                  <a:lnTo>
                    <a:pt x="1667" y="1434"/>
                  </a:lnTo>
                  <a:lnTo>
                    <a:pt x="1665" y="1436"/>
                  </a:lnTo>
                  <a:lnTo>
                    <a:pt x="1663" y="1436"/>
                  </a:lnTo>
                  <a:lnTo>
                    <a:pt x="1661" y="1439"/>
                  </a:lnTo>
                  <a:lnTo>
                    <a:pt x="1660" y="1441"/>
                  </a:lnTo>
                  <a:lnTo>
                    <a:pt x="1658" y="1441"/>
                  </a:lnTo>
                  <a:lnTo>
                    <a:pt x="1658" y="1443"/>
                  </a:lnTo>
                  <a:lnTo>
                    <a:pt x="1656" y="1443"/>
                  </a:lnTo>
                  <a:lnTo>
                    <a:pt x="1656" y="1445"/>
                  </a:lnTo>
                  <a:lnTo>
                    <a:pt x="1654" y="1445"/>
                  </a:lnTo>
                  <a:lnTo>
                    <a:pt x="1654" y="1447"/>
                  </a:lnTo>
                  <a:lnTo>
                    <a:pt x="1652" y="1447"/>
                  </a:lnTo>
                  <a:lnTo>
                    <a:pt x="1650" y="1447"/>
                  </a:lnTo>
                  <a:lnTo>
                    <a:pt x="1649" y="1445"/>
                  </a:lnTo>
                  <a:lnTo>
                    <a:pt x="1649" y="1447"/>
                  </a:lnTo>
                  <a:lnTo>
                    <a:pt x="1647" y="1447"/>
                  </a:lnTo>
                  <a:lnTo>
                    <a:pt x="1645" y="1448"/>
                  </a:lnTo>
                  <a:lnTo>
                    <a:pt x="1643" y="1448"/>
                  </a:lnTo>
                  <a:lnTo>
                    <a:pt x="1641" y="1448"/>
                  </a:lnTo>
                  <a:lnTo>
                    <a:pt x="1641" y="1450"/>
                  </a:lnTo>
                  <a:lnTo>
                    <a:pt x="1639" y="1450"/>
                  </a:lnTo>
                  <a:lnTo>
                    <a:pt x="1639" y="1452"/>
                  </a:lnTo>
                  <a:lnTo>
                    <a:pt x="1637" y="1452"/>
                  </a:lnTo>
                  <a:lnTo>
                    <a:pt x="1636" y="1454"/>
                  </a:lnTo>
                  <a:lnTo>
                    <a:pt x="1634" y="1454"/>
                  </a:lnTo>
                  <a:lnTo>
                    <a:pt x="1634" y="1456"/>
                  </a:lnTo>
                  <a:lnTo>
                    <a:pt x="1634" y="1458"/>
                  </a:lnTo>
                  <a:lnTo>
                    <a:pt x="1632" y="1458"/>
                  </a:lnTo>
                  <a:lnTo>
                    <a:pt x="1632" y="1460"/>
                  </a:lnTo>
                  <a:lnTo>
                    <a:pt x="1630" y="1460"/>
                  </a:lnTo>
                  <a:lnTo>
                    <a:pt x="1628" y="1460"/>
                  </a:lnTo>
                  <a:lnTo>
                    <a:pt x="1626" y="1460"/>
                  </a:lnTo>
                  <a:lnTo>
                    <a:pt x="1624" y="1460"/>
                  </a:lnTo>
                  <a:lnTo>
                    <a:pt x="1623" y="1460"/>
                  </a:lnTo>
                  <a:lnTo>
                    <a:pt x="1621" y="1460"/>
                  </a:lnTo>
                  <a:lnTo>
                    <a:pt x="1621" y="1461"/>
                  </a:lnTo>
                  <a:lnTo>
                    <a:pt x="1619" y="1461"/>
                  </a:lnTo>
                  <a:lnTo>
                    <a:pt x="1619" y="1460"/>
                  </a:lnTo>
                  <a:lnTo>
                    <a:pt x="1619" y="1461"/>
                  </a:lnTo>
                  <a:lnTo>
                    <a:pt x="1617" y="1461"/>
                  </a:lnTo>
                  <a:lnTo>
                    <a:pt x="1615" y="1461"/>
                  </a:lnTo>
                  <a:lnTo>
                    <a:pt x="1615" y="1463"/>
                  </a:lnTo>
                  <a:lnTo>
                    <a:pt x="1613" y="1463"/>
                  </a:lnTo>
                  <a:lnTo>
                    <a:pt x="1613" y="1465"/>
                  </a:lnTo>
                  <a:lnTo>
                    <a:pt x="1612" y="1465"/>
                  </a:lnTo>
                  <a:lnTo>
                    <a:pt x="1610" y="1467"/>
                  </a:lnTo>
                  <a:lnTo>
                    <a:pt x="1610" y="1465"/>
                  </a:lnTo>
                  <a:lnTo>
                    <a:pt x="1610" y="1467"/>
                  </a:lnTo>
                  <a:lnTo>
                    <a:pt x="1608" y="1467"/>
                  </a:lnTo>
                  <a:lnTo>
                    <a:pt x="1606" y="1465"/>
                  </a:lnTo>
                  <a:lnTo>
                    <a:pt x="1606" y="1469"/>
                  </a:lnTo>
                  <a:lnTo>
                    <a:pt x="1604" y="1471"/>
                  </a:lnTo>
                  <a:lnTo>
                    <a:pt x="1602" y="1471"/>
                  </a:lnTo>
                  <a:lnTo>
                    <a:pt x="1602" y="1473"/>
                  </a:lnTo>
                  <a:lnTo>
                    <a:pt x="1600" y="1474"/>
                  </a:lnTo>
                  <a:lnTo>
                    <a:pt x="1599" y="1476"/>
                  </a:lnTo>
                  <a:lnTo>
                    <a:pt x="1599" y="1478"/>
                  </a:lnTo>
                  <a:lnTo>
                    <a:pt x="1597" y="1478"/>
                  </a:lnTo>
                  <a:lnTo>
                    <a:pt x="1595" y="1478"/>
                  </a:lnTo>
                  <a:lnTo>
                    <a:pt x="1593" y="1478"/>
                  </a:lnTo>
                  <a:lnTo>
                    <a:pt x="1591" y="1478"/>
                  </a:lnTo>
                  <a:lnTo>
                    <a:pt x="1589" y="1476"/>
                  </a:lnTo>
                  <a:lnTo>
                    <a:pt x="1588" y="1476"/>
                  </a:lnTo>
                  <a:lnTo>
                    <a:pt x="1586" y="1476"/>
                  </a:lnTo>
                  <a:lnTo>
                    <a:pt x="1584" y="1476"/>
                  </a:lnTo>
                  <a:lnTo>
                    <a:pt x="1582" y="1474"/>
                  </a:lnTo>
                  <a:lnTo>
                    <a:pt x="1580" y="1474"/>
                  </a:lnTo>
                  <a:lnTo>
                    <a:pt x="1578" y="1473"/>
                  </a:lnTo>
                  <a:lnTo>
                    <a:pt x="1576" y="1471"/>
                  </a:lnTo>
                  <a:lnTo>
                    <a:pt x="1575" y="1469"/>
                  </a:lnTo>
                  <a:lnTo>
                    <a:pt x="1573" y="1465"/>
                  </a:lnTo>
                  <a:lnTo>
                    <a:pt x="1571" y="1463"/>
                  </a:lnTo>
                  <a:lnTo>
                    <a:pt x="1569" y="1463"/>
                  </a:lnTo>
                  <a:lnTo>
                    <a:pt x="1569" y="1461"/>
                  </a:lnTo>
                  <a:lnTo>
                    <a:pt x="1569" y="1460"/>
                  </a:lnTo>
                  <a:lnTo>
                    <a:pt x="1565" y="1458"/>
                  </a:lnTo>
                  <a:lnTo>
                    <a:pt x="1563" y="1458"/>
                  </a:lnTo>
                  <a:lnTo>
                    <a:pt x="1560" y="1456"/>
                  </a:lnTo>
                  <a:lnTo>
                    <a:pt x="1556" y="1454"/>
                  </a:lnTo>
                  <a:lnTo>
                    <a:pt x="1554" y="1454"/>
                  </a:lnTo>
                  <a:lnTo>
                    <a:pt x="1552" y="1450"/>
                  </a:lnTo>
                  <a:lnTo>
                    <a:pt x="1552" y="1448"/>
                  </a:lnTo>
                  <a:lnTo>
                    <a:pt x="1551" y="1448"/>
                  </a:lnTo>
                  <a:lnTo>
                    <a:pt x="1549" y="1448"/>
                  </a:lnTo>
                  <a:lnTo>
                    <a:pt x="1549" y="1447"/>
                  </a:lnTo>
                  <a:lnTo>
                    <a:pt x="1549" y="1445"/>
                  </a:lnTo>
                  <a:lnTo>
                    <a:pt x="1547" y="1447"/>
                  </a:lnTo>
                  <a:lnTo>
                    <a:pt x="1545" y="1447"/>
                  </a:lnTo>
                  <a:lnTo>
                    <a:pt x="1545" y="1448"/>
                  </a:lnTo>
                  <a:lnTo>
                    <a:pt x="1543" y="1448"/>
                  </a:lnTo>
                  <a:lnTo>
                    <a:pt x="1541" y="1448"/>
                  </a:lnTo>
                  <a:lnTo>
                    <a:pt x="1539" y="1448"/>
                  </a:lnTo>
                  <a:lnTo>
                    <a:pt x="1539" y="1447"/>
                  </a:lnTo>
                  <a:lnTo>
                    <a:pt x="1539" y="1448"/>
                  </a:lnTo>
                  <a:lnTo>
                    <a:pt x="1538" y="1448"/>
                  </a:lnTo>
                  <a:lnTo>
                    <a:pt x="1534" y="1452"/>
                  </a:lnTo>
                  <a:lnTo>
                    <a:pt x="1534" y="1454"/>
                  </a:lnTo>
                  <a:lnTo>
                    <a:pt x="1532" y="1454"/>
                  </a:lnTo>
                  <a:lnTo>
                    <a:pt x="1532" y="1456"/>
                  </a:lnTo>
                  <a:lnTo>
                    <a:pt x="1530" y="1458"/>
                  </a:lnTo>
                  <a:lnTo>
                    <a:pt x="1528" y="1460"/>
                  </a:lnTo>
                  <a:lnTo>
                    <a:pt x="1527" y="1461"/>
                  </a:lnTo>
                  <a:lnTo>
                    <a:pt x="1525" y="1461"/>
                  </a:lnTo>
                  <a:lnTo>
                    <a:pt x="1523" y="1463"/>
                  </a:lnTo>
                  <a:lnTo>
                    <a:pt x="1521" y="1465"/>
                  </a:lnTo>
                  <a:lnTo>
                    <a:pt x="1521" y="1467"/>
                  </a:lnTo>
                  <a:lnTo>
                    <a:pt x="1519" y="1469"/>
                  </a:lnTo>
                  <a:lnTo>
                    <a:pt x="1523" y="1474"/>
                  </a:lnTo>
                  <a:lnTo>
                    <a:pt x="1523" y="1476"/>
                  </a:lnTo>
                  <a:lnTo>
                    <a:pt x="1525" y="1476"/>
                  </a:lnTo>
                  <a:lnTo>
                    <a:pt x="1525" y="1478"/>
                  </a:lnTo>
                  <a:lnTo>
                    <a:pt x="1525" y="1480"/>
                  </a:lnTo>
                  <a:lnTo>
                    <a:pt x="1525" y="1482"/>
                  </a:lnTo>
                  <a:lnTo>
                    <a:pt x="1527" y="1484"/>
                  </a:lnTo>
                  <a:lnTo>
                    <a:pt x="1527" y="1485"/>
                  </a:lnTo>
                  <a:lnTo>
                    <a:pt x="1525" y="1485"/>
                  </a:lnTo>
                  <a:lnTo>
                    <a:pt x="1523" y="1487"/>
                  </a:lnTo>
                  <a:lnTo>
                    <a:pt x="1521" y="1489"/>
                  </a:lnTo>
                  <a:lnTo>
                    <a:pt x="1521" y="1491"/>
                  </a:lnTo>
                  <a:lnTo>
                    <a:pt x="1521" y="1493"/>
                  </a:lnTo>
                  <a:lnTo>
                    <a:pt x="1519" y="1495"/>
                  </a:lnTo>
                  <a:lnTo>
                    <a:pt x="1517" y="1495"/>
                  </a:lnTo>
                  <a:lnTo>
                    <a:pt x="1517" y="1497"/>
                  </a:lnTo>
                  <a:lnTo>
                    <a:pt x="1515" y="1497"/>
                  </a:lnTo>
                  <a:lnTo>
                    <a:pt x="1514" y="1498"/>
                  </a:lnTo>
                  <a:lnTo>
                    <a:pt x="1514" y="1500"/>
                  </a:lnTo>
                  <a:lnTo>
                    <a:pt x="1514" y="1502"/>
                  </a:lnTo>
                  <a:lnTo>
                    <a:pt x="1512" y="1502"/>
                  </a:lnTo>
                  <a:lnTo>
                    <a:pt x="1514" y="1504"/>
                  </a:lnTo>
                  <a:lnTo>
                    <a:pt x="1514" y="1506"/>
                  </a:lnTo>
                  <a:lnTo>
                    <a:pt x="1514" y="1508"/>
                  </a:lnTo>
                  <a:lnTo>
                    <a:pt x="1515" y="1508"/>
                  </a:lnTo>
                  <a:lnTo>
                    <a:pt x="1517" y="1510"/>
                  </a:lnTo>
                  <a:lnTo>
                    <a:pt x="1519" y="1508"/>
                  </a:lnTo>
                  <a:lnTo>
                    <a:pt x="1521" y="1508"/>
                  </a:lnTo>
                  <a:lnTo>
                    <a:pt x="1521" y="1510"/>
                  </a:lnTo>
                  <a:lnTo>
                    <a:pt x="1523" y="1510"/>
                  </a:lnTo>
                  <a:lnTo>
                    <a:pt x="1525" y="1511"/>
                  </a:lnTo>
                  <a:lnTo>
                    <a:pt x="1525" y="1513"/>
                  </a:lnTo>
                  <a:lnTo>
                    <a:pt x="1525" y="1515"/>
                  </a:lnTo>
                  <a:lnTo>
                    <a:pt x="1525" y="1519"/>
                  </a:lnTo>
                  <a:lnTo>
                    <a:pt x="1525" y="1521"/>
                  </a:lnTo>
                  <a:lnTo>
                    <a:pt x="1525" y="1522"/>
                  </a:lnTo>
                  <a:lnTo>
                    <a:pt x="1525" y="1524"/>
                  </a:lnTo>
                  <a:lnTo>
                    <a:pt x="1525" y="1528"/>
                  </a:lnTo>
                  <a:lnTo>
                    <a:pt x="1525" y="1530"/>
                  </a:lnTo>
                  <a:lnTo>
                    <a:pt x="1523" y="1532"/>
                  </a:lnTo>
                  <a:lnTo>
                    <a:pt x="1521" y="1532"/>
                  </a:lnTo>
                  <a:lnTo>
                    <a:pt x="1521" y="1534"/>
                  </a:lnTo>
                  <a:lnTo>
                    <a:pt x="1519" y="1534"/>
                  </a:lnTo>
                  <a:lnTo>
                    <a:pt x="1519" y="1535"/>
                  </a:lnTo>
                  <a:lnTo>
                    <a:pt x="1517" y="1535"/>
                  </a:lnTo>
                  <a:lnTo>
                    <a:pt x="1517" y="1537"/>
                  </a:lnTo>
                  <a:lnTo>
                    <a:pt x="1515" y="1539"/>
                  </a:lnTo>
                  <a:lnTo>
                    <a:pt x="1515" y="1541"/>
                  </a:lnTo>
                  <a:lnTo>
                    <a:pt x="1514" y="1543"/>
                  </a:lnTo>
                  <a:lnTo>
                    <a:pt x="1514" y="1545"/>
                  </a:lnTo>
                  <a:lnTo>
                    <a:pt x="1512" y="1548"/>
                  </a:lnTo>
                  <a:lnTo>
                    <a:pt x="1512" y="1554"/>
                  </a:lnTo>
                  <a:lnTo>
                    <a:pt x="1512" y="1556"/>
                  </a:lnTo>
                  <a:lnTo>
                    <a:pt x="1510" y="1558"/>
                  </a:lnTo>
                  <a:lnTo>
                    <a:pt x="1510" y="1559"/>
                  </a:lnTo>
                  <a:lnTo>
                    <a:pt x="1512" y="1561"/>
                  </a:lnTo>
                  <a:lnTo>
                    <a:pt x="1512" y="1563"/>
                  </a:lnTo>
                  <a:lnTo>
                    <a:pt x="1510" y="1563"/>
                  </a:lnTo>
                  <a:lnTo>
                    <a:pt x="1510" y="1565"/>
                  </a:lnTo>
                  <a:lnTo>
                    <a:pt x="1510" y="1567"/>
                  </a:lnTo>
                  <a:lnTo>
                    <a:pt x="1508" y="1567"/>
                  </a:lnTo>
                  <a:lnTo>
                    <a:pt x="1506" y="1567"/>
                  </a:lnTo>
                  <a:lnTo>
                    <a:pt x="1504" y="1569"/>
                  </a:lnTo>
                  <a:lnTo>
                    <a:pt x="1501" y="1569"/>
                  </a:lnTo>
                  <a:lnTo>
                    <a:pt x="1497" y="1569"/>
                  </a:lnTo>
                  <a:lnTo>
                    <a:pt x="1497" y="1571"/>
                  </a:lnTo>
                  <a:lnTo>
                    <a:pt x="1493" y="1571"/>
                  </a:lnTo>
                  <a:lnTo>
                    <a:pt x="1491" y="1571"/>
                  </a:lnTo>
                  <a:lnTo>
                    <a:pt x="1490" y="1571"/>
                  </a:lnTo>
                  <a:lnTo>
                    <a:pt x="1490" y="1569"/>
                  </a:lnTo>
                  <a:lnTo>
                    <a:pt x="1488" y="1569"/>
                  </a:lnTo>
                  <a:lnTo>
                    <a:pt x="1486" y="1569"/>
                  </a:lnTo>
                  <a:lnTo>
                    <a:pt x="1484" y="1567"/>
                  </a:lnTo>
                  <a:lnTo>
                    <a:pt x="1482" y="1565"/>
                  </a:lnTo>
                  <a:lnTo>
                    <a:pt x="1480" y="1565"/>
                  </a:lnTo>
                  <a:lnTo>
                    <a:pt x="1478" y="1565"/>
                  </a:lnTo>
                  <a:lnTo>
                    <a:pt x="1477" y="1567"/>
                  </a:lnTo>
                  <a:lnTo>
                    <a:pt x="1475" y="1567"/>
                  </a:lnTo>
                  <a:lnTo>
                    <a:pt x="1473" y="1565"/>
                  </a:lnTo>
                  <a:lnTo>
                    <a:pt x="1471" y="1563"/>
                  </a:lnTo>
                  <a:lnTo>
                    <a:pt x="1469" y="1563"/>
                  </a:lnTo>
                  <a:lnTo>
                    <a:pt x="1467" y="1561"/>
                  </a:lnTo>
                  <a:lnTo>
                    <a:pt x="1464" y="1559"/>
                  </a:lnTo>
                  <a:lnTo>
                    <a:pt x="1464" y="1558"/>
                  </a:lnTo>
                  <a:lnTo>
                    <a:pt x="1464" y="1554"/>
                  </a:lnTo>
                  <a:lnTo>
                    <a:pt x="1462" y="1552"/>
                  </a:lnTo>
                  <a:lnTo>
                    <a:pt x="1460" y="1550"/>
                  </a:lnTo>
                  <a:lnTo>
                    <a:pt x="1458" y="1550"/>
                  </a:lnTo>
                  <a:lnTo>
                    <a:pt x="1458" y="1548"/>
                  </a:lnTo>
                  <a:lnTo>
                    <a:pt x="1456" y="1548"/>
                  </a:lnTo>
                  <a:lnTo>
                    <a:pt x="1456" y="1547"/>
                  </a:lnTo>
                  <a:lnTo>
                    <a:pt x="1454" y="1547"/>
                  </a:lnTo>
                  <a:lnTo>
                    <a:pt x="1454" y="1548"/>
                  </a:lnTo>
                  <a:lnTo>
                    <a:pt x="1453" y="1550"/>
                  </a:lnTo>
                  <a:lnTo>
                    <a:pt x="1451" y="1552"/>
                  </a:lnTo>
                  <a:lnTo>
                    <a:pt x="1449" y="1554"/>
                  </a:lnTo>
                  <a:lnTo>
                    <a:pt x="1447" y="1554"/>
                  </a:lnTo>
                  <a:lnTo>
                    <a:pt x="1447" y="1556"/>
                  </a:lnTo>
                  <a:lnTo>
                    <a:pt x="1447" y="1558"/>
                  </a:lnTo>
                  <a:lnTo>
                    <a:pt x="1447" y="1559"/>
                  </a:lnTo>
                  <a:lnTo>
                    <a:pt x="1447" y="1561"/>
                  </a:lnTo>
                  <a:lnTo>
                    <a:pt x="1445" y="1561"/>
                  </a:lnTo>
                  <a:lnTo>
                    <a:pt x="1443" y="1561"/>
                  </a:lnTo>
                  <a:lnTo>
                    <a:pt x="1440" y="1559"/>
                  </a:lnTo>
                  <a:lnTo>
                    <a:pt x="1438" y="1559"/>
                  </a:lnTo>
                  <a:lnTo>
                    <a:pt x="1438" y="1561"/>
                  </a:lnTo>
                  <a:lnTo>
                    <a:pt x="1436" y="1561"/>
                  </a:lnTo>
                  <a:lnTo>
                    <a:pt x="1434" y="1563"/>
                  </a:lnTo>
                  <a:lnTo>
                    <a:pt x="1432" y="1563"/>
                  </a:lnTo>
                  <a:lnTo>
                    <a:pt x="1430" y="1565"/>
                  </a:lnTo>
                  <a:lnTo>
                    <a:pt x="1429" y="1567"/>
                  </a:lnTo>
                  <a:lnTo>
                    <a:pt x="1427" y="1569"/>
                  </a:lnTo>
                  <a:lnTo>
                    <a:pt x="1425" y="1569"/>
                  </a:lnTo>
                  <a:lnTo>
                    <a:pt x="1423" y="1569"/>
                  </a:lnTo>
                  <a:lnTo>
                    <a:pt x="1421" y="1569"/>
                  </a:lnTo>
                  <a:lnTo>
                    <a:pt x="1421" y="1571"/>
                  </a:lnTo>
                  <a:lnTo>
                    <a:pt x="1419" y="1571"/>
                  </a:lnTo>
                  <a:lnTo>
                    <a:pt x="1419" y="1572"/>
                  </a:lnTo>
                  <a:lnTo>
                    <a:pt x="1419" y="1574"/>
                  </a:lnTo>
                  <a:lnTo>
                    <a:pt x="1419" y="1576"/>
                  </a:lnTo>
                  <a:lnTo>
                    <a:pt x="1417" y="1576"/>
                  </a:lnTo>
                  <a:lnTo>
                    <a:pt x="1416" y="1576"/>
                  </a:lnTo>
                  <a:lnTo>
                    <a:pt x="1416" y="1578"/>
                  </a:lnTo>
                  <a:lnTo>
                    <a:pt x="1414" y="1578"/>
                  </a:lnTo>
                  <a:lnTo>
                    <a:pt x="1412" y="1578"/>
                  </a:lnTo>
                  <a:lnTo>
                    <a:pt x="1412" y="1580"/>
                  </a:lnTo>
                  <a:lnTo>
                    <a:pt x="1410" y="1580"/>
                  </a:lnTo>
                  <a:lnTo>
                    <a:pt x="1410" y="1582"/>
                  </a:lnTo>
                  <a:lnTo>
                    <a:pt x="1408" y="1582"/>
                  </a:lnTo>
                  <a:lnTo>
                    <a:pt x="1406" y="1582"/>
                  </a:lnTo>
                  <a:lnTo>
                    <a:pt x="1405" y="1584"/>
                  </a:lnTo>
                  <a:lnTo>
                    <a:pt x="1403" y="1584"/>
                  </a:lnTo>
                  <a:lnTo>
                    <a:pt x="1401" y="1584"/>
                  </a:lnTo>
                  <a:lnTo>
                    <a:pt x="1399" y="1584"/>
                  </a:lnTo>
                  <a:lnTo>
                    <a:pt x="1397" y="1584"/>
                  </a:lnTo>
                  <a:lnTo>
                    <a:pt x="1395" y="1584"/>
                  </a:lnTo>
                  <a:lnTo>
                    <a:pt x="1393" y="1584"/>
                  </a:lnTo>
                  <a:lnTo>
                    <a:pt x="1392" y="1582"/>
                  </a:lnTo>
                  <a:lnTo>
                    <a:pt x="1390" y="1580"/>
                  </a:lnTo>
                  <a:lnTo>
                    <a:pt x="1388" y="1580"/>
                  </a:lnTo>
                  <a:lnTo>
                    <a:pt x="1386" y="1580"/>
                  </a:lnTo>
                  <a:lnTo>
                    <a:pt x="1384" y="1580"/>
                  </a:lnTo>
                  <a:lnTo>
                    <a:pt x="1382" y="1580"/>
                  </a:lnTo>
                  <a:lnTo>
                    <a:pt x="1380" y="1580"/>
                  </a:lnTo>
                  <a:lnTo>
                    <a:pt x="1379" y="1580"/>
                  </a:lnTo>
                  <a:lnTo>
                    <a:pt x="1375" y="1582"/>
                  </a:lnTo>
                  <a:lnTo>
                    <a:pt x="1375" y="1580"/>
                  </a:lnTo>
                  <a:lnTo>
                    <a:pt x="1375" y="1578"/>
                  </a:lnTo>
                  <a:lnTo>
                    <a:pt x="1373" y="1578"/>
                  </a:lnTo>
                  <a:lnTo>
                    <a:pt x="1371" y="1578"/>
                  </a:lnTo>
                  <a:lnTo>
                    <a:pt x="1371" y="1576"/>
                  </a:lnTo>
                  <a:lnTo>
                    <a:pt x="1369" y="1576"/>
                  </a:lnTo>
                  <a:lnTo>
                    <a:pt x="1369" y="1574"/>
                  </a:lnTo>
                  <a:lnTo>
                    <a:pt x="1368" y="1574"/>
                  </a:lnTo>
                  <a:lnTo>
                    <a:pt x="1368" y="1572"/>
                  </a:lnTo>
                  <a:lnTo>
                    <a:pt x="1366" y="1572"/>
                  </a:lnTo>
                  <a:lnTo>
                    <a:pt x="1366" y="1571"/>
                  </a:lnTo>
                  <a:lnTo>
                    <a:pt x="1364" y="1569"/>
                  </a:lnTo>
                  <a:lnTo>
                    <a:pt x="1364" y="1567"/>
                  </a:lnTo>
                  <a:lnTo>
                    <a:pt x="1362" y="1567"/>
                  </a:lnTo>
                  <a:lnTo>
                    <a:pt x="1362" y="1569"/>
                  </a:lnTo>
                  <a:lnTo>
                    <a:pt x="1362" y="1567"/>
                  </a:lnTo>
                  <a:lnTo>
                    <a:pt x="1360" y="1567"/>
                  </a:lnTo>
                  <a:lnTo>
                    <a:pt x="1360" y="1569"/>
                  </a:lnTo>
                  <a:lnTo>
                    <a:pt x="1358" y="1569"/>
                  </a:lnTo>
                  <a:lnTo>
                    <a:pt x="1356" y="1567"/>
                  </a:lnTo>
                  <a:lnTo>
                    <a:pt x="1355" y="1567"/>
                  </a:lnTo>
                  <a:lnTo>
                    <a:pt x="1353" y="1567"/>
                  </a:lnTo>
                  <a:lnTo>
                    <a:pt x="1351" y="1567"/>
                  </a:lnTo>
                  <a:lnTo>
                    <a:pt x="1349" y="1565"/>
                  </a:lnTo>
                  <a:lnTo>
                    <a:pt x="1347" y="1565"/>
                  </a:lnTo>
                  <a:lnTo>
                    <a:pt x="1345" y="1567"/>
                  </a:lnTo>
                  <a:lnTo>
                    <a:pt x="1343" y="1567"/>
                  </a:lnTo>
                  <a:lnTo>
                    <a:pt x="1343" y="1569"/>
                  </a:lnTo>
                  <a:lnTo>
                    <a:pt x="1342" y="1567"/>
                  </a:lnTo>
                  <a:lnTo>
                    <a:pt x="1342" y="1569"/>
                  </a:lnTo>
                  <a:lnTo>
                    <a:pt x="1340" y="1569"/>
                  </a:lnTo>
                  <a:lnTo>
                    <a:pt x="1340" y="1571"/>
                  </a:lnTo>
                  <a:lnTo>
                    <a:pt x="1338" y="1571"/>
                  </a:lnTo>
                  <a:lnTo>
                    <a:pt x="1338" y="1569"/>
                  </a:lnTo>
                  <a:lnTo>
                    <a:pt x="1336" y="1569"/>
                  </a:lnTo>
                  <a:lnTo>
                    <a:pt x="1334" y="1567"/>
                  </a:lnTo>
                  <a:lnTo>
                    <a:pt x="1332" y="1567"/>
                  </a:lnTo>
                  <a:lnTo>
                    <a:pt x="1331" y="1567"/>
                  </a:lnTo>
                  <a:lnTo>
                    <a:pt x="1329" y="1567"/>
                  </a:lnTo>
                  <a:lnTo>
                    <a:pt x="1329" y="1569"/>
                  </a:lnTo>
                  <a:lnTo>
                    <a:pt x="1327" y="1569"/>
                  </a:lnTo>
                  <a:lnTo>
                    <a:pt x="1325" y="1569"/>
                  </a:lnTo>
                  <a:lnTo>
                    <a:pt x="1325" y="1567"/>
                  </a:lnTo>
                  <a:lnTo>
                    <a:pt x="1323" y="1567"/>
                  </a:lnTo>
                  <a:lnTo>
                    <a:pt x="1321" y="1567"/>
                  </a:lnTo>
                  <a:lnTo>
                    <a:pt x="1319" y="1567"/>
                  </a:lnTo>
                  <a:lnTo>
                    <a:pt x="1318" y="1567"/>
                  </a:lnTo>
                  <a:lnTo>
                    <a:pt x="1318" y="1565"/>
                  </a:lnTo>
                  <a:lnTo>
                    <a:pt x="1316" y="1565"/>
                  </a:lnTo>
                  <a:lnTo>
                    <a:pt x="1316" y="1563"/>
                  </a:lnTo>
                  <a:lnTo>
                    <a:pt x="1314" y="1563"/>
                  </a:lnTo>
                  <a:lnTo>
                    <a:pt x="1314" y="1561"/>
                  </a:lnTo>
                  <a:lnTo>
                    <a:pt x="1312" y="1561"/>
                  </a:lnTo>
                  <a:lnTo>
                    <a:pt x="1312" y="1559"/>
                  </a:lnTo>
                  <a:lnTo>
                    <a:pt x="1310" y="1559"/>
                  </a:lnTo>
                  <a:lnTo>
                    <a:pt x="1308" y="1559"/>
                  </a:lnTo>
                  <a:lnTo>
                    <a:pt x="1307" y="1559"/>
                  </a:lnTo>
                  <a:lnTo>
                    <a:pt x="1305" y="1558"/>
                  </a:lnTo>
                  <a:lnTo>
                    <a:pt x="1303" y="1558"/>
                  </a:lnTo>
                  <a:lnTo>
                    <a:pt x="1303" y="1556"/>
                  </a:lnTo>
                  <a:lnTo>
                    <a:pt x="1301" y="1554"/>
                  </a:lnTo>
                  <a:lnTo>
                    <a:pt x="1299" y="1554"/>
                  </a:lnTo>
                  <a:lnTo>
                    <a:pt x="1297" y="1554"/>
                  </a:lnTo>
                  <a:lnTo>
                    <a:pt x="1295" y="1554"/>
                  </a:lnTo>
                  <a:lnTo>
                    <a:pt x="1295" y="1552"/>
                  </a:lnTo>
                  <a:lnTo>
                    <a:pt x="1294" y="1550"/>
                  </a:lnTo>
                  <a:lnTo>
                    <a:pt x="1294" y="1548"/>
                  </a:lnTo>
                  <a:lnTo>
                    <a:pt x="1294" y="1547"/>
                  </a:lnTo>
                  <a:lnTo>
                    <a:pt x="1292" y="1547"/>
                  </a:lnTo>
                  <a:lnTo>
                    <a:pt x="1292" y="1545"/>
                  </a:lnTo>
                  <a:lnTo>
                    <a:pt x="1290" y="1545"/>
                  </a:lnTo>
                  <a:lnTo>
                    <a:pt x="1288" y="1545"/>
                  </a:lnTo>
                  <a:lnTo>
                    <a:pt x="1286" y="1545"/>
                  </a:lnTo>
                  <a:lnTo>
                    <a:pt x="1286" y="1547"/>
                  </a:lnTo>
                  <a:lnTo>
                    <a:pt x="1284" y="1547"/>
                  </a:lnTo>
                  <a:lnTo>
                    <a:pt x="1284" y="1548"/>
                  </a:lnTo>
                  <a:lnTo>
                    <a:pt x="1282" y="1548"/>
                  </a:lnTo>
                  <a:lnTo>
                    <a:pt x="1282" y="1550"/>
                  </a:lnTo>
                  <a:lnTo>
                    <a:pt x="1281" y="1550"/>
                  </a:lnTo>
                  <a:lnTo>
                    <a:pt x="1281" y="1552"/>
                  </a:lnTo>
                  <a:lnTo>
                    <a:pt x="1281" y="1550"/>
                  </a:lnTo>
                  <a:lnTo>
                    <a:pt x="1281" y="1552"/>
                  </a:lnTo>
                  <a:lnTo>
                    <a:pt x="1279" y="1552"/>
                  </a:lnTo>
                  <a:lnTo>
                    <a:pt x="1277" y="1554"/>
                  </a:lnTo>
                  <a:lnTo>
                    <a:pt x="1275" y="1552"/>
                  </a:lnTo>
                  <a:lnTo>
                    <a:pt x="1268" y="1547"/>
                  </a:lnTo>
                  <a:lnTo>
                    <a:pt x="1266" y="1545"/>
                  </a:lnTo>
                  <a:lnTo>
                    <a:pt x="1264" y="1543"/>
                  </a:lnTo>
                  <a:lnTo>
                    <a:pt x="1262" y="1543"/>
                  </a:lnTo>
                  <a:lnTo>
                    <a:pt x="1262" y="1541"/>
                  </a:lnTo>
                  <a:lnTo>
                    <a:pt x="1260" y="1541"/>
                  </a:lnTo>
                  <a:lnTo>
                    <a:pt x="1260" y="1539"/>
                  </a:lnTo>
                  <a:lnTo>
                    <a:pt x="1258" y="1539"/>
                  </a:lnTo>
                  <a:lnTo>
                    <a:pt x="1258" y="1537"/>
                  </a:lnTo>
                  <a:lnTo>
                    <a:pt x="1258" y="1535"/>
                  </a:lnTo>
                  <a:lnTo>
                    <a:pt x="1257" y="1535"/>
                  </a:lnTo>
                  <a:lnTo>
                    <a:pt x="1255" y="1535"/>
                  </a:lnTo>
                  <a:lnTo>
                    <a:pt x="1255" y="1534"/>
                  </a:lnTo>
                  <a:lnTo>
                    <a:pt x="1253" y="1534"/>
                  </a:lnTo>
                  <a:lnTo>
                    <a:pt x="1253" y="1532"/>
                  </a:lnTo>
                  <a:lnTo>
                    <a:pt x="1251" y="1530"/>
                  </a:lnTo>
                  <a:lnTo>
                    <a:pt x="1251" y="1528"/>
                  </a:lnTo>
                  <a:lnTo>
                    <a:pt x="1249" y="1528"/>
                  </a:lnTo>
                  <a:lnTo>
                    <a:pt x="1249" y="1526"/>
                  </a:lnTo>
                  <a:lnTo>
                    <a:pt x="1247" y="1526"/>
                  </a:lnTo>
                  <a:lnTo>
                    <a:pt x="1247" y="1524"/>
                  </a:lnTo>
                  <a:lnTo>
                    <a:pt x="1246" y="1524"/>
                  </a:lnTo>
                  <a:lnTo>
                    <a:pt x="1246" y="1522"/>
                  </a:lnTo>
                  <a:lnTo>
                    <a:pt x="1244" y="1521"/>
                  </a:lnTo>
                  <a:lnTo>
                    <a:pt x="1244" y="1519"/>
                  </a:lnTo>
                  <a:lnTo>
                    <a:pt x="1242" y="1519"/>
                  </a:lnTo>
                  <a:lnTo>
                    <a:pt x="1242" y="1517"/>
                  </a:lnTo>
                  <a:lnTo>
                    <a:pt x="1242" y="1515"/>
                  </a:lnTo>
                  <a:lnTo>
                    <a:pt x="1240" y="1515"/>
                  </a:lnTo>
                  <a:lnTo>
                    <a:pt x="1240" y="1513"/>
                  </a:lnTo>
                  <a:lnTo>
                    <a:pt x="1238" y="1513"/>
                  </a:lnTo>
                  <a:lnTo>
                    <a:pt x="1238" y="1511"/>
                  </a:lnTo>
                  <a:lnTo>
                    <a:pt x="1238" y="1510"/>
                  </a:lnTo>
                  <a:lnTo>
                    <a:pt x="1236" y="1510"/>
                  </a:lnTo>
                  <a:lnTo>
                    <a:pt x="1234" y="1508"/>
                  </a:lnTo>
                  <a:lnTo>
                    <a:pt x="1234" y="1506"/>
                  </a:lnTo>
                  <a:lnTo>
                    <a:pt x="1233" y="1506"/>
                  </a:lnTo>
                  <a:lnTo>
                    <a:pt x="1233" y="1504"/>
                  </a:lnTo>
                  <a:lnTo>
                    <a:pt x="1231" y="1504"/>
                  </a:lnTo>
                  <a:lnTo>
                    <a:pt x="1233" y="1504"/>
                  </a:lnTo>
                  <a:lnTo>
                    <a:pt x="1231" y="1502"/>
                  </a:lnTo>
                  <a:lnTo>
                    <a:pt x="1231" y="1500"/>
                  </a:lnTo>
                  <a:lnTo>
                    <a:pt x="1231" y="1498"/>
                  </a:lnTo>
                  <a:lnTo>
                    <a:pt x="1231" y="1497"/>
                  </a:lnTo>
                  <a:lnTo>
                    <a:pt x="1231" y="1495"/>
                  </a:lnTo>
                  <a:lnTo>
                    <a:pt x="1229" y="1495"/>
                  </a:lnTo>
                  <a:lnTo>
                    <a:pt x="1229" y="1493"/>
                  </a:lnTo>
                  <a:lnTo>
                    <a:pt x="1227" y="1493"/>
                  </a:lnTo>
                  <a:lnTo>
                    <a:pt x="1225" y="1495"/>
                  </a:lnTo>
                  <a:lnTo>
                    <a:pt x="1225" y="1493"/>
                  </a:lnTo>
                  <a:lnTo>
                    <a:pt x="1225" y="1491"/>
                  </a:lnTo>
                  <a:lnTo>
                    <a:pt x="1225" y="1489"/>
                  </a:lnTo>
                  <a:lnTo>
                    <a:pt x="1225" y="1487"/>
                  </a:lnTo>
                  <a:lnTo>
                    <a:pt x="1223" y="1487"/>
                  </a:lnTo>
                  <a:lnTo>
                    <a:pt x="1223" y="1485"/>
                  </a:lnTo>
                  <a:lnTo>
                    <a:pt x="1221" y="1485"/>
                  </a:lnTo>
                  <a:lnTo>
                    <a:pt x="1221" y="1484"/>
                  </a:lnTo>
                  <a:lnTo>
                    <a:pt x="1221" y="1482"/>
                  </a:lnTo>
                  <a:lnTo>
                    <a:pt x="1221" y="1480"/>
                  </a:lnTo>
                  <a:lnTo>
                    <a:pt x="1221" y="1478"/>
                  </a:lnTo>
                  <a:lnTo>
                    <a:pt x="1220" y="1476"/>
                  </a:lnTo>
                  <a:lnTo>
                    <a:pt x="1220" y="1474"/>
                  </a:lnTo>
                  <a:lnTo>
                    <a:pt x="1220" y="1473"/>
                  </a:lnTo>
                  <a:lnTo>
                    <a:pt x="1220" y="1471"/>
                  </a:lnTo>
                  <a:lnTo>
                    <a:pt x="1218" y="1471"/>
                  </a:lnTo>
                  <a:lnTo>
                    <a:pt x="1218" y="1469"/>
                  </a:lnTo>
                  <a:lnTo>
                    <a:pt x="1218" y="1467"/>
                  </a:lnTo>
                  <a:lnTo>
                    <a:pt x="1218" y="1465"/>
                  </a:lnTo>
                  <a:lnTo>
                    <a:pt x="1218" y="1463"/>
                  </a:lnTo>
                  <a:lnTo>
                    <a:pt x="1216" y="1463"/>
                  </a:lnTo>
                  <a:lnTo>
                    <a:pt x="1216" y="1461"/>
                  </a:lnTo>
                  <a:lnTo>
                    <a:pt x="1218" y="1460"/>
                  </a:lnTo>
                  <a:lnTo>
                    <a:pt x="1216" y="1460"/>
                  </a:lnTo>
                  <a:lnTo>
                    <a:pt x="1218" y="1460"/>
                  </a:lnTo>
                  <a:lnTo>
                    <a:pt x="1216" y="1460"/>
                  </a:lnTo>
                  <a:lnTo>
                    <a:pt x="1216" y="1458"/>
                  </a:lnTo>
                  <a:lnTo>
                    <a:pt x="1218" y="1458"/>
                  </a:lnTo>
                  <a:lnTo>
                    <a:pt x="1218" y="1456"/>
                  </a:lnTo>
                  <a:lnTo>
                    <a:pt x="1216" y="1456"/>
                  </a:lnTo>
                  <a:lnTo>
                    <a:pt x="1216" y="1454"/>
                  </a:lnTo>
                  <a:lnTo>
                    <a:pt x="1214" y="1454"/>
                  </a:lnTo>
                  <a:lnTo>
                    <a:pt x="1214" y="1452"/>
                  </a:lnTo>
                  <a:lnTo>
                    <a:pt x="1212" y="1454"/>
                  </a:lnTo>
                  <a:lnTo>
                    <a:pt x="1212" y="1452"/>
                  </a:lnTo>
                  <a:lnTo>
                    <a:pt x="1210" y="1452"/>
                  </a:lnTo>
                  <a:lnTo>
                    <a:pt x="1210" y="1450"/>
                  </a:lnTo>
                  <a:lnTo>
                    <a:pt x="1209" y="1450"/>
                  </a:lnTo>
                  <a:lnTo>
                    <a:pt x="1209" y="1448"/>
                  </a:lnTo>
                  <a:lnTo>
                    <a:pt x="1207" y="1448"/>
                  </a:lnTo>
                  <a:lnTo>
                    <a:pt x="1207" y="1447"/>
                  </a:lnTo>
                  <a:lnTo>
                    <a:pt x="1205" y="1447"/>
                  </a:lnTo>
                  <a:lnTo>
                    <a:pt x="1205" y="1445"/>
                  </a:lnTo>
                  <a:lnTo>
                    <a:pt x="1205" y="1443"/>
                  </a:lnTo>
                  <a:lnTo>
                    <a:pt x="1203" y="1443"/>
                  </a:lnTo>
                  <a:lnTo>
                    <a:pt x="1203" y="1441"/>
                  </a:lnTo>
                  <a:lnTo>
                    <a:pt x="1205" y="1441"/>
                  </a:lnTo>
                  <a:lnTo>
                    <a:pt x="1205" y="1439"/>
                  </a:lnTo>
                  <a:lnTo>
                    <a:pt x="1203" y="1437"/>
                  </a:lnTo>
                  <a:lnTo>
                    <a:pt x="1203" y="1436"/>
                  </a:lnTo>
                  <a:lnTo>
                    <a:pt x="1201" y="1434"/>
                  </a:lnTo>
                  <a:lnTo>
                    <a:pt x="1201" y="1432"/>
                  </a:lnTo>
                  <a:lnTo>
                    <a:pt x="1199" y="1432"/>
                  </a:lnTo>
                  <a:lnTo>
                    <a:pt x="1199" y="1430"/>
                  </a:lnTo>
                  <a:lnTo>
                    <a:pt x="1197" y="1428"/>
                  </a:lnTo>
                  <a:lnTo>
                    <a:pt x="1196" y="1428"/>
                  </a:lnTo>
                  <a:lnTo>
                    <a:pt x="1194" y="1426"/>
                  </a:lnTo>
                  <a:lnTo>
                    <a:pt x="1192" y="1426"/>
                  </a:lnTo>
                  <a:lnTo>
                    <a:pt x="1190" y="1426"/>
                  </a:lnTo>
                  <a:lnTo>
                    <a:pt x="1188" y="1426"/>
                  </a:lnTo>
                  <a:lnTo>
                    <a:pt x="1186" y="1426"/>
                  </a:lnTo>
                  <a:lnTo>
                    <a:pt x="1186" y="1424"/>
                  </a:lnTo>
                  <a:lnTo>
                    <a:pt x="1183" y="1424"/>
                  </a:lnTo>
                  <a:lnTo>
                    <a:pt x="1181" y="1424"/>
                  </a:lnTo>
                  <a:lnTo>
                    <a:pt x="1179" y="1423"/>
                  </a:lnTo>
                  <a:lnTo>
                    <a:pt x="1177" y="1423"/>
                  </a:lnTo>
                  <a:lnTo>
                    <a:pt x="1177" y="1421"/>
                  </a:lnTo>
                  <a:lnTo>
                    <a:pt x="1177" y="1419"/>
                  </a:lnTo>
                  <a:lnTo>
                    <a:pt x="1175" y="1417"/>
                  </a:lnTo>
                  <a:lnTo>
                    <a:pt x="1175" y="1415"/>
                  </a:lnTo>
                  <a:lnTo>
                    <a:pt x="1172" y="1415"/>
                  </a:lnTo>
                  <a:lnTo>
                    <a:pt x="1172" y="1417"/>
                  </a:lnTo>
                  <a:lnTo>
                    <a:pt x="1170" y="1417"/>
                  </a:lnTo>
                  <a:lnTo>
                    <a:pt x="1168" y="1417"/>
                  </a:lnTo>
                  <a:lnTo>
                    <a:pt x="1166" y="1415"/>
                  </a:lnTo>
                  <a:lnTo>
                    <a:pt x="1164" y="1413"/>
                  </a:lnTo>
                  <a:lnTo>
                    <a:pt x="1164" y="1415"/>
                  </a:lnTo>
                  <a:lnTo>
                    <a:pt x="1162" y="1415"/>
                  </a:lnTo>
                  <a:lnTo>
                    <a:pt x="1159" y="1413"/>
                  </a:lnTo>
                  <a:lnTo>
                    <a:pt x="1159" y="1412"/>
                  </a:lnTo>
                  <a:lnTo>
                    <a:pt x="1157" y="1412"/>
                  </a:lnTo>
                  <a:lnTo>
                    <a:pt x="1155" y="1412"/>
                  </a:lnTo>
                  <a:lnTo>
                    <a:pt x="1153" y="1412"/>
                  </a:lnTo>
                  <a:lnTo>
                    <a:pt x="1153" y="1410"/>
                  </a:lnTo>
                  <a:lnTo>
                    <a:pt x="1151" y="1410"/>
                  </a:lnTo>
                  <a:lnTo>
                    <a:pt x="1151" y="1408"/>
                  </a:lnTo>
                  <a:lnTo>
                    <a:pt x="1149" y="1408"/>
                  </a:lnTo>
                  <a:lnTo>
                    <a:pt x="1149" y="1406"/>
                  </a:lnTo>
                  <a:lnTo>
                    <a:pt x="1149" y="1404"/>
                  </a:lnTo>
                  <a:lnTo>
                    <a:pt x="1151" y="1400"/>
                  </a:lnTo>
                  <a:lnTo>
                    <a:pt x="1151" y="1399"/>
                  </a:lnTo>
                  <a:lnTo>
                    <a:pt x="1151" y="1397"/>
                  </a:lnTo>
                  <a:lnTo>
                    <a:pt x="1149" y="1395"/>
                  </a:lnTo>
                  <a:lnTo>
                    <a:pt x="1149" y="1393"/>
                  </a:lnTo>
                  <a:lnTo>
                    <a:pt x="1148" y="1391"/>
                  </a:lnTo>
                  <a:lnTo>
                    <a:pt x="1153" y="1391"/>
                  </a:lnTo>
                  <a:lnTo>
                    <a:pt x="1153" y="1389"/>
                  </a:lnTo>
                  <a:lnTo>
                    <a:pt x="1155" y="1389"/>
                  </a:lnTo>
                  <a:lnTo>
                    <a:pt x="1155" y="1387"/>
                  </a:lnTo>
                  <a:lnTo>
                    <a:pt x="1155" y="1386"/>
                  </a:lnTo>
                  <a:lnTo>
                    <a:pt x="1157" y="1384"/>
                  </a:lnTo>
                  <a:lnTo>
                    <a:pt x="1157" y="1382"/>
                  </a:lnTo>
                  <a:lnTo>
                    <a:pt x="1159" y="1382"/>
                  </a:lnTo>
                  <a:lnTo>
                    <a:pt x="1159" y="1380"/>
                  </a:lnTo>
                  <a:lnTo>
                    <a:pt x="1159" y="1378"/>
                  </a:lnTo>
                  <a:lnTo>
                    <a:pt x="1157" y="1378"/>
                  </a:lnTo>
                  <a:lnTo>
                    <a:pt x="1157" y="1376"/>
                  </a:lnTo>
                  <a:lnTo>
                    <a:pt x="1155" y="1375"/>
                  </a:lnTo>
                  <a:lnTo>
                    <a:pt x="1155" y="1373"/>
                  </a:lnTo>
                  <a:lnTo>
                    <a:pt x="1155" y="1371"/>
                  </a:lnTo>
                  <a:lnTo>
                    <a:pt x="1155" y="1369"/>
                  </a:lnTo>
                  <a:lnTo>
                    <a:pt x="1155" y="1367"/>
                  </a:lnTo>
                  <a:lnTo>
                    <a:pt x="1155" y="1365"/>
                  </a:lnTo>
                  <a:lnTo>
                    <a:pt x="1155" y="1363"/>
                  </a:lnTo>
                  <a:lnTo>
                    <a:pt x="1155" y="1362"/>
                  </a:lnTo>
                  <a:lnTo>
                    <a:pt x="1155" y="1360"/>
                  </a:lnTo>
                  <a:lnTo>
                    <a:pt x="1153" y="1360"/>
                  </a:lnTo>
                  <a:lnTo>
                    <a:pt x="1153" y="1358"/>
                  </a:lnTo>
                  <a:lnTo>
                    <a:pt x="1153" y="1356"/>
                  </a:lnTo>
                  <a:lnTo>
                    <a:pt x="1153" y="1354"/>
                  </a:lnTo>
                  <a:lnTo>
                    <a:pt x="1153" y="1352"/>
                  </a:lnTo>
                  <a:lnTo>
                    <a:pt x="1151" y="1350"/>
                  </a:lnTo>
                  <a:lnTo>
                    <a:pt x="1151" y="1349"/>
                  </a:lnTo>
                  <a:lnTo>
                    <a:pt x="1151" y="1347"/>
                  </a:lnTo>
                  <a:lnTo>
                    <a:pt x="1149" y="1345"/>
                  </a:lnTo>
                  <a:lnTo>
                    <a:pt x="1149" y="1341"/>
                  </a:lnTo>
                  <a:lnTo>
                    <a:pt x="1148" y="1341"/>
                  </a:lnTo>
                  <a:lnTo>
                    <a:pt x="1148" y="1339"/>
                  </a:lnTo>
                  <a:lnTo>
                    <a:pt x="1148" y="1338"/>
                  </a:lnTo>
                  <a:lnTo>
                    <a:pt x="1148" y="1336"/>
                  </a:lnTo>
                  <a:lnTo>
                    <a:pt x="1148" y="1334"/>
                  </a:lnTo>
                  <a:lnTo>
                    <a:pt x="1148" y="1332"/>
                  </a:lnTo>
                  <a:lnTo>
                    <a:pt x="1146" y="1332"/>
                  </a:lnTo>
                  <a:lnTo>
                    <a:pt x="1146" y="1330"/>
                  </a:lnTo>
                  <a:lnTo>
                    <a:pt x="1144" y="1330"/>
                  </a:lnTo>
                  <a:lnTo>
                    <a:pt x="1144" y="1328"/>
                  </a:lnTo>
                  <a:lnTo>
                    <a:pt x="1142" y="1328"/>
                  </a:lnTo>
                  <a:lnTo>
                    <a:pt x="1140" y="1326"/>
                  </a:lnTo>
                  <a:lnTo>
                    <a:pt x="1138" y="1325"/>
                  </a:lnTo>
                  <a:lnTo>
                    <a:pt x="1138" y="1321"/>
                  </a:lnTo>
                  <a:lnTo>
                    <a:pt x="1136" y="1319"/>
                  </a:lnTo>
                  <a:lnTo>
                    <a:pt x="1138" y="1319"/>
                  </a:lnTo>
                  <a:lnTo>
                    <a:pt x="1136" y="1317"/>
                  </a:lnTo>
                  <a:lnTo>
                    <a:pt x="1136" y="1315"/>
                  </a:lnTo>
                  <a:lnTo>
                    <a:pt x="1138" y="1312"/>
                  </a:lnTo>
                  <a:lnTo>
                    <a:pt x="1138" y="1310"/>
                  </a:lnTo>
                  <a:lnTo>
                    <a:pt x="1138" y="1308"/>
                  </a:lnTo>
                  <a:lnTo>
                    <a:pt x="1138" y="1306"/>
                  </a:lnTo>
                  <a:lnTo>
                    <a:pt x="1138" y="1304"/>
                  </a:lnTo>
                  <a:lnTo>
                    <a:pt x="1138" y="1302"/>
                  </a:lnTo>
                  <a:lnTo>
                    <a:pt x="1138" y="1301"/>
                  </a:lnTo>
                  <a:lnTo>
                    <a:pt x="1138" y="1299"/>
                  </a:lnTo>
                  <a:lnTo>
                    <a:pt x="1140" y="1297"/>
                  </a:lnTo>
                  <a:lnTo>
                    <a:pt x="1140" y="1295"/>
                  </a:lnTo>
                  <a:lnTo>
                    <a:pt x="1140" y="1293"/>
                  </a:lnTo>
                  <a:lnTo>
                    <a:pt x="1140" y="1291"/>
                  </a:lnTo>
                  <a:lnTo>
                    <a:pt x="1142" y="1289"/>
                  </a:lnTo>
                  <a:lnTo>
                    <a:pt x="1140" y="1289"/>
                  </a:lnTo>
                  <a:lnTo>
                    <a:pt x="1140" y="1288"/>
                  </a:lnTo>
                  <a:lnTo>
                    <a:pt x="1140" y="1284"/>
                  </a:lnTo>
                  <a:lnTo>
                    <a:pt x="1140" y="1282"/>
                  </a:lnTo>
                  <a:lnTo>
                    <a:pt x="1140" y="1280"/>
                  </a:lnTo>
                  <a:lnTo>
                    <a:pt x="1142" y="1278"/>
                  </a:lnTo>
                  <a:lnTo>
                    <a:pt x="1144" y="1276"/>
                  </a:lnTo>
                  <a:lnTo>
                    <a:pt x="1144" y="1275"/>
                  </a:lnTo>
                  <a:lnTo>
                    <a:pt x="1142" y="1275"/>
                  </a:lnTo>
                  <a:lnTo>
                    <a:pt x="1144" y="1275"/>
                  </a:lnTo>
                  <a:lnTo>
                    <a:pt x="1144" y="1273"/>
                  </a:lnTo>
                  <a:lnTo>
                    <a:pt x="1144" y="1269"/>
                  </a:lnTo>
                  <a:lnTo>
                    <a:pt x="1144" y="1265"/>
                  </a:lnTo>
                  <a:lnTo>
                    <a:pt x="1142" y="1265"/>
                  </a:lnTo>
                  <a:lnTo>
                    <a:pt x="1142" y="1264"/>
                  </a:lnTo>
                  <a:lnTo>
                    <a:pt x="1142" y="1262"/>
                  </a:lnTo>
                  <a:lnTo>
                    <a:pt x="1144" y="1260"/>
                  </a:lnTo>
                  <a:lnTo>
                    <a:pt x="1144" y="1258"/>
                  </a:lnTo>
                  <a:lnTo>
                    <a:pt x="1142" y="1254"/>
                  </a:lnTo>
                  <a:lnTo>
                    <a:pt x="1144" y="1254"/>
                  </a:lnTo>
                  <a:lnTo>
                    <a:pt x="1142" y="1252"/>
                  </a:lnTo>
                  <a:lnTo>
                    <a:pt x="1142" y="1249"/>
                  </a:lnTo>
                  <a:lnTo>
                    <a:pt x="1142" y="1247"/>
                  </a:lnTo>
                  <a:lnTo>
                    <a:pt x="1142" y="1245"/>
                  </a:lnTo>
                  <a:lnTo>
                    <a:pt x="1142" y="1243"/>
                  </a:lnTo>
                  <a:lnTo>
                    <a:pt x="1140" y="1241"/>
                  </a:lnTo>
                  <a:lnTo>
                    <a:pt x="1142" y="1239"/>
                  </a:lnTo>
                  <a:lnTo>
                    <a:pt x="1142" y="1236"/>
                  </a:lnTo>
                  <a:lnTo>
                    <a:pt x="1142" y="1234"/>
                  </a:lnTo>
                  <a:lnTo>
                    <a:pt x="1142" y="1232"/>
                  </a:lnTo>
                  <a:lnTo>
                    <a:pt x="1142" y="1228"/>
                  </a:lnTo>
                  <a:lnTo>
                    <a:pt x="1142" y="1227"/>
                  </a:lnTo>
                  <a:lnTo>
                    <a:pt x="1146" y="1227"/>
                  </a:lnTo>
                  <a:lnTo>
                    <a:pt x="1146" y="1225"/>
                  </a:lnTo>
                  <a:lnTo>
                    <a:pt x="1148" y="1225"/>
                  </a:lnTo>
                  <a:lnTo>
                    <a:pt x="1148" y="1223"/>
                  </a:lnTo>
                  <a:lnTo>
                    <a:pt x="1148" y="1221"/>
                  </a:lnTo>
                  <a:lnTo>
                    <a:pt x="1149" y="1217"/>
                  </a:lnTo>
                  <a:lnTo>
                    <a:pt x="1149" y="1215"/>
                  </a:lnTo>
                  <a:lnTo>
                    <a:pt x="1148" y="1212"/>
                  </a:lnTo>
                  <a:lnTo>
                    <a:pt x="1148" y="1210"/>
                  </a:lnTo>
                  <a:lnTo>
                    <a:pt x="1148" y="1208"/>
                  </a:lnTo>
                  <a:lnTo>
                    <a:pt x="1148" y="1206"/>
                  </a:lnTo>
                  <a:lnTo>
                    <a:pt x="1148" y="1204"/>
                  </a:lnTo>
                  <a:lnTo>
                    <a:pt x="1148" y="1202"/>
                  </a:lnTo>
                  <a:lnTo>
                    <a:pt x="1148" y="1201"/>
                  </a:lnTo>
                  <a:lnTo>
                    <a:pt x="1148" y="1199"/>
                  </a:lnTo>
                  <a:lnTo>
                    <a:pt x="1148" y="1197"/>
                  </a:lnTo>
                  <a:lnTo>
                    <a:pt x="1146" y="1193"/>
                  </a:lnTo>
                  <a:lnTo>
                    <a:pt x="1144" y="1193"/>
                  </a:lnTo>
                  <a:lnTo>
                    <a:pt x="1127" y="1195"/>
                  </a:lnTo>
                  <a:lnTo>
                    <a:pt x="1127" y="1191"/>
                  </a:lnTo>
                  <a:lnTo>
                    <a:pt x="1125" y="1190"/>
                  </a:lnTo>
                  <a:lnTo>
                    <a:pt x="1125" y="1186"/>
                  </a:lnTo>
                  <a:lnTo>
                    <a:pt x="1142" y="1186"/>
                  </a:lnTo>
                  <a:lnTo>
                    <a:pt x="1142" y="1184"/>
                  </a:lnTo>
                  <a:lnTo>
                    <a:pt x="1142" y="1182"/>
                  </a:lnTo>
                  <a:lnTo>
                    <a:pt x="1142" y="1180"/>
                  </a:lnTo>
                  <a:lnTo>
                    <a:pt x="1144" y="1178"/>
                  </a:lnTo>
                  <a:lnTo>
                    <a:pt x="1144" y="1177"/>
                  </a:lnTo>
                  <a:lnTo>
                    <a:pt x="1144" y="1175"/>
                  </a:lnTo>
                  <a:lnTo>
                    <a:pt x="1144" y="1173"/>
                  </a:lnTo>
                  <a:lnTo>
                    <a:pt x="1144" y="1171"/>
                  </a:lnTo>
                  <a:lnTo>
                    <a:pt x="1144" y="1169"/>
                  </a:lnTo>
                  <a:lnTo>
                    <a:pt x="1144" y="1167"/>
                  </a:lnTo>
                  <a:lnTo>
                    <a:pt x="1144" y="1165"/>
                  </a:lnTo>
                  <a:lnTo>
                    <a:pt x="1144" y="1164"/>
                  </a:lnTo>
                  <a:lnTo>
                    <a:pt x="1144" y="1158"/>
                  </a:lnTo>
                  <a:lnTo>
                    <a:pt x="1144" y="1156"/>
                  </a:lnTo>
                  <a:lnTo>
                    <a:pt x="1144" y="1154"/>
                  </a:lnTo>
                  <a:lnTo>
                    <a:pt x="1144" y="1153"/>
                  </a:lnTo>
                  <a:lnTo>
                    <a:pt x="1144" y="1149"/>
                  </a:lnTo>
                  <a:lnTo>
                    <a:pt x="1142" y="1149"/>
                  </a:lnTo>
                  <a:lnTo>
                    <a:pt x="1142" y="1147"/>
                  </a:lnTo>
                  <a:lnTo>
                    <a:pt x="1142" y="1145"/>
                  </a:lnTo>
                  <a:lnTo>
                    <a:pt x="1142" y="1143"/>
                  </a:lnTo>
                  <a:lnTo>
                    <a:pt x="1142" y="1141"/>
                  </a:lnTo>
                  <a:lnTo>
                    <a:pt x="1146" y="1138"/>
                  </a:lnTo>
                  <a:lnTo>
                    <a:pt x="1146" y="1136"/>
                  </a:lnTo>
                  <a:lnTo>
                    <a:pt x="1144" y="1136"/>
                  </a:lnTo>
                  <a:lnTo>
                    <a:pt x="1142" y="1136"/>
                  </a:lnTo>
                  <a:lnTo>
                    <a:pt x="1140" y="1138"/>
                  </a:lnTo>
                  <a:lnTo>
                    <a:pt x="1138" y="1138"/>
                  </a:lnTo>
                  <a:lnTo>
                    <a:pt x="1136" y="1138"/>
                  </a:lnTo>
                  <a:lnTo>
                    <a:pt x="1135" y="1140"/>
                  </a:lnTo>
                  <a:lnTo>
                    <a:pt x="1135" y="1141"/>
                  </a:lnTo>
                  <a:lnTo>
                    <a:pt x="1133" y="1141"/>
                  </a:lnTo>
                  <a:lnTo>
                    <a:pt x="1133" y="1143"/>
                  </a:lnTo>
                  <a:lnTo>
                    <a:pt x="1105" y="1160"/>
                  </a:lnTo>
                  <a:lnTo>
                    <a:pt x="1105" y="1162"/>
                  </a:lnTo>
                  <a:lnTo>
                    <a:pt x="1103" y="1162"/>
                  </a:lnTo>
                  <a:lnTo>
                    <a:pt x="1103" y="1164"/>
                  </a:lnTo>
                  <a:lnTo>
                    <a:pt x="1101" y="1164"/>
                  </a:lnTo>
                  <a:lnTo>
                    <a:pt x="1099" y="1167"/>
                  </a:lnTo>
                  <a:lnTo>
                    <a:pt x="1099" y="1169"/>
                  </a:lnTo>
                  <a:lnTo>
                    <a:pt x="1099" y="1171"/>
                  </a:lnTo>
                  <a:lnTo>
                    <a:pt x="1098" y="1171"/>
                  </a:lnTo>
                  <a:lnTo>
                    <a:pt x="1096" y="1173"/>
                  </a:lnTo>
                  <a:lnTo>
                    <a:pt x="1094" y="1173"/>
                  </a:lnTo>
                  <a:lnTo>
                    <a:pt x="1094" y="1175"/>
                  </a:lnTo>
                  <a:lnTo>
                    <a:pt x="1094" y="1177"/>
                  </a:lnTo>
                  <a:lnTo>
                    <a:pt x="1092" y="1177"/>
                  </a:lnTo>
                  <a:lnTo>
                    <a:pt x="1092" y="1178"/>
                  </a:lnTo>
                  <a:lnTo>
                    <a:pt x="1092" y="1180"/>
                  </a:lnTo>
                  <a:lnTo>
                    <a:pt x="1092" y="1182"/>
                  </a:lnTo>
                  <a:lnTo>
                    <a:pt x="1094" y="1184"/>
                  </a:lnTo>
                  <a:lnTo>
                    <a:pt x="1094" y="1186"/>
                  </a:lnTo>
                  <a:lnTo>
                    <a:pt x="1092" y="1186"/>
                  </a:lnTo>
                  <a:lnTo>
                    <a:pt x="1092" y="1188"/>
                  </a:lnTo>
                  <a:lnTo>
                    <a:pt x="1092" y="1190"/>
                  </a:lnTo>
                  <a:lnTo>
                    <a:pt x="1092" y="1191"/>
                  </a:lnTo>
                  <a:lnTo>
                    <a:pt x="1092" y="1193"/>
                  </a:lnTo>
                  <a:lnTo>
                    <a:pt x="1090" y="1193"/>
                  </a:lnTo>
                  <a:lnTo>
                    <a:pt x="1092" y="1193"/>
                  </a:lnTo>
                  <a:lnTo>
                    <a:pt x="1092" y="1195"/>
                  </a:lnTo>
                  <a:lnTo>
                    <a:pt x="1092" y="1197"/>
                  </a:lnTo>
                  <a:lnTo>
                    <a:pt x="1092" y="1199"/>
                  </a:lnTo>
                  <a:lnTo>
                    <a:pt x="1092" y="1201"/>
                  </a:lnTo>
                  <a:lnTo>
                    <a:pt x="1092" y="1202"/>
                  </a:lnTo>
                  <a:lnTo>
                    <a:pt x="1092" y="1204"/>
                  </a:lnTo>
                  <a:lnTo>
                    <a:pt x="1090" y="1204"/>
                  </a:lnTo>
                  <a:lnTo>
                    <a:pt x="1090" y="1206"/>
                  </a:lnTo>
                  <a:lnTo>
                    <a:pt x="1088" y="1206"/>
                  </a:lnTo>
                  <a:lnTo>
                    <a:pt x="1088" y="1208"/>
                  </a:lnTo>
                  <a:lnTo>
                    <a:pt x="1087" y="1208"/>
                  </a:lnTo>
                  <a:lnTo>
                    <a:pt x="1087" y="1210"/>
                  </a:lnTo>
                  <a:lnTo>
                    <a:pt x="1085" y="1210"/>
                  </a:lnTo>
                  <a:lnTo>
                    <a:pt x="1085" y="1212"/>
                  </a:lnTo>
                  <a:lnTo>
                    <a:pt x="1083" y="1212"/>
                  </a:lnTo>
                  <a:lnTo>
                    <a:pt x="1083" y="1214"/>
                  </a:lnTo>
                  <a:lnTo>
                    <a:pt x="1081" y="1214"/>
                  </a:lnTo>
                  <a:lnTo>
                    <a:pt x="1081" y="1215"/>
                  </a:lnTo>
                  <a:lnTo>
                    <a:pt x="1079" y="1217"/>
                  </a:lnTo>
                  <a:lnTo>
                    <a:pt x="1079" y="1219"/>
                  </a:lnTo>
                  <a:lnTo>
                    <a:pt x="1077" y="1221"/>
                  </a:lnTo>
                  <a:lnTo>
                    <a:pt x="1077" y="1223"/>
                  </a:lnTo>
                  <a:lnTo>
                    <a:pt x="1075" y="1223"/>
                  </a:lnTo>
                  <a:lnTo>
                    <a:pt x="1074" y="1223"/>
                  </a:lnTo>
                  <a:lnTo>
                    <a:pt x="1072" y="1223"/>
                  </a:lnTo>
                  <a:lnTo>
                    <a:pt x="1064" y="1221"/>
                  </a:lnTo>
                  <a:lnTo>
                    <a:pt x="1063" y="1221"/>
                  </a:lnTo>
                  <a:lnTo>
                    <a:pt x="1061" y="1219"/>
                  </a:lnTo>
                  <a:lnTo>
                    <a:pt x="1059" y="1219"/>
                  </a:lnTo>
                  <a:lnTo>
                    <a:pt x="1057" y="1219"/>
                  </a:lnTo>
                  <a:lnTo>
                    <a:pt x="1057" y="1217"/>
                  </a:lnTo>
                  <a:lnTo>
                    <a:pt x="1055" y="1217"/>
                  </a:lnTo>
                  <a:lnTo>
                    <a:pt x="1055" y="1219"/>
                  </a:lnTo>
                  <a:lnTo>
                    <a:pt x="1055" y="1217"/>
                  </a:lnTo>
                  <a:lnTo>
                    <a:pt x="1053" y="1217"/>
                  </a:lnTo>
                  <a:lnTo>
                    <a:pt x="1051" y="1215"/>
                  </a:lnTo>
                  <a:lnTo>
                    <a:pt x="1051" y="1214"/>
                  </a:lnTo>
                  <a:lnTo>
                    <a:pt x="1048" y="1212"/>
                  </a:lnTo>
                  <a:lnTo>
                    <a:pt x="1044" y="1212"/>
                  </a:lnTo>
                  <a:lnTo>
                    <a:pt x="1044" y="1208"/>
                  </a:lnTo>
                  <a:lnTo>
                    <a:pt x="1042" y="1206"/>
                  </a:lnTo>
                  <a:lnTo>
                    <a:pt x="1040" y="1199"/>
                  </a:lnTo>
                  <a:lnTo>
                    <a:pt x="1038" y="1199"/>
                  </a:lnTo>
                  <a:lnTo>
                    <a:pt x="1038" y="1197"/>
                  </a:lnTo>
                  <a:lnTo>
                    <a:pt x="1037" y="1197"/>
                  </a:lnTo>
                  <a:lnTo>
                    <a:pt x="1037" y="1195"/>
                  </a:lnTo>
                  <a:lnTo>
                    <a:pt x="1037" y="1193"/>
                  </a:lnTo>
                  <a:lnTo>
                    <a:pt x="1035" y="1193"/>
                  </a:lnTo>
                  <a:lnTo>
                    <a:pt x="1033" y="1193"/>
                  </a:lnTo>
                  <a:lnTo>
                    <a:pt x="1031" y="1193"/>
                  </a:lnTo>
                  <a:lnTo>
                    <a:pt x="1031" y="1191"/>
                  </a:lnTo>
                  <a:lnTo>
                    <a:pt x="1031" y="1190"/>
                  </a:lnTo>
                  <a:lnTo>
                    <a:pt x="1029" y="1190"/>
                  </a:lnTo>
                  <a:lnTo>
                    <a:pt x="1027" y="1190"/>
                  </a:lnTo>
                  <a:lnTo>
                    <a:pt x="1026" y="1190"/>
                  </a:lnTo>
                  <a:lnTo>
                    <a:pt x="1024" y="1188"/>
                  </a:lnTo>
                  <a:lnTo>
                    <a:pt x="1024" y="1186"/>
                  </a:lnTo>
                  <a:lnTo>
                    <a:pt x="1022" y="1186"/>
                  </a:lnTo>
                  <a:lnTo>
                    <a:pt x="1022" y="1184"/>
                  </a:lnTo>
                  <a:lnTo>
                    <a:pt x="1022" y="1182"/>
                  </a:lnTo>
                  <a:lnTo>
                    <a:pt x="1022" y="1180"/>
                  </a:lnTo>
                  <a:lnTo>
                    <a:pt x="1020" y="1180"/>
                  </a:lnTo>
                  <a:lnTo>
                    <a:pt x="1018" y="1180"/>
                  </a:lnTo>
                  <a:lnTo>
                    <a:pt x="1018" y="1178"/>
                  </a:lnTo>
                  <a:lnTo>
                    <a:pt x="1016" y="1180"/>
                  </a:lnTo>
                  <a:lnTo>
                    <a:pt x="1016" y="1178"/>
                  </a:lnTo>
                  <a:lnTo>
                    <a:pt x="1016" y="1177"/>
                  </a:lnTo>
                  <a:lnTo>
                    <a:pt x="1014" y="1177"/>
                  </a:lnTo>
                  <a:lnTo>
                    <a:pt x="1014" y="1175"/>
                  </a:lnTo>
                  <a:lnTo>
                    <a:pt x="1014" y="1173"/>
                  </a:lnTo>
                  <a:lnTo>
                    <a:pt x="1013" y="1171"/>
                  </a:lnTo>
                  <a:lnTo>
                    <a:pt x="1013" y="1169"/>
                  </a:lnTo>
                  <a:lnTo>
                    <a:pt x="1013" y="1167"/>
                  </a:lnTo>
                  <a:lnTo>
                    <a:pt x="1013" y="1165"/>
                  </a:lnTo>
                  <a:lnTo>
                    <a:pt x="1013" y="1164"/>
                  </a:lnTo>
                  <a:lnTo>
                    <a:pt x="1014" y="1162"/>
                  </a:lnTo>
                  <a:lnTo>
                    <a:pt x="1016" y="1160"/>
                  </a:lnTo>
                  <a:lnTo>
                    <a:pt x="1018" y="1160"/>
                  </a:lnTo>
                  <a:lnTo>
                    <a:pt x="1018" y="1158"/>
                  </a:lnTo>
                  <a:lnTo>
                    <a:pt x="1018" y="1156"/>
                  </a:lnTo>
                  <a:lnTo>
                    <a:pt x="1018" y="1154"/>
                  </a:lnTo>
                  <a:lnTo>
                    <a:pt x="1018" y="1153"/>
                  </a:lnTo>
                  <a:lnTo>
                    <a:pt x="1018" y="1151"/>
                  </a:lnTo>
                  <a:lnTo>
                    <a:pt x="1018" y="1149"/>
                  </a:lnTo>
                  <a:lnTo>
                    <a:pt x="1016" y="1149"/>
                  </a:lnTo>
                  <a:lnTo>
                    <a:pt x="1014" y="1149"/>
                  </a:lnTo>
                  <a:lnTo>
                    <a:pt x="1014" y="1147"/>
                  </a:lnTo>
                  <a:lnTo>
                    <a:pt x="1013" y="1147"/>
                  </a:lnTo>
                  <a:lnTo>
                    <a:pt x="1011" y="1147"/>
                  </a:lnTo>
                  <a:lnTo>
                    <a:pt x="1011" y="1145"/>
                  </a:lnTo>
                  <a:lnTo>
                    <a:pt x="1009" y="1145"/>
                  </a:lnTo>
                  <a:lnTo>
                    <a:pt x="1009" y="1143"/>
                  </a:lnTo>
                  <a:lnTo>
                    <a:pt x="1007" y="1141"/>
                  </a:lnTo>
                  <a:lnTo>
                    <a:pt x="1005" y="1140"/>
                  </a:lnTo>
                  <a:lnTo>
                    <a:pt x="1003" y="1138"/>
                  </a:lnTo>
                  <a:lnTo>
                    <a:pt x="1002" y="1140"/>
                  </a:lnTo>
                  <a:lnTo>
                    <a:pt x="1000" y="1140"/>
                  </a:lnTo>
                  <a:lnTo>
                    <a:pt x="1000" y="1141"/>
                  </a:lnTo>
                  <a:lnTo>
                    <a:pt x="998" y="1141"/>
                  </a:lnTo>
                  <a:lnTo>
                    <a:pt x="998" y="1143"/>
                  </a:lnTo>
                  <a:lnTo>
                    <a:pt x="998" y="1145"/>
                  </a:lnTo>
                  <a:lnTo>
                    <a:pt x="996" y="1147"/>
                  </a:lnTo>
                  <a:lnTo>
                    <a:pt x="994" y="1147"/>
                  </a:lnTo>
                  <a:lnTo>
                    <a:pt x="992" y="1149"/>
                  </a:lnTo>
                  <a:lnTo>
                    <a:pt x="989" y="1149"/>
                  </a:lnTo>
                  <a:lnTo>
                    <a:pt x="989" y="1147"/>
                  </a:lnTo>
                  <a:lnTo>
                    <a:pt x="987" y="1147"/>
                  </a:lnTo>
                  <a:lnTo>
                    <a:pt x="985" y="1147"/>
                  </a:lnTo>
                  <a:lnTo>
                    <a:pt x="983" y="1147"/>
                  </a:lnTo>
                  <a:lnTo>
                    <a:pt x="981" y="1149"/>
                  </a:lnTo>
                  <a:lnTo>
                    <a:pt x="974" y="1151"/>
                  </a:lnTo>
                  <a:lnTo>
                    <a:pt x="970" y="1151"/>
                  </a:lnTo>
                  <a:lnTo>
                    <a:pt x="970" y="1149"/>
                  </a:lnTo>
                  <a:lnTo>
                    <a:pt x="968" y="1147"/>
                  </a:lnTo>
                  <a:lnTo>
                    <a:pt x="961" y="1147"/>
                  </a:lnTo>
                  <a:lnTo>
                    <a:pt x="946" y="1149"/>
                  </a:lnTo>
                  <a:lnTo>
                    <a:pt x="944" y="1149"/>
                  </a:lnTo>
                  <a:lnTo>
                    <a:pt x="942" y="1149"/>
                  </a:lnTo>
                  <a:lnTo>
                    <a:pt x="941" y="1151"/>
                  </a:lnTo>
                  <a:lnTo>
                    <a:pt x="939" y="1151"/>
                  </a:lnTo>
                  <a:lnTo>
                    <a:pt x="937" y="1151"/>
                  </a:lnTo>
                  <a:lnTo>
                    <a:pt x="935" y="1151"/>
                  </a:lnTo>
                  <a:lnTo>
                    <a:pt x="933" y="1151"/>
                  </a:lnTo>
                  <a:lnTo>
                    <a:pt x="931" y="1151"/>
                  </a:lnTo>
                  <a:lnTo>
                    <a:pt x="929" y="1151"/>
                  </a:lnTo>
                  <a:lnTo>
                    <a:pt x="929" y="1153"/>
                  </a:lnTo>
                  <a:lnTo>
                    <a:pt x="928" y="1154"/>
                  </a:lnTo>
                  <a:lnTo>
                    <a:pt x="926" y="1154"/>
                  </a:lnTo>
                  <a:lnTo>
                    <a:pt x="926" y="1156"/>
                  </a:lnTo>
                  <a:lnTo>
                    <a:pt x="924" y="1156"/>
                  </a:lnTo>
                  <a:lnTo>
                    <a:pt x="922" y="1158"/>
                  </a:lnTo>
                  <a:lnTo>
                    <a:pt x="920" y="1158"/>
                  </a:lnTo>
                  <a:lnTo>
                    <a:pt x="918" y="1158"/>
                  </a:lnTo>
                  <a:lnTo>
                    <a:pt x="916" y="1158"/>
                  </a:lnTo>
                  <a:lnTo>
                    <a:pt x="916" y="1160"/>
                  </a:lnTo>
                  <a:lnTo>
                    <a:pt x="915" y="1160"/>
                  </a:lnTo>
                  <a:lnTo>
                    <a:pt x="913" y="1162"/>
                  </a:lnTo>
                  <a:lnTo>
                    <a:pt x="911" y="1162"/>
                  </a:lnTo>
                  <a:lnTo>
                    <a:pt x="909" y="1162"/>
                  </a:lnTo>
                  <a:lnTo>
                    <a:pt x="907" y="1162"/>
                  </a:lnTo>
                  <a:lnTo>
                    <a:pt x="907" y="1164"/>
                  </a:lnTo>
                  <a:lnTo>
                    <a:pt x="905" y="1164"/>
                  </a:lnTo>
                  <a:lnTo>
                    <a:pt x="904" y="1165"/>
                  </a:lnTo>
                  <a:lnTo>
                    <a:pt x="900" y="1165"/>
                  </a:lnTo>
                  <a:lnTo>
                    <a:pt x="898" y="1165"/>
                  </a:lnTo>
                  <a:lnTo>
                    <a:pt x="896" y="1165"/>
                  </a:lnTo>
                  <a:lnTo>
                    <a:pt x="892" y="1167"/>
                  </a:lnTo>
                  <a:lnTo>
                    <a:pt x="891" y="1167"/>
                  </a:lnTo>
                  <a:lnTo>
                    <a:pt x="891" y="1169"/>
                  </a:lnTo>
                  <a:lnTo>
                    <a:pt x="891" y="1171"/>
                  </a:lnTo>
                  <a:lnTo>
                    <a:pt x="891" y="1173"/>
                  </a:lnTo>
                  <a:lnTo>
                    <a:pt x="889" y="1173"/>
                  </a:lnTo>
                  <a:lnTo>
                    <a:pt x="889" y="1175"/>
                  </a:lnTo>
                  <a:lnTo>
                    <a:pt x="887" y="1175"/>
                  </a:lnTo>
                  <a:lnTo>
                    <a:pt x="887" y="1177"/>
                  </a:lnTo>
                  <a:lnTo>
                    <a:pt x="887" y="1178"/>
                  </a:lnTo>
                  <a:lnTo>
                    <a:pt x="887" y="1180"/>
                  </a:lnTo>
                  <a:lnTo>
                    <a:pt x="887" y="1182"/>
                  </a:lnTo>
                  <a:lnTo>
                    <a:pt x="885" y="1184"/>
                  </a:lnTo>
                  <a:lnTo>
                    <a:pt x="887" y="1186"/>
                  </a:lnTo>
                  <a:lnTo>
                    <a:pt x="885" y="1186"/>
                  </a:lnTo>
                  <a:lnTo>
                    <a:pt x="885" y="1188"/>
                  </a:lnTo>
                  <a:lnTo>
                    <a:pt x="883" y="1190"/>
                  </a:lnTo>
                  <a:lnTo>
                    <a:pt x="883" y="1191"/>
                  </a:lnTo>
                  <a:lnTo>
                    <a:pt x="881" y="1191"/>
                  </a:lnTo>
                  <a:lnTo>
                    <a:pt x="881" y="1193"/>
                  </a:lnTo>
                  <a:lnTo>
                    <a:pt x="880" y="1193"/>
                  </a:lnTo>
                  <a:lnTo>
                    <a:pt x="881" y="1197"/>
                  </a:lnTo>
                  <a:lnTo>
                    <a:pt x="881" y="1199"/>
                  </a:lnTo>
                  <a:lnTo>
                    <a:pt x="883" y="1201"/>
                  </a:lnTo>
                  <a:lnTo>
                    <a:pt x="885" y="1202"/>
                  </a:lnTo>
                  <a:lnTo>
                    <a:pt x="885" y="1206"/>
                  </a:lnTo>
                  <a:lnTo>
                    <a:pt x="883" y="1206"/>
                  </a:lnTo>
                  <a:lnTo>
                    <a:pt x="883" y="1208"/>
                  </a:lnTo>
                  <a:lnTo>
                    <a:pt x="883" y="1210"/>
                  </a:lnTo>
                  <a:lnTo>
                    <a:pt x="883" y="1212"/>
                  </a:lnTo>
                  <a:lnTo>
                    <a:pt x="883" y="1214"/>
                  </a:lnTo>
                  <a:lnTo>
                    <a:pt x="883" y="1217"/>
                  </a:lnTo>
                  <a:lnTo>
                    <a:pt x="883" y="1219"/>
                  </a:lnTo>
                  <a:lnTo>
                    <a:pt x="881" y="1221"/>
                  </a:lnTo>
                  <a:lnTo>
                    <a:pt x="880" y="1223"/>
                  </a:lnTo>
                  <a:lnTo>
                    <a:pt x="881" y="1225"/>
                  </a:lnTo>
                  <a:lnTo>
                    <a:pt x="880" y="1225"/>
                  </a:lnTo>
                  <a:lnTo>
                    <a:pt x="881" y="1225"/>
                  </a:lnTo>
                  <a:lnTo>
                    <a:pt x="880" y="1227"/>
                  </a:lnTo>
                  <a:lnTo>
                    <a:pt x="881" y="1228"/>
                  </a:lnTo>
                  <a:lnTo>
                    <a:pt x="880" y="1228"/>
                  </a:lnTo>
                  <a:lnTo>
                    <a:pt x="880" y="1230"/>
                  </a:lnTo>
                  <a:lnTo>
                    <a:pt x="881" y="1230"/>
                  </a:lnTo>
                  <a:lnTo>
                    <a:pt x="881" y="1232"/>
                  </a:lnTo>
                  <a:lnTo>
                    <a:pt x="881" y="1236"/>
                  </a:lnTo>
                  <a:lnTo>
                    <a:pt x="883" y="1238"/>
                  </a:lnTo>
                  <a:lnTo>
                    <a:pt x="885" y="1238"/>
                  </a:lnTo>
                  <a:lnTo>
                    <a:pt x="887" y="1239"/>
                  </a:lnTo>
                  <a:lnTo>
                    <a:pt x="885" y="1241"/>
                  </a:lnTo>
                  <a:lnTo>
                    <a:pt x="883" y="1241"/>
                  </a:lnTo>
                  <a:lnTo>
                    <a:pt x="883" y="1243"/>
                  </a:lnTo>
                  <a:lnTo>
                    <a:pt x="883" y="1245"/>
                  </a:lnTo>
                  <a:lnTo>
                    <a:pt x="881" y="1245"/>
                  </a:lnTo>
                  <a:lnTo>
                    <a:pt x="883" y="1245"/>
                  </a:lnTo>
                  <a:lnTo>
                    <a:pt x="881" y="1247"/>
                  </a:lnTo>
                  <a:lnTo>
                    <a:pt x="881" y="1249"/>
                  </a:lnTo>
                  <a:lnTo>
                    <a:pt x="881" y="1251"/>
                  </a:lnTo>
                  <a:lnTo>
                    <a:pt x="880" y="1251"/>
                  </a:lnTo>
                  <a:lnTo>
                    <a:pt x="880" y="1252"/>
                  </a:lnTo>
                  <a:lnTo>
                    <a:pt x="878" y="1252"/>
                  </a:lnTo>
                  <a:lnTo>
                    <a:pt x="880" y="1252"/>
                  </a:lnTo>
                  <a:lnTo>
                    <a:pt x="878" y="1252"/>
                  </a:lnTo>
                  <a:lnTo>
                    <a:pt x="876" y="1252"/>
                  </a:lnTo>
                  <a:lnTo>
                    <a:pt x="876" y="1254"/>
                  </a:lnTo>
                  <a:lnTo>
                    <a:pt x="876" y="1256"/>
                  </a:lnTo>
                  <a:lnTo>
                    <a:pt x="874" y="1256"/>
                  </a:lnTo>
                  <a:lnTo>
                    <a:pt x="872" y="1258"/>
                  </a:lnTo>
                  <a:lnTo>
                    <a:pt x="872" y="1260"/>
                  </a:lnTo>
                  <a:lnTo>
                    <a:pt x="870" y="1260"/>
                  </a:lnTo>
                  <a:lnTo>
                    <a:pt x="868" y="1260"/>
                  </a:lnTo>
                  <a:lnTo>
                    <a:pt x="868" y="1262"/>
                  </a:lnTo>
                  <a:lnTo>
                    <a:pt x="867" y="1262"/>
                  </a:lnTo>
                  <a:lnTo>
                    <a:pt x="865" y="1264"/>
                  </a:lnTo>
                  <a:lnTo>
                    <a:pt x="863" y="1264"/>
                  </a:lnTo>
                  <a:lnTo>
                    <a:pt x="861" y="1264"/>
                  </a:lnTo>
                  <a:lnTo>
                    <a:pt x="859" y="1264"/>
                  </a:lnTo>
                  <a:lnTo>
                    <a:pt x="857" y="1264"/>
                  </a:lnTo>
                  <a:lnTo>
                    <a:pt x="855" y="1264"/>
                  </a:lnTo>
                  <a:lnTo>
                    <a:pt x="854" y="1264"/>
                  </a:lnTo>
                  <a:lnTo>
                    <a:pt x="850" y="1265"/>
                  </a:lnTo>
                  <a:lnTo>
                    <a:pt x="848" y="1265"/>
                  </a:lnTo>
                  <a:lnTo>
                    <a:pt x="848" y="1267"/>
                  </a:lnTo>
                  <a:lnTo>
                    <a:pt x="848" y="1269"/>
                  </a:lnTo>
                  <a:lnTo>
                    <a:pt x="846" y="1269"/>
                  </a:lnTo>
                  <a:lnTo>
                    <a:pt x="844" y="1269"/>
                  </a:lnTo>
                  <a:lnTo>
                    <a:pt x="844" y="1271"/>
                  </a:lnTo>
                  <a:lnTo>
                    <a:pt x="846" y="1282"/>
                  </a:lnTo>
                  <a:lnTo>
                    <a:pt x="846" y="1284"/>
                  </a:lnTo>
                  <a:lnTo>
                    <a:pt x="846" y="1288"/>
                  </a:lnTo>
                  <a:lnTo>
                    <a:pt x="846" y="1291"/>
                  </a:lnTo>
                  <a:lnTo>
                    <a:pt x="846" y="1297"/>
                  </a:lnTo>
                  <a:lnTo>
                    <a:pt x="846" y="1299"/>
                  </a:lnTo>
                  <a:lnTo>
                    <a:pt x="848" y="1301"/>
                  </a:lnTo>
                  <a:lnTo>
                    <a:pt x="848" y="1302"/>
                  </a:lnTo>
                  <a:lnTo>
                    <a:pt x="850" y="1302"/>
                  </a:lnTo>
                  <a:lnTo>
                    <a:pt x="852" y="1304"/>
                  </a:lnTo>
                  <a:lnTo>
                    <a:pt x="852" y="1306"/>
                  </a:lnTo>
                  <a:lnTo>
                    <a:pt x="854" y="1306"/>
                  </a:lnTo>
                  <a:lnTo>
                    <a:pt x="854" y="1308"/>
                  </a:lnTo>
                  <a:lnTo>
                    <a:pt x="855" y="1308"/>
                  </a:lnTo>
                  <a:lnTo>
                    <a:pt x="857" y="1310"/>
                  </a:lnTo>
                  <a:lnTo>
                    <a:pt x="859" y="1310"/>
                  </a:lnTo>
                  <a:lnTo>
                    <a:pt x="861" y="1312"/>
                  </a:lnTo>
                  <a:lnTo>
                    <a:pt x="861" y="1313"/>
                  </a:lnTo>
                  <a:lnTo>
                    <a:pt x="863" y="1313"/>
                  </a:lnTo>
                  <a:lnTo>
                    <a:pt x="865" y="1313"/>
                  </a:lnTo>
                  <a:lnTo>
                    <a:pt x="865" y="1315"/>
                  </a:lnTo>
                  <a:lnTo>
                    <a:pt x="867" y="1317"/>
                  </a:lnTo>
                  <a:lnTo>
                    <a:pt x="867" y="1319"/>
                  </a:lnTo>
                  <a:lnTo>
                    <a:pt x="868" y="1321"/>
                  </a:lnTo>
                  <a:lnTo>
                    <a:pt x="868" y="1323"/>
                  </a:lnTo>
                  <a:lnTo>
                    <a:pt x="870" y="1325"/>
                  </a:lnTo>
                  <a:lnTo>
                    <a:pt x="872" y="1325"/>
                  </a:lnTo>
                  <a:lnTo>
                    <a:pt x="874" y="1325"/>
                  </a:lnTo>
                  <a:lnTo>
                    <a:pt x="876" y="1326"/>
                  </a:lnTo>
                  <a:lnTo>
                    <a:pt x="878" y="1326"/>
                  </a:lnTo>
                  <a:lnTo>
                    <a:pt x="878" y="1325"/>
                  </a:lnTo>
                  <a:lnTo>
                    <a:pt x="880" y="1325"/>
                  </a:lnTo>
                  <a:lnTo>
                    <a:pt x="881" y="1325"/>
                  </a:lnTo>
                  <a:lnTo>
                    <a:pt x="883" y="1325"/>
                  </a:lnTo>
                  <a:lnTo>
                    <a:pt x="885" y="1325"/>
                  </a:lnTo>
                  <a:lnTo>
                    <a:pt x="885" y="1326"/>
                  </a:lnTo>
                  <a:lnTo>
                    <a:pt x="887" y="1326"/>
                  </a:lnTo>
                  <a:lnTo>
                    <a:pt x="887" y="1328"/>
                  </a:lnTo>
                  <a:lnTo>
                    <a:pt x="887" y="1330"/>
                  </a:lnTo>
                  <a:lnTo>
                    <a:pt x="887" y="1334"/>
                  </a:lnTo>
                  <a:lnTo>
                    <a:pt x="892" y="1336"/>
                  </a:lnTo>
                  <a:lnTo>
                    <a:pt x="892" y="1338"/>
                  </a:lnTo>
                  <a:lnTo>
                    <a:pt x="894" y="1339"/>
                  </a:lnTo>
                  <a:lnTo>
                    <a:pt x="892" y="1341"/>
                  </a:lnTo>
                  <a:lnTo>
                    <a:pt x="894" y="1343"/>
                  </a:lnTo>
                  <a:lnTo>
                    <a:pt x="894" y="1345"/>
                  </a:lnTo>
                  <a:lnTo>
                    <a:pt x="894" y="1347"/>
                  </a:lnTo>
                  <a:lnTo>
                    <a:pt x="894" y="1349"/>
                  </a:lnTo>
                  <a:lnTo>
                    <a:pt x="894" y="1350"/>
                  </a:lnTo>
                  <a:lnTo>
                    <a:pt x="896" y="1352"/>
                  </a:lnTo>
                  <a:lnTo>
                    <a:pt x="896" y="1354"/>
                  </a:lnTo>
                  <a:lnTo>
                    <a:pt x="894" y="1356"/>
                  </a:lnTo>
                  <a:lnTo>
                    <a:pt x="892" y="1356"/>
                  </a:lnTo>
                  <a:lnTo>
                    <a:pt x="891" y="1358"/>
                  </a:lnTo>
                  <a:lnTo>
                    <a:pt x="892" y="1358"/>
                  </a:lnTo>
                  <a:lnTo>
                    <a:pt x="894" y="1360"/>
                  </a:lnTo>
                  <a:lnTo>
                    <a:pt x="894" y="1362"/>
                  </a:lnTo>
                  <a:lnTo>
                    <a:pt x="894" y="1363"/>
                  </a:lnTo>
                  <a:lnTo>
                    <a:pt x="894" y="1365"/>
                  </a:lnTo>
                  <a:lnTo>
                    <a:pt x="892" y="1365"/>
                  </a:lnTo>
                  <a:lnTo>
                    <a:pt x="892" y="1367"/>
                  </a:lnTo>
                  <a:lnTo>
                    <a:pt x="891" y="1369"/>
                  </a:lnTo>
                  <a:lnTo>
                    <a:pt x="889" y="1371"/>
                  </a:lnTo>
                  <a:lnTo>
                    <a:pt x="889" y="1373"/>
                  </a:lnTo>
                  <a:lnTo>
                    <a:pt x="887" y="1373"/>
                  </a:lnTo>
                  <a:lnTo>
                    <a:pt x="887" y="1375"/>
                  </a:lnTo>
                  <a:lnTo>
                    <a:pt x="887" y="1376"/>
                  </a:lnTo>
                  <a:lnTo>
                    <a:pt x="887" y="1378"/>
                  </a:lnTo>
                  <a:lnTo>
                    <a:pt x="889" y="1378"/>
                  </a:lnTo>
                  <a:lnTo>
                    <a:pt x="889" y="1380"/>
                  </a:lnTo>
                  <a:lnTo>
                    <a:pt x="889" y="1382"/>
                  </a:lnTo>
                  <a:lnTo>
                    <a:pt x="889" y="1384"/>
                  </a:lnTo>
                  <a:lnTo>
                    <a:pt x="891" y="1386"/>
                  </a:lnTo>
                  <a:lnTo>
                    <a:pt x="892" y="1387"/>
                  </a:lnTo>
                  <a:lnTo>
                    <a:pt x="894" y="1389"/>
                  </a:lnTo>
                  <a:lnTo>
                    <a:pt x="896" y="1391"/>
                  </a:lnTo>
                  <a:lnTo>
                    <a:pt x="898" y="1391"/>
                  </a:lnTo>
                  <a:lnTo>
                    <a:pt x="900" y="1393"/>
                  </a:lnTo>
                  <a:lnTo>
                    <a:pt x="900" y="1395"/>
                  </a:lnTo>
                  <a:lnTo>
                    <a:pt x="898" y="1397"/>
                  </a:lnTo>
                  <a:lnTo>
                    <a:pt x="896" y="1400"/>
                  </a:lnTo>
                  <a:lnTo>
                    <a:pt x="894" y="1402"/>
                  </a:lnTo>
                  <a:lnTo>
                    <a:pt x="894" y="1404"/>
                  </a:lnTo>
                  <a:lnTo>
                    <a:pt x="894" y="1406"/>
                  </a:lnTo>
                  <a:lnTo>
                    <a:pt x="892" y="1406"/>
                  </a:lnTo>
                  <a:lnTo>
                    <a:pt x="891" y="1406"/>
                  </a:lnTo>
                  <a:lnTo>
                    <a:pt x="891" y="1408"/>
                  </a:lnTo>
                  <a:lnTo>
                    <a:pt x="891" y="1410"/>
                  </a:lnTo>
                  <a:lnTo>
                    <a:pt x="891" y="1412"/>
                  </a:lnTo>
                  <a:lnTo>
                    <a:pt x="891" y="1413"/>
                  </a:lnTo>
                  <a:lnTo>
                    <a:pt x="891" y="1415"/>
                  </a:lnTo>
                  <a:lnTo>
                    <a:pt x="889" y="1417"/>
                  </a:lnTo>
                  <a:lnTo>
                    <a:pt x="887" y="1417"/>
                  </a:lnTo>
                  <a:lnTo>
                    <a:pt x="887" y="1419"/>
                  </a:lnTo>
                  <a:lnTo>
                    <a:pt x="889" y="1421"/>
                  </a:lnTo>
                  <a:lnTo>
                    <a:pt x="889" y="1423"/>
                  </a:lnTo>
                  <a:lnTo>
                    <a:pt x="889" y="1424"/>
                  </a:lnTo>
                  <a:lnTo>
                    <a:pt x="889" y="1426"/>
                  </a:lnTo>
                  <a:lnTo>
                    <a:pt x="889" y="1428"/>
                  </a:lnTo>
                  <a:lnTo>
                    <a:pt x="889" y="1430"/>
                  </a:lnTo>
                  <a:lnTo>
                    <a:pt x="891" y="1432"/>
                  </a:lnTo>
                  <a:lnTo>
                    <a:pt x="892" y="1432"/>
                  </a:lnTo>
                  <a:lnTo>
                    <a:pt x="892" y="1434"/>
                  </a:lnTo>
                  <a:lnTo>
                    <a:pt x="892" y="1436"/>
                  </a:lnTo>
                  <a:lnTo>
                    <a:pt x="892" y="1437"/>
                  </a:lnTo>
                  <a:lnTo>
                    <a:pt x="894" y="1437"/>
                  </a:lnTo>
                  <a:lnTo>
                    <a:pt x="894" y="1439"/>
                  </a:lnTo>
                  <a:lnTo>
                    <a:pt x="894" y="1441"/>
                  </a:lnTo>
                  <a:lnTo>
                    <a:pt x="894" y="1443"/>
                  </a:lnTo>
                  <a:lnTo>
                    <a:pt x="896" y="1443"/>
                  </a:lnTo>
                  <a:lnTo>
                    <a:pt x="896" y="1445"/>
                  </a:lnTo>
                  <a:lnTo>
                    <a:pt x="896" y="1447"/>
                  </a:lnTo>
                  <a:lnTo>
                    <a:pt x="896" y="1448"/>
                  </a:lnTo>
                  <a:lnTo>
                    <a:pt x="898" y="1448"/>
                  </a:lnTo>
                  <a:lnTo>
                    <a:pt x="898" y="1450"/>
                  </a:lnTo>
                  <a:lnTo>
                    <a:pt x="900" y="1450"/>
                  </a:lnTo>
                  <a:lnTo>
                    <a:pt x="902" y="1450"/>
                  </a:lnTo>
                  <a:lnTo>
                    <a:pt x="904" y="1450"/>
                  </a:lnTo>
                  <a:lnTo>
                    <a:pt x="905" y="1450"/>
                  </a:lnTo>
                  <a:lnTo>
                    <a:pt x="905" y="1452"/>
                  </a:lnTo>
                  <a:lnTo>
                    <a:pt x="907" y="1452"/>
                  </a:lnTo>
                  <a:lnTo>
                    <a:pt x="909" y="1452"/>
                  </a:lnTo>
                  <a:lnTo>
                    <a:pt x="911" y="1452"/>
                  </a:lnTo>
                  <a:lnTo>
                    <a:pt x="911" y="1454"/>
                  </a:lnTo>
                  <a:lnTo>
                    <a:pt x="913" y="1454"/>
                  </a:lnTo>
                  <a:lnTo>
                    <a:pt x="915" y="1454"/>
                  </a:lnTo>
                  <a:lnTo>
                    <a:pt x="916" y="1454"/>
                  </a:lnTo>
                  <a:lnTo>
                    <a:pt x="916" y="1456"/>
                  </a:lnTo>
                  <a:lnTo>
                    <a:pt x="918" y="1456"/>
                  </a:lnTo>
                  <a:lnTo>
                    <a:pt x="918" y="1458"/>
                  </a:lnTo>
                  <a:lnTo>
                    <a:pt x="918" y="1460"/>
                  </a:lnTo>
                  <a:lnTo>
                    <a:pt x="920" y="1460"/>
                  </a:lnTo>
                  <a:lnTo>
                    <a:pt x="920" y="1461"/>
                  </a:lnTo>
                  <a:lnTo>
                    <a:pt x="918" y="1463"/>
                  </a:lnTo>
                  <a:lnTo>
                    <a:pt x="918" y="1465"/>
                  </a:lnTo>
                  <a:lnTo>
                    <a:pt x="918" y="1467"/>
                  </a:lnTo>
                  <a:lnTo>
                    <a:pt x="916" y="1467"/>
                  </a:lnTo>
                  <a:lnTo>
                    <a:pt x="918" y="1467"/>
                  </a:lnTo>
                  <a:lnTo>
                    <a:pt x="918" y="1469"/>
                  </a:lnTo>
                  <a:lnTo>
                    <a:pt x="920" y="1469"/>
                  </a:lnTo>
                  <a:lnTo>
                    <a:pt x="920" y="1471"/>
                  </a:lnTo>
                  <a:lnTo>
                    <a:pt x="920" y="1473"/>
                  </a:lnTo>
                  <a:lnTo>
                    <a:pt x="920" y="1474"/>
                  </a:lnTo>
                  <a:lnTo>
                    <a:pt x="922" y="1476"/>
                  </a:lnTo>
                  <a:lnTo>
                    <a:pt x="922" y="1478"/>
                  </a:lnTo>
                  <a:lnTo>
                    <a:pt x="924" y="1478"/>
                  </a:lnTo>
                  <a:lnTo>
                    <a:pt x="922" y="1478"/>
                  </a:lnTo>
                  <a:lnTo>
                    <a:pt x="922" y="1480"/>
                  </a:lnTo>
                  <a:lnTo>
                    <a:pt x="922" y="1482"/>
                  </a:lnTo>
                  <a:lnTo>
                    <a:pt x="920" y="1482"/>
                  </a:lnTo>
                  <a:lnTo>
                    <a:pt x="920" y="1484"/>
                  </a:lnTo>
                  <a:lnTo>
                    <a:pt x="918" y="1484"/>
                  </a:lnTo>
                  <a:lnTo>
                    <a:pt x="918" y="1485"/>
                  </a:lnTo>
                  <a:lnTo>
                    <a:pt x="916" y="1485"/>
                  </a:lnTo>
                  <a:lnTo>
                    <a:pt x="916" y="1487"/>
                  </a:lnTo>
                  <a:lnTo>
                    <a:pt x="915" y="1487"/>
                  </a:lnTo>
                  <a:lnTo>
                    <a:pt x="915" y="1489"/>
                  </a:lnTo>
                  <a:lnTo>
                    <a:pt x="913" y="1491"/>
                  </a:lnTo>
                  <a:lnTo>
                    <a:pt x="913" y="1493"/>
                  </a:lnTo>
                  <a:lnTo>
                    <a:pt x="913" y="1495"/>
                  </a:lnTo>
                  <a:lnTo>
                    <a:pt x="913" y="1497"/>
                  </a:lnTo>
                  <a:lnTo>
                    <a:pt x="913" y="1498"/>
                  </a:lnTo>
                  <a:lnTo>
                    <a:pt x="915" y="1498"/>
                  </a:lnTo>
                  <a:lnTo>
                    <a:pt x="915" y="1500"/>
                  </a:lnTo>
                  <a:lnTo>
                    <a:pt x="915" y="1502"/>
                  </a:lnTo>
                  <a:lnTo>
                    <a:pt x="916" y="1504"/>
                  </a:lnTo>
                  <a:lnTo>
                    <a:pt x="916" y="1506"/>
                  </a:lnTo>
                  <a:lnTo>
                    <a:pt x="918" y="1508"/>
                  </a:lnTo>
                  <a:lnTo>
                    <a:pt x="918" y="1510"/>
                  </a:lnTo>
                  <a:lnTo>
                    <a:pt x="920" y="1510"/>
                  </a:lnTo>
                  <a:lnTo>
                    <a:pt x="922" y="1511"/>
                  </a:lnTo>
                  <a:lnTo>
                    <a:pt x="922" y="1513"/>
                  </a:lnTo>
                  <a:lnTo>
                    <a:pt x="922" y="1515"/>
                  </a:lnTo>
                  <a:lnTo>
                    <a:pt x="922" y="1517"/>
                  </a:lnTo>
                  <a:lnTo>
                    <a:pt x="920" y="1517"/>
                  </a:lnTo>
                  <a:lnTo>
                    <a:pt x="920" y="1519"/>
                  </a:lnTo>
                  <a:lnTo>
                    <a:pt x="918" y="1519"/>
                  </a:lnTo>
                  <a:lnTo>
                    <a:pt x="918" y="1521"/>
                  </a:lnTo>
                  <a:lnTo>
                    <a:pt x="918" y="1522"/>
                  </a:lnTo>
                  <a:lnTo>
                    <a:pt x="918" y="1524"/>
                  </a:lnTo>
                  <a:lnTo>
                    <a:pt x="918" y="1526"/>
                  </a:lnTo>
                  <a:lnTo>
                    <a:pt x="916" y="1526"/>
                  </a:lnTo>
                  <a:lnTo>
                    <a:pt x="918" y="1528"/>
                  </a:lnTo>
                  <a:lnTo>
                    <a:pt x="916" y="1530"/>
                  </a:lnTo>
                  <a:lnTo>
                    <a:pt x="918" y="1532"/>
                  </a:lnTo>
                  <a:lnTo>
                    <a:pt x="916" y="1534"/>
                  </a:lnTo>
                  <a:lnTo>
                    <a:pt x="915" y="1534"/>
                  </a:lnTo>
                  <a:lnTo>
                    <a:pt x="915" y="1535"/>
                  </a:lnTo>
                  <a:lnTo>
                    <a:pt x="913" y="1535"/>
                  </a:lnTo>
                  <a:lnTo>
                    <a:pt x="911" y="1535"/>
                  </a:lnTo>
                  <a:lnTo>
                    <a:pt x="909" y="1535"/>
                  </a:lnTo>
                  <a:lnTo>
                    <a:pt x="907" y="1537"/>
                  </a:lnTo>
                  <a:lnTo>
                    <a:pt x="905" y="1537"/>
                  </a:lnTo>
                  <a:lnTo>
                    <a:pt x="904" y="1537"/>
                  </a:lnTo>
                  <a:lnTo>
                    <a:pt x="904" y="1539"/>
                  </a:lnTo>
                  <a:lnTo>
                    <a:pt x="904" y="1541"/>
                  </a:lnTo>
                  <a:lnTo>
                    <a:pt x="902" y="1543"/>
                  </a:lnTo>
                  <a:lnTo>
                    <a:pt x="902" y="1545"/>
                  </a:lnTo>
                  <a:lnTo>
                    <a:pt x="900" y="1545"/>
                  </a:lnTo>
                  <a:lnTo>
                    <a:pt x="900" y="1547"/>
                  </a:lnTo>
                  <a:lnTo>
                    <a:pt x="900" y="1548"/>
                  </a:lnTo>
                  <a:lnTo>
                    <a:pt x="898" y="1548"/>
                  </a:lnTo>
                  <a:lnTo>
                    <a:pt x="900" y="1550"/>
                  </a:lnTo>
                  <a:lnTo>
                    <a:pt x="900" y="1552"/>
                  </a:lnTo>
                  <a:lnTo>
                    <a:pt x="902" y="1554"/>
                  </a:lnTo>
                  <a:lnTo>
                    <a:pt x="902" y="1556"/>
                  </a:lnTo>
                  <a:lnTo>
                    <a:pt x="902" y="1558"/>
                  </a:lnTo>
                  <a:lnTo>
                    <a:pt x="902" y="1559"/>
                  </a:lnTo>
                  <a:lnTo>
                    <a:pt x="902" y="1561"/>
                  </a:lnTo>
                  <a:lnTo>
                    <a:pt x="902" y="1563"/>
                  </a:lnTo>
                  <a:lnTo>
                    <a:pt x="904" y="1565"/>
                  </a:lnTo>
                  <a:lnTo>
                    <a:pt x="904" y="1567"/>
                  </a:lnTo>
                  <a:lnTo>
                    <a:pt x="904" y="1569"/>
                  </a:lnTo>
                  <a:lnTo>
                    <a:pt x="904" y="1571"/>
                  </a:lnTo>
                  <a:lnTo>
                    <a:pt x="904" y="1572"/>
                  </a:lnTo>
                  <a:lnTo>
                    <a:pt x="904" y="1574"/>
                  </a:lnTo>
                  <a:lnTo>
                    <a:pt x="902" y="1574"/>
                  </a:lnTo>
                  <a:lnTo>
                    <a:pt x="900" y="1576"/>
                  </a:lnTo>
                  <a:lnTo>
                    <a:pt x="898" y="1578"/>
                  </a:lnTo>
                  <a:lnTo>
                    <a:pt x="896" y="1580"/>
                  </a:lnTo>
                  <a:lnTo>
                    <a:pt x="894" y="1582"/>
                  </a:lnTo>
                  <a:lnTo>
                    <a:pt x="892" y="1582"/>
                  </a:lnTo>
                  <a:lnTo>
                    <a:pt x="892" y="1584"/>
                  </a:lnTo>
                  <a:lnTo>
                    <a:pt x="891" y="1584"/>
                  </a:lnTo>
                  <a:lnTo>
                    <a:pt x="891" y="1585"/>
                  </a:lnTo>
                  <a:lnTo>
                    <a:pt x="889" y="1585"/>
                  </a:lnTo>
                  <a:lnTo>
                    <a:pt x="889" y="1587"/>
                  </a:lnTo>
                  <a:lnTo>
                    <a:pt x="887" y="1589"/>
                  </a:lnTo>
                  <a:lnTo>
                    <a:pt x="887" y="1591"/>
                  </a:lnTo>
                  <a:lnTo>
                    <a:pt x="885" y="1591"/>
                  </a:lnTo>
                  <a:lnTo>
                    <a:pt x="887" y="1591"/>
                  </a:lnTo>
                  <a:lnTo>
                    <a:pt x="887" y="1593"/>
                  </a:lnTo>
                  <a:lnTo>
                    <a:pt x="885" y="1593"/>
                  </a:lnTo>
                  <a:lnTo>
                    <a:pt x="885" y="1595"/>
                  </a:lnTo>
                  <a:lnTo>
                    <a:pt x="885" y="1596"/>
                  </a:lnTo>
                  <a:lnTo>
                    <a:pt x="883" y="1596"/>
                  </a:lnTo>
                  <a:lnTo>
                    <a:pt x="883" y="1598"/>
                  </a:lnTo>
                  <a:lnTo>
                    <a:pt x="883" y="1600"/>
                  </a:lnTo>
                  <a:lnTo>
                    <a:pt x="883" y="1602"/>
                  </a:lnTo>
                  <a:lnTo>
                    <a:pt x="881" y="1602"/>
                  </a:lnTo>
                  <a:lnTo>
                    <a:pt x="881" y="1604"/>
                  </a:lnTo>
                  <a:lnTo>
                    <a:pt x="880" y="1606"/>
                  </a:lnTo>
                  <a:lnTo>
                    <a:pt x="878" y="1608"/>
                  </a:lnTo>
                  <a:lnTo>
                    <a:pt x="876" y="1608"/>
                  </a:lnTo>
                  <a:lnTo>
                    <a:pt x="874" y="1609"/>
                  </a:lnTo>
                  <a:lnTo>
                    <a:pt x="870" y="1611"/>
                  </a:lnTo>
                  <a:lnTo>
                    <a:pt x="868" y="1613"/>
                  </a:lnTo>
                  <a:lnTo>
                    <a:pt x="868" y="1615"/>
                  </a:lnTo>
                  <a:lnTo>
                    <a:pt x="868" y="1619"/>
                  </a:lnTo>
                  <a:lnTo>
                    <a:pt x="868" y="1621"/>
                  </a:lnTo>
                  <a:lnTo>
                    <a:pt x="868" y="1622"/>
                  </a:lnTo>
                  <a:lnTo>
                    <a:pt x="868" y="1624"/>
                  </a:lnTo>
                  <a:lnTo>
                    <a:pt x="868" y="1626"/>
                  </a:lnTo>
                  <a:lnTo>
                    <a:pt x="868" y="1628"/>
                  </a:lnTo>
                  <a:lnTo>
                    <a:pt x="867" y="1628"/>
                  </a:lnTo>
                  <a:lnTo>
                    <a:pt x="867" y="1630"/>
                  </a:lnTo>
                  <a:lnTo>
                    <a:pt x="867" y="1632"/>
                  </a:lnTo>
                  <a:lnTo>
                    <a:pt x="865" y="1632"/>
                  </a:lnTo>
                  <a:lnTo>
                    <a:pt x="863" y="1632"/>
                  </a:lnTo>
                  <a:lnTo>
                    <a:pt x="861" y="1633"/>
                  </a:lnTo>
                  <a:lnTo>
                    <a:pt x="859" y="1635"/>
                  </a:lnTo>
                  <a:lnTo>
                    <a:pt x="859" y="1637"/>
                  </a:lnTo>
                  <a:lnTo>
                    <a:pt x="857" y="1637"/>
                  </a:lnTo>
                  <a:lnTo>
                    <a:pt x="859" y="1639"/>
                  </a:lnTo>
                  <a:lnTo>
                    <a:pt x="859" y="1641"/>
                  </a:lnTo>
                  <a:lnTo>
                    <a:pt x="859" y="1643"/>
                  </a:lnTo>
                  <a:lnTo>
                    <a:pt x="861" y="1643"/>
                  </a:lnTo>
                  <a:lnTo>
                    <a:pt x="861" y="1645"/>
                  </a:lnTo>
                  <a:lnTo>
                    <a:pt x="861" y="1646"/>
                  </a:lnTo>
                  <a:lnTo>
                    <a:pt x="861" y="1648"/>
                  </a:lnTo>
                  <a:lnTo>
                    <a:pt x="859" y="1648"/>
                  </a:lnTo>
                  <a:lnTo>
                    <a:pt x="859" y="1650"/>
                  </a:lnTo>
                  <a:lnTo>
                    <a:pt x="859" y="1652"/>
                  </a:lnTo>
                  <a:lnTo>
                    <a:pt x="857" y="1654"/>
                  </a:lnTo>
                  <a:lnTo>
                    <a:pt x="857" y="1656"/>
                  </a:lnTo>
                  <a:lnTo>
                    <a:pt x="855" y="1658"/>
                  </a:lnTo>
                  <a:lnTo>
                    <a:pt x="855" y="1659"/>
                  </a:lnTo>
                  <a:lnTo>
                    <a:pt x="855" y="1661"/>
                  </a:lnTo>
                  <a:lnTo>
                    <a:pt x="857" y="1663"/>
                  </a:lnTo>
                  <a:lnTo>
                    <a:pt x="857" y="1665"/>
                  </a:lnTo>
                  <a:lnTo>
                    <a:pt x="859" y="1667"/>
                  </a:lnTo>
                  <a:lnTo>
                    <a:pt x="859" y="1669"/>
                  </a:lnTo>
                  <a:lnTo>
                    <a:pt x="859" y="1670"/>
                  </a:lnTo>
                  <a:lnTo>
                    <a:pt x="857" y="1670"/>
                  </a:lnTo>
                  <a:lnTo>
                    <a:pt x="857" y="1672"/>
                  </a:lnTo>
                  <a:lnTo>
                    <a:pt x="855" y="1674"/>
                  </a:lnTo>
                  <a:lnTo>
                    <a:pt x="855" y="1676"/>
                  </a:lnTo>
                  <a:lnTo>
                    <a:pt x="855" y="1678"/>
                  </a:lnTo>
                  <a:lnTo>
                    <a:pt x="855" y="1680"/>
                  </a:lnTo>
                  <a:lnTo>
                    <a:pt x="857" y="1680"/>
                  </a:lnTo>
                  <a:lnTo>
                    <a:pt x="855" y="1680"/>
                  </a:lnTo>
                  <a:lnTo>
                    <a:pt x="857" y="1680"/>
                  </a:lnTo>
                  <a:lnTo>
                    <a:pt x="857" y="1682"/>
                  </a:lnTo>
                  <a:lnTo>
                    <a:pt x="857" y="1683"/>
                  </a:lnTo>
                  <a:lnTo>
                    <a:pt x="855" y="1683"/>
                  </a:lnTo>
                  <a:lnTo>
                    <a:pt x="855" y="1685"/>
                  </a:lnTo>
                  <a:lnTo>
                    <a:pt x="855" y="1687"/>
                  </a:lnTo>
                  <a:lnTo>
                    <a:pt x="857" y="1689"/>
                  </a:lnTo>
                  <a:lnTo>
                    <a:pt x="857" y="1691"/>
                  </a:lnTo>
                  <a:lnTo>
                    <a:pt x="857" y="1693"/>
                  </a:lnTo>
                  <a:lnTo>
                    <a:pt x="857" y="1695"/>
                  </a:lnTo>
                  <a:lnTo>
                    <a:pt x="855" y="1696"/>
                  </a:lnTo>
                  <a:lnTo>
                    <a:pt x="855" y="1698"/>
                  </a:lnTo>
                  <a:lnTo>
                    <a:pt x="855" y="1700"/>
                  </a:lnTo>
                  <a:lnTo>
                    <a:pt x="855" y="1702"/>
                  </a:lnTo>
                  <a:lnTo>
                    <a:pt x="855" y="1704"/>
                  </a:lnTo>
                  <a:lnTo>
                    <a:pt x="854" y="1706"/>
                  </a:lnTo>
                  <a:lnTo>
                    <a:pt x="854" y="1707"/>
                  </a:lnTo>
                  <a:lnTo>
                    <a:pt x="852" y="1707"/>
                  </a:lnTo>
                  <a:lnTo>
                    <a:pt x="850" y="1707"/>
                  </a:lnTo>
                  <a:lnTo>
                    <a:pt x="848" y="1707"/>
                  </a:lnTo>
                  <a:lnTo>
                    <a:pt x="846" y="1707"/>
                  </a:lnTo>
                  <a:lnTo>
                    <a:pt x="846" y="1706"/>
                  </a:lnTo>
                  <a:lnTo>
                    <a:pt x="846" y="1707"/>
                  </a:lnTo>
                  <a:lnTo>
                    <a:pt x="844" y="1707"/>
                  </a:lnTo>
                  <a:lnTo>
                    <a:pt x="843" y="1707"/>
                  </a:lnTo>
                  <a:lnTo>
                    <a:pt x="843" y="1706"/>
                  </a:lnTo>
                  <a:lnTo>
                    <a:pt x="841" y="1706"/>
                  </a:lnTo>
                  <a:lnTo>
                    <a:pt x="837" y="1706"/>
                  </a:lnTo>
                  <a:lnTo>
                    <a:pt x="835" y="1706"/>
                  </a:lnTo>
                  <a:lnTo>
                    <a:pt x="835" y="1707"/>
                  </a:lnTo>
                  <a:lnTo>
                    <a:pt x="830" y="1709"/>
                  </a:lnTo>
                  <a:lnTo>
                    <a:pt x="828" y="1709"/>
                  </a:lnTo>
                  <a:lnTo>
                    <a:pt x="826" y="1711"/>
                  </a:lnTo>
                  <a:lnTo>
                    <a:pt x="824" y="1711"/>
                  </a:lnTo>
                  <a:lnTo>
                    <a:pt x="824" y="1713"/>
                  </a:lnTo>
                  <a:lnTo>
                    <a:pt x="822" y="1713"/>
                  </a:lnTo>
                  <a:lnTo>
                    <a:pt x="820" y="1713"/>
                  </a:lnTo>
                  <a:lnTo>
                    <a:pt x="819" y="1715"/>
                  </a:lnTo>
                  <a:lnTo>
                    <a:pt x="817" y="1715"/>
                  </a:lnTo>
                  <a:lnTo>
                    <a:pt x="817" y="1717"/>
                  </a:lnTo>
                  <a:lnTo>
                    <a:pt x="817" y="1719"/>
                  </a:lnTo>
                  <a:lnTo>
                    <a:pt x="817" y="1720"/>
                  </a:lnTo>
                  <a:lnTo>
                    <a:pt x="819" y="1720"/>
                  </a:lnTo>
                  <a:lnTo>
                    <a:pt x="819" y="1722"/>
                  </a:lnTo>
                  <a:lnTo>
                    <a:pt x="820" y="1724"/>
                  </a:lnTo>
                  <a:lnTo>
                    <a:pt x="819" y="1726"/>
                  </a:lnTo>
                  <a:lnTo>
                    <a:pt x="819" y="1728"/>
                  </a:lnTo>
                  <a:lnTo>
                    <a:pt x="817" y="1730"/>
                  </a:lnTo>
                  <a:lnTo>
                    <a:pt x="817" y="1732"/>
                  </a:lnTo>
                  <a:lnTo>
                    <a:pt x="817" y="1733"/>
                  </a:lnTo>
                  <a:lnTo>
                    <a:pt x="815" y="1733"/>
                  </a:lnTo>
                  <a:lnTo>
                    <a:pt x="815" y="1737"/>
                  </a:lnTo>
                  <a:lnTo>
                    <a:pt x="815" y="1739"/>
                  </a:lnTo>
                  <a:lnTo>
                    <a:pt x="813" y="1741"/>
                  </a:lnTo>
                  <a:lnTo>
                    <a:pt x="815" y="1743"/>
                  </a:lnTo>
                  <a:lnTo>
                    <a:pt x="815" y="1744"/>
                  </a:lnTo>
                  <a:lnTo>
                    <a:pt x="813" y="1744"/>
                  </a:lnTo>
                  <a:lnTo>
                    <a:pt x="813" y="1746"/>
                  </a:lnTo>
                  <a:lnTo>
                    <a:pt x="811" y="1748"/>
                  </a:lnTo>
                  <a:lnTo>
                    <a:pt x="809" y="1750"/>
                  </a:lnTo>
                  <a:lnTo>
                    <a:pt x="809" y="1752"/>
                  </a:lnTo>
                  <a:lnTo>
                    <a:pt x="807" y="1752"/>
                  </a:lnTo>
                  <a:lnTo>
                    <a:pt x="804" y="1752"/>
                  </a:lnTo>
                  <a:lnTo>
                    <a:pt x="800" y="1754"/>
                  </a:lnTo>
                  <a:lnTo>
                    <a:pt x="798" y="1754"/>
                  </a:lnTo>
                  <a:lnTo>
                    <a:pt x="796" y="1754"/>
                  </a:lnTo>
                  <a:lnTo>
                    <a:pt x="794" y="1756"/>
                  </a:lnTo>
                  <a:lnTo>
                    <a:pt x="793" y="1757"/>
                  </a:lnTo>
                  <a:lnTo>
                    <a:pt x="791" y="1757"/>
                  </a:lnTo>
                  <a:lnTo>
                    <a:pt x="791" y="1761"/>
                  </a:lnTo>
                  <a:lnTo>
                    <a:pt x="789" y="1765"/>
                  </a:lnTo>
                  <a:lnTo>
                    <a:pt x="789" y="1767"/>
                  </a:lnTo>
                  <a:lnTo>
                    <a:pt x="789" y="1768"/>
                  </a:lnTo>
                  <a:lnTo>
                    <a:pt x="789" y="1772"/>
                  </a:lnTo>
                  <a:lnTo>
                    <a:pt x="787" y="1772"/>
                  </a:lnTo>
                  <a:lnTo>
                    <a:pt x="787" y="1774"/>
                  </a:lnTo>
                  <a:lnTo>
                    <a:pt x="785" y="1776"/>
                  </a:lnTo>
                  <a:lnTo>
                    <a:pt x="785" y="1778"/>
                  </a:lnTo>
                  <a:lnTo>
                    <a:pt x="785" y="1780"/>
                  </a:lnTo>
                  <a:lnTo>
                    <a:pt x="785" y="1781"/>
                  </a:lnTo>
                  <a:lnTo>
                    <a:pt x="785" y="1783"/>
                  </a:lnTo>
                  <a:lnTo>
                    <a:pt x="783" y="1785"/>
                  </a:lnTo>
                  <a:lnTo>
                    <a:pt x="783" y="1787"/>
                  </a:lnTo>
                  <a:lnTo>
                    <a:pt x="782" y="1787"/>
                  </a:lnTo>
                  <a:lnTo>
                    <a:pt x="782" y="1791"/>
                  </a:lnTo>
                  <a:lnTo>
                    <a:pt x="782" y="1793"/>
                  </a:lnTo>
                  <a:lnTo>
                    <a:pt x="783" y="1794"/>
                  </a:lnTo>
                  <a:lnTo>
                    <a:pt x="783" y="1796"/>
                  </a:lnTo>
                  <a:lnTo>
                    <a:pt x="783" y="1798"/>
                  </a:lnTo>
                  <a:lnTo>
                    <a:pt x="785" y="1800"/>
                  </a:lnTo>
                  <a:lnTo>
                    <a:pt x="787" y="1800"/>
                  </a:lnTo>
                  <a:lnTo>
                    <a:pt x="787" y="1802"/>
                  </a:lnTo>
                  <a:lnTo>
                    <a:pt x="785" y="1802"/>
                  </a:lnTo>
                  <a:lnTo>
                    <a:pt x="785" y="1804"/>
                  </a:lnTo>
                  <a:lnTo>
                    <a:pt x="783" y="1805"/>
                  </a:lnTo>
                  <a:lnTo>
                    <a:pt x="782" y="1807"/>
                  </a:lnTo>
                  <a:lnTo>
                    <a:pt x="783" y="1809"/>
                  </a:lnTo>
                  <a:lnTo>
                    <a:pt x="783" y="1811"/>
                  </a:lnTo>
                  <a:lnTo>
                    <a:pt x="783" y="1813"/>
                  </a:lnTo>
                  <a:lnTo>
                    <a:pt x="782" y="1815"/>
                  </a:lnTo>
                  <a:lnTo>
                    <a:pt x="782" y="1817"/>
                  </a:lnTo>
                  <a:lnTo>
                    <a:pt x="782" y="1818"/>
                  </a:lnTo>
                  <a:lnTo>
                    <a:pt x="780" y="1818"/>
                  </a:lnTo>
                  <a:lnTo>
                    <a:pt x="778" y="1820"/>
                  </a:lnTo>
                  <a:lnTo>
                    <a:pt x="776" y="1822"/>
                  </a:lnTo>
                  <a:lnTo>
                    <a:pt x="774" y="1824"/>
                  </a:lnTo>
                  <a:lnTo>
                    <a:pt x="772" y="1826"/>
                  </a:lnTo>
                  <a:lnTo>
                    <a:pt x="770" y="1828"/>
                  </a:lnTo>
                  <a:lnTo>
                    <a:pt x="770" y="1830"/>
                  </a:lnTo>
                  <a:lnTo>
                    <a:pt x="769" y="1830"/>
                  </a:lnTo>
                  <a:lnTo>
                    <a:pt x="769" y="1831"/>
                  </a:lnTo>
                  <a:lnTo>
                    <a:pt x="769" y="1833"/>
                  </a:lnTo>
                  <a:lnTo>
                    <a:pt x="767" y="1835"/>
                  </a:lnTo>
                  <a:lnTo>
                    <a:pt x="765" y="1837"/>
                  </a:lnTo>
                  <a:lnTo>
                    <a:pt x="763" y="1837"/>
                  </a:lnTo>
                  <a:lnTo>
                    <a:pt x="761" y="1837"/>
                  </a:lnTo>
                  <a:lnTo>
                    <a:pt x="759" y="1835"/>
                  </a:lnTo>
                  <a:lnTo>
                    <a:pt x="758" y="1835"/>
                  </a:lnTo>
                  <a:lnTo>
                    <a:pt x="756" y="1835"/>
                  </a:lnTo>
                  <a:lnTo>
                    <a:pt x="754" y="1835"/>
                  </a:lnTo>
                  <a:lnTo>
                    <a:pt x="754" y="1833"/>
                  </a:lnTo>
                  <a:lnTo>
                    <a:pt x="752" y="1835"/>
                  </a:lnTo>
                  <a:lnTo>
                    <a:pt x="750" y="1833"/>
                  </a:lnTo>
                  <a:lnTo>
                    <a:pt x="748" y="1833"/>
                  </a:lnTo>
                  <a:lnTo>
                    <a:pt x="746" y="1833"/>
                  </a:lnTo>
                  <a:lnTo>
                    <a:pt x="745" y="1833"/>
                  </a:lnTo>
                  <a:lnTo>
                    <a:pt x="745" y="1835"/>
                  </a:lnTo>
                  <a:lnTo>
                    <a:pt x="741" y="1835"/>
                  </a:lnTo>
                  <a:lnTo>
                    <a:pt x="739" y="1833"/>
                  </a:lnTo>
                  <a:lnTo>
                    <a:pt x="739" y="1835"/>
                  </a:lnTo>
                  <a:lnTo>
                    <a:pt x="735" y="1835"/>
                  </a:lnTo>
                  <a:lnTo>
                    <a:pt x="733" y="1837"/>
                  </a:lnTo>
                  <a:lnTo>
                    <a:pt x="732" y="1837"/>
                  </a:lnTo>
                  <a:lnTo>
                    <a:pt x="730" y="1837"/>
                  </a:lnTo>
                  <a:lnTo>
                    <a:pt x="728" y="1837"/>
                  </a:lnTo>
                  <a:lnTo>
                    <a:pt x="726" y="1837"/>
                  </a:lnTo>
                  <a:lnTo>
                    <a:pt x="724" y="1837"/>
                  </a:lnTo>
                  <a:lnTo>
                    <a:pt x="722" y="1835"/>
                  </a:lnTo>
                  <a:lnTo>
                    <a:pt x="721" y="1835"/>
                  </a:lnTo>
                  <a:lnTo>
                    <a:pt x="721" y="1833"/>
                  </a:lnTo>
                  <a:lnTo>
                    <a:pt x="719" y="1833"/>
                  </a:lnTo>
                  <a:lnTo>
                    <a:pt x="719" y="1831"/>
                  </a:lnTo>
                  <a:lnTo>
                    <a:pt x="717" y="1831"/>
                  </a:lnTo>
                  <a:lnTo>
                    <a:pt x="717" y="1830"/>
                  </a:lnTo>
                  <a:lnTo>
                    <a:pt x="715" y="1830"/>
                  </a:lnTo>
                  <a:lnTo>
                    <a:pt x="715" y="1828"/>
                  </a:lnTo>
                  <a:lnTo>
                    <a:pt x="713" y="1826"/>
                  </a:lnTo>
                  <a:lnTo>
                    <a:pt x="708" y="1820"/>
                  </a:lnTo>
                  <a:lnTo>
                    <a:pt x="706" y="1820"/>
                  </a:lnTo>
                  <a:lnTo>
                    <a:pt x="704" y="1820"/>
                  </a:lnTo>
                  <a:lnTo>
                    <a:pt x="702" y="1820"/>
                  </a:lnTo>
                  <a:lnTo>
                    <a:pt x="702" y="1818"/>
                  </a:lnTo>
                  <a:lnTo>
                    <a:pt x="700" y="1818"/>
                  </a:lnTo>
                  <a:lnTo>
                    <a:pt x="698" y="1817"/>
                  </a:lnTo>
                  <a:lnTo>
                    <a:pt x="698" y="1815"/>
                  </a:lnTo>
                  <a:lnTo>
                    <a:pt x="697" y="1813"/>
                  </a:lnTo>
                  <a:lnTo>
                    <a:pt x="695" y="1811"/>
                  </a:lnTo>
                  <a:lnTo>
                    <a:pt x="693" y="1809"/>
                  </a:lnTo>
                  <a:lnTo>
                    <a:pt x="693" y="1807"/>
                  </a:lnTo>
                  <a:lnTo>
                    <a:pt x="693" y="1805"/>
                  </a:lnTo>
                  <a:lnTo>
                    <a:pt x="693" y="1804"/>
                  </a:lnTo>
                  <a:lnTo>
                    <a:pt x="691" y="1802"/>
                  </a:lnTo>
                  <a:lnTo>
                    <a:pt x="691" y="1800"/>
                  </a:lnTo>
                  <a:lnTo>
                    <a:pt x="689" y="1798"/>
                  </a:lnTo>
                  <a:lnTo>
                    <a:pt x="689" y="1796"/>
                  </a:lnTo>
                  <a:lnTo>
                    <a:pt x="687" y="1794"/>
                  </a:lnTo>
                  <a:lnTo>
                    <a:pt x="687" y="1793"/>
                  </a:lnTo>
                  <a:lnTo>
                    <a:pt x="685" y="1793"/>
                  </a:lnTo>
                  <a:lnTo>
                    <a:pt x="685" y="1791"/>
                  </a:lnTo>
                  <a:lnTo>
                    <a:pt x="685" y="1789"/>
                  </a:lnTo>
                  <a:lnTo>
                    <a:pt x="684" y="1789"/>
                  </a:lnTo>
                  <a:lnTo>
                    <a:pt x="684" y="1787"/>
                  </a:lnTo>
                  <a:lnTo>
                    <a:pt x="682" y="1787"/>
                  </a:lnTo>
                  <a:lnTo>
                    <a:pt x="680" y="1785"/>
                  </a:lnTo>
                  <a:lnTo>
                    <a:pt x="678" y="1783"/>
                  </a:lnTo>
                  <a:lnTo>
                    <a:pt x="678" y="1781"/>
                  </a:lnTo>
                  <a:lnTo>
                    <a:pt x="676" y="1781"/>
                  </a:lnTo>
                  <a:lnTo>
                    <a:pt x="676" y="1780"/>
                  </a:lnTo>
                  <a:lnTo>
                    <a:pt x="676" y="1778"/>
                  </a:lnTo>
                  <a:lnTo>
                    <a:pt x="674" y="1776"/>
                  </a:lnTo>
                  <a:lnTo>
                    <a:pt x="672" y="1774"/>
                  </a:lnTo>
                  <a:lnTo>
                    <a:pt x="671" y="1772"/>
                  </a:lnTo>
                  <a:lnTo>
                    <a:pt x="665" y="1770"/>
                  </a:lnTo>
                  <a:lnTo>
                    <a:pt x="665" y="1768"/>
                  </a:lnTo>
                  <a:lnTo>
                    <a:pt x="663" y="1767"/>
                  </a:lnTo>
                  <a:lnTo>
                    <a:pt x="660" y="1765"/>
                  </a:lnTo>
                  <a:lnTo>
                    <a:pt x="656" y="1765"/>
                  </a:lnTo>
                  <a:lnTo>
                    <a:pt x="654" y="1763"/>
                  </a:lnTo>
                  <a:lnTo>
                    <a:pt x="652" y="1763"/>
                  </a:lnTo>
                  <a:lnTo>
                    <a:pt x="648" y="1761"/>
                  </a:lnTo>
                  <a:lnTo>
                    <a:pt x="647" y="1759"/>
                  </a:lnTo>
                  <a:lnTo>
                    <a:pt x="645" y="1759"/>
                  </a:lnTo>
                  <a:lnTo>
                    <a:pt x="643" y="1757"/>
                  </a:lnTo>
                  <a:lnTo>
                    <a:pt x="641" y="1757"/>
                  </a:lnTo>
                  <a:lnTo>
                    <a:pt x="639" y="1756"/>
                  </a:lnTo>
                  <a:lnTo>
                    <a:pt x="637" y="1756"/>
                  </a:lnTo>
                  <a:lnTo>
                    <a:pt x="636" y="1756"/>
                  </a:lnTo>
                  <a:lnTo>
                    <a:pt x="636" y="1754"/>
                  </a:lnTo>
                  <a:lnTo>
                    <a:pt x="634" y="1754"/>
                  </a:lnTo>
                  <a:lnTo>
                    <a:pt x="632" y="1754"/>
                  </a:lnTo>
                  <a:lnTo>
                    <a:pt x="632" y="1752"/>
                  </a:lnTo>
                  <a:lnTo>
                    <a:pt x="630" y="1750"/>
                  </a:lnTo>
                  <a:lnTo>
                    <a:pt x="628" y="1750"/>
                  </a:lnTo>
                  <a:lnTo>
                    <a:pt x="628" y="1748"/>
                  </a:lnTo>
                  <a:lnTo>
                    <a:pt x="628" y="1746"/>
                  </a:lnTo>
                  <a:lnTo>
                    <a:pt x="626" y="1743"/>
                  </a:lnTo>
                  <a:lnTo>
                    <a:pt x="626" y="1741"/>
                  </a:lnTo>
                  <a:lnTo>
                    <a:pt x="624" y="1741"/>
                  </a:lnTo>
                  <a:lnTo>
                    <a:pt x="624" y="1739"/>
                  </a:lnTo>
                  <a:lnTo>
                    <a:pt x="624" y="1737"/>
                  </a:lnTo>
                  <a:lnTo>
                    <a:pt x="623" y="1735"/>
                  </a:lnTo>
                  <a:lnTo>
                    <a:pt x="623" y="1732"/>
                  </a:lnTo>
                  <a:lnTo>
                    <a:pt x="623" y="1730"/>
                  </a:lnTo>
                  <a:lnTo>
                    <a:pt x="623" y="1728"/>
                  </a:lnTo>
                  <a:lnTo>
                    <a:pt x="623" y="1726"/>
                  </a:lnTo>
                  <a:lnTo>
                    <a:pt x="621" y="1719"/>
                  </a:lnTo>
                  <a:lnTo>
                    <a:pt x="619" y="1719"/>
                  </a:lnTo>
                  <a:lnTo>
                    <a:pt x="617" y="1709"/>
                  </a:lnTo>
                  <a:lnTo>
                    <a:pt x="617" y="1711"/>
                  </a:lnTo>
                  <a:lnTo>
                    <a:pt x="615" y="1711"/>
                  </a:lnTo>
                  <a:lnTo>
                    <a:pt x="613" y="1711"/>
                  </a:lnTo>
                  <a:lnTo>
                    <a:pt x="611" y="1711"/>
                  </a:lnTo>
                  <a:lnTo>
                    <a:pt x="610" y="1713"/>
                  </a:lnTo>
                  <a:lnTo>
                    <a:pt x="608" y="1711"/>
                  </a:lnTo>
                  <a:lnTo>
                    <a:pt x="608" y="1709"/>
                  </a:lnTo>
                  <a:lnTo>
                    <a:pt x="606" y="1707"/>
                  </a:lnTo>
                  <a:lnTo>
                    <a:pt x="606" y="1706"/>
                  </a:lnTo>
                  <a:lnTo>
                    <a:pt x="608" y="1704"/>
                  </a:lnTo>
                  <a:lnTo>
                    <a:pt x="608" y="1702"/>
                  </a:lnTo>
                  <a:lnTo>
                    <a:pt x="610" y="1702"/>
                  </a:lnTo>
                  <a:lnTo>
                    <a:pt x="611" y="1700"/>
                  </a:lnTo>
                  <a:lnTo>
                    <a:pt x="611" y="1685"/>
                  </a:lnTo>
                  <a:lnTo>
                    <a:pt x="613" y="1659"/>
                  </a:lnTo>
                  <a:lnTo>
                    <a:pt x="613" y="1658"/>
                  </a:lnTo>
                  <a:lnTo>
                    <a:pt x="613" y="1656"/>
                  </a:lnTo>
                  <a:lnTo>
                    <a:pt x="611" y="1654"/>
                  </a:lnTo>
                  <a:lnTo>
                    <a:pt x="611" y="1652"/>
                  </a:lnTo>
                  <a:lnTo>
                    <a:pt x="610" y="1650"/>
                  </a:lnTo>
                  <a:lnTo>
                    <a:pt x="608" y="1648"/>
                  </a:lnTo>
                  <a:lnTo>
                    <a:pt x="608" y="1646"/>
                  </a:lnTo>
                  <a:lnTo>
                    <a:pt x="608" y="1645"/>
                  </a:lnTo>
                  <a:lnTo>
                    <a:pt x="606" y="1643"/>
                  </a:lnTo>
                  <a:lnTo>
                    <a:pt x="606" y="1641"/>
                  </a:lnTo>
                  <a:lnTo>
                    <a:pt x="604" y="1639"/>
                  </a:lnTo>
                  <a:lnTo>
                    <a:pt x="602" y="1639"/>
                  </a:lnTo>
                  <a:lnTo>
                    <a:pt x="602" y="1637"/>
                  </a:lnTo>
                  <a:lnTo>
                    <a:pt x="599" y="1635"/>
                  </a:lnTo>
                  <a:lnTo>
                    <a:pt x="599" y="1633"/>
                  </a:lnTo>
                  <a:lnTo>
                    <a:pt x="597" y="1633"/>
                  </a:lnTo>
                  <a:lnTo>
                    <a:pt x="595" y="1632"/>
                  </a:lnTo>
                  <a:lnTo>
                    <a:pt x="593" y="1630"/>
                  </a:lnTo>
                  <a:lnTo>
                    <a:pt x="593" y="1628"/>
                  </a:lnTo>
                  <a:lnTo>
                    <a:pt x="591" y="1626"/>
                  </a:lnTo>
                  <a:lnTo>
                    <a:pt x="591" y="1624"/>
                  </a:lnTo>
                  <a:lnTo>
                    <a:pt x="591" y="1622"/>
                  </a:lnTo>
                  <a:lnTo>
                    <a:pt x="591" y="1621"/>
                  </a:lnTo>
                  <a:lnTo>
                    <a:pt x="589" y="1619"/>
                  </a:lnTo>
                  <a:lnTo>
                    <a:pt x="587" y="1617"/>
                  </a:lnTo>
                  <a:lnTo>
                    <a:pt x="587" y="1615"/>
                  </a:lnTo>
                  <a:lnTo>
                    <a:pt x="586" y="1615"/>
                  </a:lnTo>
                  <a:lnTo>
                    <a:pt x="586" y="1613"/>
                  </a:lnTo>
                  <a:lnTo>
                    <a:pt x="584" y="1611"/>
                  </a:lnTo>
                  <a:lnTo>
                    <a:pt x="584" y="1609"/>
                  </a:lnTo>
                  <a:lnTo>
                    <a:pt x="584" y="1608"/>
                  </a:lnTo>
                  <a:lnTo>
                    <a:pt x="584" y="1606"/>
                  </a:lnTo>
                  <a:lnTo>
                    <a:pt x="582" y="1606"/>
                  </a:lnTo>
                  <a:lnTo>
                    <a:pt x="582" y="1604"/>
                  </a:lnTo>
                  <a:lnTo>
                    <a:pt x="582" y="1602"/>
                  </a:lnTo>
                  <a:lnTo>
                    <a:pt x="582" y="1600"/>
                  </a:lnTo>
                  <a:lnTo>
                    <a:pt x="580" y="1600"/>
                  </a:lnTo>
                  <a:lnTo>
                    <a:pt x="580" y="1598"/>
                  </a:lnTo>
                  <a:lnTo>
                    <a:pt x="580" y="1596"/>
                  </a:lnTo>
                  <a:lnTo>
                    <a:pt x="580" y="1595"/>
                  </a:lnTo>
                  <a:lnTo>
                    <a:pt x="578" y="1591"/>
                  </a:lnTo>
                  <a:lnTo>
                    <a:pt x="578" y="1589"/>
                  </a:lnTo>
                  <a:lnTo>
                    <a:pt x="578" y="1587"/>
                  </a:lnTo>
                  <a:lnTo>
                    <a:pt x="578" y="1585"/>
                  </a:lnTo>
                  <a:lnTo>
                    <a:pt x="580" y="1585"/>
                  </a:lnTo>
                  <a:lnTo>
                    <a:pt x="580" y="1584"/>
                  </a:lnTo>
                  <a:lnTo>
                    <a:pt x="582" y="1582"/>
                  </a:lnTo>
                  <a:lnTo>
                    <a:pt x="584" y="1582"/>
                  </a:lnTo>
                  <a:lnTo>
                    <a:pt x="586" y="1582"/>
                  </a:lnTo>
                  <a:lnTo>
                    <a:pt x="587" y="1582"/>
                  </a:lnTo>
                  <a:lnTo>
                    <a:pt x="587" y="1580"/>
                  </a:lnTo>
                  <a:lnTo>
                    <a:pt x="587" y="1578"/>
                  </a:lnTo>
                  <a:lnTo>
                    <a:pt x="589" y="1578"/>
                  </a:lnTo>
                  <a:lnTo>
                    <a:pt x="589" y="1576"/>
                  </a:lnTo>
                  <a:lnTo>
                    <a:pt x="591" y="1574"/>
                  </a:lnTo>
                  <a:lnTo>
                    <a:pt x="591" y="1572"/>
                  </a:lnTo>
                  <a:lnTo>
                    <a:pt x="591" y="1571"/>
                  </a:lnTo>
                  <a:lnTo>
                    <a:pt x="593" y="1571"/>
                  </a:lnTo>
                  <a:lnTo>
                    <a:pt x="593" y="1569"/>
                  </a:lnTo>
                  <a:lnTo>
                    <a:pt x="595" y="1567"/>
                  </a:lnTo>
                  <a:lnTo>
                    <a:pt x="595" y="1565"/>
                  </a:lnTo>
                  <a:lnTo>
                    <a:pt x="597" y="1565"/>
                  </a:lnTo>
                  <a:lnTo>
                    <a:pt x="597" y="1563"/>
                  </a:lnTo>
                  <a:lnTo>
                    <a:pt x="597" y="1559"/>
                  </a:lnTo>
                  <a:lnTo>
                    <a:pt x="599" y="1559"/>
                  </a:lnTo>
                  <a:lnTo>
                    <a:pt x="600" y="1559"/>
                  </a:lnTo>
                  <a:lnTo>
                    <a:pt x="602" y="1559"/>
                  </a:lnTo>
                  <a:lnTo>
                    <a:pt x="602" y="1558"/>
                  </a:lnTo>
                  <a:lnTo>
                    <a:pt x="604" y="1558"/>
                  </a:lnTo>
                  <a:lnTo>
                    <a:pt x="604" y="1556"/>
                  </a:lnTo>
                  <a:lnTo>
                    <a:pt x="604" y="1554"/>
                  </a:lnTo>
                  <a:lnTo>
                    <a:pt x="604" y="1552"/>
                  </a:lnTo>
                  <a:lnTo>
                    <a:pt x="606" y="1550"/>
                  </a:lnTo>
                  <a:lnTo>
                    <a:pt x="606" y="1548"/>
                  </a:lnTo>
                  <a:lnTo>
                    <a:pt x="608" y="1547"/>
                  </a:lnTo>
                  <a:lnTo>
                    <a:pt x="608" y="1545"/>
                  </a:lnTo>
                  <a:lnTo>
                    <a:pt x="606" y="1543"/>
                  </a:lnTo>
                  <a:lnTo>
                    <a:pt x="606" y="1541"/>
                  </a:lnTo>
                  <a:lnTo>
                    <a:pt x="606" y="1539"/>
                  </a:lnTo>
                  <a:lnTo>
                    <a:pt x="604" y="1537"/>
                  </a:lnTo>
                  <a:lnTo>
                    <a:pt x="604" y="1535"/>
                  </a:lnTo>
                  <a:lnTo>
                    <a:pt x="602" y="1535"/>
                  </a:lnTo>
                  <a:lnTo>
                    <a:pt x="602" y="1534"/>
                  </a:lnTo>
                  <a:lnTo>
                    <a:pt x="600" y="1534"/>
                  </a:lnTo>
                  <a:lnTo>
                    <a:pt x="600" y="1532"/>
                  </a:lnTo>
                  <a:lnTo>
                    <a:pt x="599" y="1530"/>
                  </a:lnTo>
                  <a:lnTo>
                    <a:pt x="597" y="1528"/>
                  </a:lnTo>
                  <a:lnTo>
                    <a:pt x="597" y="1526"/>
                  </a:lnTo>
                  <a:lnTo>
                    <a:pt x="595" y="1526"/>
                  </a:lnTo>
                  <a:lnTo>
                    <a:pt x="593" y="1526"/>
                  </a:lnTo>
                  <a:lnTo>
                    <a:pt x="593" y="1524"/>
                  </a:lnTo>
                  <a:lnTo>
                    <a:pt x="591" y="1524"/>
                  </a:lnTo>
                  <a:lnTo>
                    <a:pt x="591" y="1522"/>
                  </a:lnTo>
                  <a:lnTo>
                    <a:pt x="591" y="1519"/>
                  </a:lnTo>
                  <a:lnTo>
                    <a:pt x="593" y="1517"/>
                  </a:lnTo>
                  <a:lnTo>
                    <a:pt x="593" y="1515"/>
                  </a:lnTo>
                  <a:lnTo>
                    <a:pt x="595" y="1513"/>
                  </a:lnTo>
                  <a:lnTo>
                    <a:pt x="597" y="1511"/>
                  </a:lnTo>
                  <a:lnTo>
                    <a:pt x="599" y="1508"/>
                  </a:lnTo>
                  <a:lnTo>
                    <a:pt x="599" y="1506"/>
                  </a:lnTo>
                  <a:lnTo>
                    <a:pt x="597" y="1506"/>
                  </a:lnTo>
                  <a:lnTo>
                    <a:pt x="597" y="1504"/>
                  </a:lnTo>
                  <a:lnTo>
                    <a:pt x="595" y="1504"/>
                  </a:lnTo>
                  <a:lnTo>
                    <a:pt x="595" y="1502"/>
                  </a:lnTo>
                  <a:lnTo>
                    <a:pt x="595" y="1500"/>
                  </a:lnTo>
                  <a:lnTo>
                    <a:pt x="595" y="1498"/>
                  </a:lnTo>
                  <a:lnTo>
                    <a:pt x="597" y="1497"/>
                  </a:lnTo>
                  <a:lnTo>
                    <a:pt x="597" y="1495"/>
                  </a:lnTo>
                  <a:lnTo>
                    <a:pt x="597" y="1493"/>
                  </a:lnTo>
                  <a:lnTo>
                    <a:pt x="599" y="1491"/>
                  </a:lnTo>
                  <a:lnTo>
                    <a:pt x="599" y="1489"/>
                  </a:lnTo>
                  <a:lnTo>
                    <a:pt x="597" y="1489"/>
                  </a:lnTo>
                  <a:lnTo>
                    <a:pt x="597" y="1487"/>
                  </a:lnTo>
                  <a:lnTo>
                    <a:pt x="599" y="1487"/>
                  </a:lnTo>
                  <a:lnTo>
                    <a:pt x="599" y="1485"/>
                  </a:lnTo>
                  <a:lnTo>
                    <a:pt x="600" y="1485"/>
                  </a:lnTo>
                  <a:lnTo>
                    <a:pt x="602" y="1485"/>
                  </a:lnTo>
                  <a:lnTo>
                    <a:pt x="602" y="1484"/>
                  </a:lnTo>
                  <a:lnTo>
                    <a:pt x="604" y="1484"/>
                  </a:lnTo>
                  <a:lnTo>
                    <a:pt x="604" y="1482"/>
                  </a:lnTo>
                  <a:lnTo>
                    <a:pt x="606" y="1482"/>
                  </a:lnTo>
                  <a:lnTo>
                    <a:pt x="606" y="1480"/>
                  </a:lnTo>
                  <a:lnTo>
                    <a:pt x="608" y="1480"/>
                  </a:lnTo>
                  <a:lnTo>
                    <a:pt x="610" y="1478"/>
                  </a:lnTo>
                  <a:lnTo>
                    <a:pt x="611" y="1478"/>
                  </a:lnTo>
                  <a:lnTo>
                    <a:pt x="613" y="1478"/>
                  </a:lnTo>
                  <a:lnTo>
                    <a:pt x="613" y="1476"/>
                  </a:lnTo>
                  <a:lnTo>
                    <a:pt x="615" y="1476"/>
                  </a:lnTo>
                  <a:lnTo>
                    <a:pt x="615" y="1474"/>
                  </a:lnTo>
                  <a:lnTo>
                    <a:pt x="617" y="1474"/>
                  </a:lnTo>
                  <a:lnTo>
                    <a:pt x="619" y="1474"/>
                  </a:lnTo>
                  <a:lnTo>
                    <a:pt x="621" y="1474"/>
                  </a:lnTo>
                  <a:lnTo>
                    <a:pt x="623" y="1474"/>
                  </a:lnTo>
                  <a:lnTo>
                    <a:pt x="624" y="1474"/>
                  </a:lnTo>
                  <a:lnTo>
                    <a:pt x="624" y="1471"/>
                  </a:lnTo>
                  <a:lnTo>
                    <a:pt x="624" y="1469"/>
                  </a:lnTo>
                  <a:lnTo>
                    <a:pt x="624" y="1467"/>
                  </a:lnTo>
                  <a:lnTo>
                    <a:pt x="624" y="1465"/>
                  </a:lnTo>
                  <a:lnTo>
                    <a:pt x="626" y="1465"/>
                  </a:lnTo>
                  <a:lnTo>
                    <a:pt x="626" y="1463"/>
                  </a:lnTo>
                  <a:lnTo>
                    <a:pt x="626" y="1461"/>
                  </a:lnTo>
                  <a:lnTo>
                    <a:pt x="628" y="1461"/>
                  </a:lnTo>
                  <a:lnTo>
                    <a:pt x="628" y="1460"/>
                  </a:lnTo>
                  <a:lnTo>
                    <a:pt x="630" y="1460"/>
                  </a:lnTo>
                  <a:lnTo>
                    <a:pt x="630" y="1458"/>
                  </a:lnTo>
                  <a:lnTo>
                    <a:pt x="630" y="1456"/>
                  </a:lnTo>
                  <a:lnTo>
                    <a:pt x="630" y="1454"/>
                  </a:lnTo>
                  <a:lnTo>
                    <a:pt x="630" y="1452"/>
                  </a:lnTo>
                  <a:lnTo>
                    <a:pt x="632" y="1452"/>
                  </a:lnTo>
                  <a:lnTo>
                    <a:pt x="632" y="1450"/>
                  </a:lnTo>
                  <a:lnTo>
                    <a:pt x="632" y="1448"/>
                  </a:lnTo>
                  <a:lnTo>
                    <a:pt x="632" y="1447"/>
                  </a:lnTo>
                  <a:lnTo>
                    <a:pt x="632" y="1445"/>
                  </a:lnTo>
                  <a:lnTo>
                    <a:pt x="632" y="1443"/>
                  </a:lnTo>
                  <a:lnTo>
                    <a:pt x="632" y="1441"/>
                  </a:lnTo>
                  <a:lnTo>
                    <a:pt x="630" y="1441"/>
                  </a:lnTo>
                  <a:lnTo>
                    <a:pt x="630" y="1439"/>
                  </a:lnTo>
                  <a:lnTo>
                    <a:pt x="630" y="1437"/>
                  </a:lnTo>
                  <a:lnTo>
                    <a:pt x="630" y="1436"/>
                  </a:lnTo>
                  <a:lnTo>
                    <a:pt x="630" y="1432"/>
                  </a:lnTo>
                  <a:lnTo>
                    <a:pt x="630" y="1430"/>
                  </a:lnTo>
                  <a:lnTo>
                    <a:pt x="632" y="1426"/>
                  </a:lnTo>
                  <a:lnTo>
                    <a:pt x="634" y="1424"/>
                  </a:lnTo>
                  <a:lnTo>
                    <a:pt x="634" y="1423"/>
                  </a:lnTo>
                  <a:lnTo>
                    <a:pt x="634" y="1421"/>
                  </a:lnTo>
                  <a:lnTo>
                    <a:pt x="632" y="1421"/>
                  </a:lnTo>
                  <a:lnTo>
                    <a:pt x="632" y="1419"/>
                  </a:lnTo>
                  <a:lnTo>
                    <a:pt x="630" y="1417"/>
                  </a:lnTo>
                  <a:lnTo>
                    <a:pt x="630" y="1415"/>
                  </a:lnTo>
                  <a:lnTo>
                    <a:pt x="630" y="1412"/>
                  </a:lnTo>
                  <a:lnTo>
                    <a:pt x="630" y="1410"/>
                  </a:lnTo>
                  <a:lnTo>
                    <a:pt x="628" y="1410"/>
                  </a:lnTo>
                  <a:lnTo>
                    <a:pt x="628" y="1408"/>
                  </a:lnTo>
                  <a:lnTo>
                    <a:pt x="628" y="1406"/>
                  </a:lnTo>
                  <a:lnTo>
                    <a:pt x="628" y="1404"/>
                  </a:lnTo>
                  <a:lnTo>
                    <a:pt x="626" y="1404"/>
                  </a:lnTo>
                  <a:lnTo>
                    <a:pt x="626" y="1402"/>
                  </a:lnTo>
                  <a:lnTo>
                    <a:pt x="626" y="1400"/>
                  </a:lnTo>
                  <a:lnTo>
                    <a:pt x="624" y="1400"/>
                  </a:lnTo>
                  <a:lnTo>
                    <a:pt x="624" y="1399"/>
                  </a:lnTo>
                  <a:lnTo>
                    <a:pt x="624" y="1397"/>
                  </a:lnTo>
                  <a:lnTo>
                    <a:pt x="623" y="1395"/>
                  </a:lnTo>
                  <a:lnTo>
                    <a:pt x="621" y="1393"/>
                  </a:lnTo>
                  <a:lnTo>
                    <a:pt x="623" y="1391"/>
                  </a:lnTo>
                  <a:lnTo>
                    <a:pt x="623" y="1389"/>
                  </a:lnTo>
                  <a:lnTo>
                    <a:pt x="623" y="1387"/>
                  </a:lnTo>
                  <a:lnTo>
                    <a:pt x="624" y="1386"/>
                  </a:lnTo>
                  <a:lnTo>
                    <a:pt x="624" y="1384"/>
                  </a:lnTo>
                  <a:lnTo>
                    <a:pt x="624" y="1382"/>
                  </a:lnTo>
                  <a:lnTo>
                    <a:pt x="626" y="1382"/>
                  </a:lnTo>
                  <a:lnTo>
                    <a:pt x="626" y="1380"/>
                  </a:lnTo>
                  <a:lnTo>
                    <a:pt x="626" y="1378"/>
                  </a:lnTo>
                  <a:lnTo>
                    <a:pt x="628" y="1376"/>
                  </a:lnTo>
                  <a:lnTo>
                    <a:pt x="630" y="1376"/>
                  </a:lnTo>
                  <a:lnTo>
                    <a:pt x="630" y="1375"/>
                  </a:lnTo>
                  <a:lnTo>
                    <a:pt x="632" y="1375"/>
                  </a:lnTo>
                  <a:lnTo>
                    <a:pt x="632" y="1373"/>
                  </a:lnTo>
                  <a:lnTo>
                    <a:pt x="634" y="1373"/>
                  </a:lnTo>
                  <a:lnTo>
                    <a:pt x="634" y="1371"/>
                  </a:lnTo>
                  <a:lnTo>
                    <a:pt x="632" y="1369"/>
                  </a:lnTo>
                  <a:lnTo>
                    <a:pt x="632" y="1367"/>
                  </a:lnTo>
                  <a:lnTo>
                    <a:pt x="630" y="1367"/>
                  </a:lnTo>
                  <a:lnTo>
                    <a:pt x="630" y="1365"/>
                  </a:lnTo>
                  <a:lnTo>
                    <a:pt x="628" y="1365"/>
                  </a:lnTo>
                  <a:lnTo>
                    <a:pt x="626" y="1365"/>
                  </a:lnTo>
                  <a:lnTo>
                    <a:pt x="626" y="1363"/>
                  </a:lnTo>
                  <a:lnTo>
                    <a:pt x="626" y="1362"/>
                  </a:lnTo>
                  <a:lnTo>
                    <a:pt x="624" y="1362"/>
                  </a:lnTo>
                  <a:lnTo>
                    <a:pt x="624" y="1360"/>
                  </a:lnTo>
                  <a:lnTo>
                    <a:pt x="624" y="1358"/>
                  </a:lnTo>
                  <a:lnTo>
                    <a:pt x="624" y="1356"/>
                  </a:lnTo>
                  <a:lnTo>
                    <a:pt x="626" y="1356"/>
                  </a:lnTo>
                  <a:lnTo>
                    <a:pt x="628" y="1354"/>
                  </a:lnTo>
                  <a:lnTo>
                    <a:pt x="630" y="1354"/>
                  </a:lnTo>
                  <a:lnTo>
                    <a:pt x="632" y="1354"/>
                  </a:lnTo>
                  <a:lnTo>
                    <a:pt x="632" y="1352"/>
                  </a:lnTo>
                  <a:lnTo>
                    <a:pt x="634" y="1352"/>
                  </a:lnTo>
                  <a:lnTo>
                    <a:pt x="636" y="1352"/>
                  </a:lnTo>
                  <a:lnTo>
                    <a:pt x="636" y="1350"/>
                  </a:lnTo>
                  <a:lnTo>
                    <a:pt x="637" y="1350"/>
                  </a:lnTo>
                  <a:lnTo>
                    <a:pt x="637" y="1349"/>
                  </a:lnTo>
                  <a:lnTo>
                    <a:pt x="639" y="1350"/>
                  </a:lnTo>
                  <a:lnTo>
                    <a:pt x="639" y="1349"/>
                  </a:lnTo>
                  <a:lnTo>
                    <a:pt x="641" y="1349"/>
                  </a:lnTo>
                  <a:lnTo>
                    <a:pt x="643" y="1347"/>
                  </a:lnTo>
                  <a:lnTo>
                    <a:pt x="643" y="1345"/>
                  </a:lnTo>
                  <a:lnTo>
                    <a:pt x="643" y="1343"/>
                  </a:lnTo>
                  <a:lnTo>
                    <a:pt x="641" y="1341"/>
                  </a:lnTo>
                  <a:lnTo>
                    <a:pt x="641" y="1339"/>
                  </a:lnTo>
                  <a:lnTo>
                    <a:pt x="641" y="1338"/>
                  </a:lnTo>
                  <a:lnTo>
                    <a:pt x="639" y="1336"/>
                  </a:lnTo>
                  <a:lnTo>
                    <a:pt x="639" y="1334"/>
                  </a:lnTo>
                  <a:lnTo>
                    <a:pt x="639" y="1332"/>
                  </a:lnTo>
                  <a:lnTo>
                    <a:pt x="637" y="1332"/>
                  </a:lnTo>
                  <a:lnTo>
                    <a:pt x="637" y="1330"/>
                  </a:lnTo>
                  <a:lnTo>
                    <a:pt x="636" y="1330"/>
                  </a:lnTo>
                  <a:lnTo>
                    <a:pt x="636" y="1328"/>
                  </a:lnTo>
                  <a:lnTo>
                    <a:pt x="634" y="1326"/>
                  </a:lnTo>
                  <a:lnTo>
                    <a:pt x="634" y="1325"/>
                  </a:lnTo>
                  <a:lnTo>
                    <a:pt x="632" y="1323"/>
                  </a:lnTo>
                  <a:lnTo>
                    <a:pt x="632" y="1321"/>
                  </a:lnTo>
                  <a:lnTo>
                    <a:pt x="632" y="1319"/>
                  </a:lnTo>
                  <a:lnTo>
                    <a:pt x="630" y="1317"/>
                  </a:lnTo>
                  <a:lnTo>
                    <a:pt x="628" y="1315"/>
                  </a:lnTo>
                  <a:lnTo>
                    <a:pt x="628" y="1313"/>
                  </a:lnTo>
                  <a:lnTo>
                    <a:pt x="628" y="1312"/>
                  </a:lnTo>
                  <a:lnTo>
                    <a:pt x="626" y="1312"/>
                  </a:lnTo>
                  <a:lnTo>
                    <a:pt x="626" y="1310"/>
                  </a:lnTo>
                  <a:lnTo>
                    <a:pt x="624" y="1310"/>
                  </a:lnTo>
                  <a:lnTo>
                    <a:pt x="624" y="1308"/>
                  </a:lnTo>
                  <a:lnTo>
                    <a:pt x="623" y="1306"/>
                  </a:lnTo>
                  <a:lnTo>
                    <a:pt x="623" y="1304"/>
                  </a:lnTo>
                  <a:lnTo>
                    <a:pt x="623" y="1302"/>
                  </a:lnTo>
                  <a:lnTo>
                    <a:pt x="623" y="1301"/>
                  </a:lnTo>
                  <a:lnTo>
                    <a:pt x="623" y="1299"/>
                  </a:lnTo>
                  <a:lnTo>
                    <a:pt x="621" y="1295"/>
                  </a:lnTo>
                  <a:lnTo>
                    <a:pt x="623" y="1295"/>
                  </a:lnTo>
                  <a:lnTo>
                    <a:pt x="623" y="1293"/>
                  </a:lnTo>
                  <a:lnTo>
                    <a:pt x="623" y="1291"/>
                  </a:lnTo>
                  <a:lnTo>
                    <a:pt x="621" y="1291"/>
                  </a:lnTo>
                  <a:lnTo>
                    <a:pt x="621" y="1289"/>
                  </a:lnTo>
                  <a:lnTo>
                    <a:pt x="621" y="1288"/>
                  </a:lnTo>
                  <a:lnTo>
                    <a:pt x="621" y="1286"/>
                  </a:lnTo>
                  <a:lnTo>
                    <a:pt x="619" y="1286"/>
                  </a:lnTo>
                  <a:lnTo>
                    <a:pt x="619" y="1284"/>
                  </a:lnTo>
                  <a:lnTo>
                    <a:pt x="619" y="1282"/>
                  </a:lnTo>
                  <a:lnTo>
                    <a:pt x="619" y="1280"/>
                  </a:lnTo>
                  <a:lnTo>
                    <a:pt x="621" y="1278"/>
                  </a:lnTo>
                  <a:lnTo>
                    <a:pt x="621" y="1276"/>
                  </a:lnTo>
                  <a:lnTo>
                    <a:pt x="623" y="1276"/>
                  </a:lnTo>
                  <a:lnTo>
                    <a:pt x="623" y="1275"/>
                  </a:lnTo>
                  <a:lnTo>
                    <a:pt x="624" y="1271"/>
                  </a:lnTo>
                  <a:lnTo>
                    <a:pt x="626" y="1271"/>
                  </a:lnTo>
                  <a:lnTo>
                    <a:pt x="624" y="1269"/>
                  </a:lnTo>
                  <a:lnTo>
                    <a:pt x="624" y="1265"/>
                  </a:lnTo>
                  <a:lnTo>
                    <a:pt x="624" y="1262"/>
                  </a:lnTo>
                  <a:lnTo>
                    <a:pt x="626" y="1262"/>
                  </a:lnTo>
                  <a:lnTo>
                    <a:pt x="626" y="1258"/>
                  </a:lnTo>
                  <a:lnTo>
                    <a:pt x="626" y="1256"/>
                  </a:lnTo>
                  <a:lnTo>
                    <a:pt x="628" y="1254"/>
                  </a:lnTo>
                  <a:lnTo>
                    <a:pt x="628" y="1252"/>
                  </a:lnTo>
                  <a:lnTo>
                    <a:pt x="628" y="1251"/>
                  </a:lnTo>
                  <a:lnTo>
                    <a:pt x="628" y="1249"/>
                  </a:lnTo>
                  <a:lnTo>
                    <a:pt x="628" y="1247"/>
                  </a:lnTo>
                  <a:lnTo>
                    <a:pt x="630" y="1247"/>
                  </a:lnTo>
                  <a:lnTo>
                    <a:pt x="628" y="1245"/>
                  </a:lnTo>
                  <a:lnTo>
                    <a:pt x="628" y="1243"/>
                  </a:lnTo>
                  <a:lnTo>
                    <a:pt x="626" y="1241"/>
                  </a:lnTo>
                  <a:lnTo>
                    <a:pt x="626" y="1239"/>
                  </a:lnTo>
                  <a:lnTo>
                    <a:pt x="624" y="1239"/>
                  </a:lnTo>
                  <a:lnTo>
                    <a:pt x="624" y="1238"/>
                  </a:lnTo>
                  <a:lnTo>
                    <a:pt x="623" y="1236"/>
                  </a:lnTo>
                  <a:lnTo>
                    <a:pt x="623" y="1234"/>
                  </a:lnTo>
                  <a:lnTo>
                    <a:pt x="621" y="1234"/>
                  </a:lnTo>
                  <a:lnTo>
                    <a:pt x="621" y="1232"/>
                  </a:lnTo>
                  <a:lnTo>
                    <a:pt x="619" y="1232"/>
                  </a:lnTo>
                  <a:lnTo>
                    <a:pt x="619" y="1230"/>
                  </a:lnTo>
                  <a:lnTo>
                    <a:pt x="617" y="1230"/>
                  </a:lnTo>
                  <a:lnTo>
                    <a:pt x="617" y="1228"/>
                  </a:lnTo>
                  <a:lnTo>
                    <a:pt x="615" y="1227"/>
                  </a:lnTo>
                  <a:lnTo>
                    <a:pt x="615" y="1225"/>
                  </a:lnTo>
                  <a:lnTo>
                    <a:pt x="615" y="1223"/>
                  </a:lnTo>
                  <a:lnTo>
                    <a:pt x="615" y="1221"/>
                  </a:lnTo>
                  <a:lnTo>
                    <a:pt x="615" y="1219"/>
                  </a:lnTo>
                  <a:lnTo>
                    <a:pt x="615" y="1217"/>
                  </a:lnTo>
                  <a:lnTo>
                    <a:pt x="611" y="1214"/>
                  </a:lnTo>
                  <a:lnTo>
                    <a:pt x="610" y="1214"/>
                  </a:lnTo>
                  <a:lnTo>
                    <a:pt x="608" y="1214"/>
                  </a:lnTo>
                  <a:lnTo>
                    <a:pt x="608" y="1212"/>
                  </a:lnTo>
                  <a:lnTo>
                    <a:pt x="606" y="1212"/>
                  </a:lnTo>
                  <a:lnTo>
                    <a:pt x="604" y="1212"/>
                  </a:lnTo>
                  <a:lnTo>
                    <a:pt x="602" y="1210"/>
                  </a:lnTo>
                  <a:lnTo>
                    <a:pt x="600" y="1208"/>
                  </a:lnTo>
                  <a:lnTo>
                    <a:pt x="599" y="1208"/>
                  </a:lnTo>
                  <a:lnTo>
                    <a:pt x="597" y="1208"/>
                  </a:lnTo>
                  <a:lnTo>
                    <a:pt x="595" y="1208"/>
                  </a:lnTo>
                  <a:lnTo>
                    <a:pt x="593" y="1208"/>
                  </a:lnTo>
                  <a:lnTo>
                    <a:pt x="593" y="1210"/>
                  </a:lnTo>
                  <a:lnTo>
                    <a:pt x="591" y="1210"/>
                  </a:lnTo>
                  <a:lnTo>
                    <a:pt x="589" y="1210"/>
                  </a:lnTo>
                  <a:lnTo>
                    <a:pt x="589" y="1212"/>
                  </a:lnTo>
                  <a:lnTo>
                    <a:pt x="587" y="1212"/>
                  </a:lnTo>
                  <a:lnTo>
                    <a:pt x="586" y="1212"/>
                  </a:lnTo>
                  <a:lnTo>
                    <a:pt x="584" y="1214"/>
                  </a:lnTo>
                  <a:lnTo>
                    <a:pt x="582" y="1214"/>
                  </a:lnTo>
                  <a:lnTo>
                    <a:pt x="580" y="1215"/>
                  </a:lnTo>
                  <a:lnTo>
                    <a:pt x="578" y="1215"/>
                  </a:lnTo>
                  <a:lnTo>
                    <a:pt x="575" y="1215"/>
                  </a:lnTo>
                  <a:lnTo>
                    <a:pt x="573" y="1215"/>
                  </a:lnTo>
                  <a:lnTo>
                    <a:pt x="571" y="1215"/>
                  </a:lnTo>
                  <a:lnTo>
                    <a:pt x="571" y="1214"/>
                  </a:lnTo>
                  <a:lnTo>
                    <a:pt x="569" y="1214"/>
                  </a:lnTo>
                  <a:lnTo>
                    <a:pt x="569" y="1212"/>
                  </a:lnTo>
                  <a:lnTo>
                    <a:pt x="567" y="1212"/>
                  </a:lnTo>
                  <a:lnTo>
                    <a:pt x="567" y="1210"/>
                  </a:lnTo>
                  <a:lnTo>
                    <a:pt x="565" y="1210"/>
                  </a:lnTo>
                  <a:lnTo>
                    <a:pt x="563" y="1210"/>
                  </a:lnTo>
                  <a:lnTo>
                    <a:pt x="563" y="1208"/>
                  </a:lnTo>
                  <a:lnTo>
                    <a:pt x="562" y="1208"/>
                  </a:lnTo>
                  <a:lnTo>
                    <a:pt x="560" y="1208"/>
                  </a:lnTo>
                  <a:lnTo>
                    <a:pt x="560" y="1206"/>
                  </a:lnTo>
                  <a:lnTo>
                    <a:pt x="558" y="1206"/>
                  </a:lnTo>
                  <a:lnTo>
                    <a:pt x="560" y="1206"/>
                  </a:lnTo>
                  <a:lnTo>
                    <a:pt x="560" y="1204"/>
                  </a:lnTo>
                  <a:lnTo>
                    <a:pt x="562" y="1202"/>
                  </a:lnTo>
                  <a:lnTo>
                    <a:pt x="562" y="1201"/>
                  </a:lnTo>
                  <a:lnTo>
                    <a:pt x="562" y="1199"/>
                  </a:lnTo>
                  <a:lnTo>
                    <a:pt x="560" y="1197"/>
                  </a:lnTo>
                  <a:lnTo>
                    <a:pt x="560" y="1195"/>
                  </a:lnTo>
                  <a:lnTo>
                    <a:pt x="560" y="1193"/>
                  </a:lnTo>
                  <a:lnTo>
                    <a:pt x="558" y="1193"/>
                  </a:lnTo>
                  <a:lnTo>
                    <a:pt x="558" y="1191"/>
                  </a:lnTo>
                  <a:lnTo>
                    <a:pt x="556" y="1191"/>
                  </a:lnTo>
                  <a:lnTo>
                    <a:pt x="554" y="1191"/>
                  </a:lnTo>
                  <a:lnTo>
                    <a:pt x="552" y="1191"/>
                  </a:lnTo>
                  <a:lnTo>
                    <a:pt x="552" y="1190"/>
                  </a:lnTo>
                  <a:lnTo>
                    <a:pt x="550" y="1190"/>
                  </a:lnTo>
                  <a:lnTo>
                    <a:pt x="550" y="1188"/>
                  </a:lnTo>
                  <a:lnTo>
                    <a:pt x="549" y="1188"/>
                  </a:lnTo>
                  <a:lnTo>
                    <a:pt x="549" y="1186"/>
                  </a:lnTo>
                  <a:lnTo>
                    <a:pt x="549" y="1184"/>
                  </a:lnTo>
                  <a:lnTo>
                    <a:pt x="550" y="1184"/>
                  </a:lnTo>
                  <a:lnTo>
                    <a:pt x="550" y="1182"/>
                  </a:lnTo>
                  <a:lnTo>
                    <a:pt x="550" y="1180"/>
                  </a:lnTo>
                  <a:lnTo>
                    <a:pt x="549" y="1180"/>
                  </a:lnTo>
                  <a:lnTo>
                    <a:pt x="549" y="1178"/>
                  </a:lnTo>
                  <a:lnTo>
                    <a:pt x="549" y="1177"/>
                  </a:lnTo>
                  <a:lnTo>
                    <a:pt x="547" y="1177"/>
                  </a:lnTo>
                  <a:lnTo>
                    <a:pt x="547" y="1175"/>
                  </a:lnTo>
                  <a:lnTo>
                    <a:pt x="547" y="1173"/>
                  </a:lnTo>
                  <a:lnTo>
                    <a:pt x="547" y="1171"/>
                  </a:lnTo>
                  <a:lnTo>
                    <a:pt x="545" y="1171"/>
                  </a:lnTo>
                  <a:lnTo>
                    <a:pt x="545" y="1169"/>
                  </a:lnTo>
                  <a:lnTo>
                    <a:pt x="543" y="1167"/>
                  </a:lnTo>
                  <a:lnTo>
                    <a:pt x="541" y="1165"/>
                  </a:lnTo>
                  <a:lnTo>
                    <a:pt x="539" y="1164"/>
                  </a:lnTo>
                  <a:lnTo>
                    <a:pt x="538" y="1164"/>
                  </a:lnTo>
                  <a:lnTo>
                    <a:pt x="538" y="1162"/>
                  </a:lnTo>
                  <a:lnTo>
                    <a:pt x="536" y="1162"/>
                  </a:lnTo>
                  <a:lnTo>
                    <a:pt x="534" y="1162"/>
                  </a:lnTo>
                  <a:lnTo>
                    <a:pt x="534" y="1160"/>
                  </a:lnTo>
                  <a:lnTo>
                    <a:pt x="534" y="1158"/>
                  </a:lnTo>
                  <a:lnTo>
                    <a:pt x="532" y="1158"/>
                  </a:lnTo>
                  <a:lnTo>
                    <a:pt x="532" y="1156"/>
                  </a:lnTo>
                  <a:lnTo>
                    <a:pt x="530" y="1156"/>
                  </a:lnTo>
                  <a:lnTo>
                    <a:pt x="530" y="1154"/>
                  </a:lnTo>
                  <a:lnTo>
                    <a:pt x="528" y="1154"/>
                  </a:lnTo>
                  <a:lnTo>
                    <a:pt x="528" y="1153"/>
                  </a:lnTo>
                  <a:lnTo>
                    <a:pt x="526" y="1153"/>
                  </a:lnTo>
                  <a:lnTo>
                    <a:pt x="526" y="1151"/>
                  </a:lnTo>
                  <a:lnTo>
                    <a:pt x="526" y="1149"/>
                  </a:lnTo>
                  <a:lnTo>
                    <a:pt x="526" y="1147"/>
                  </a:lnTo>
                  <a:lnTo>
                    <a:pt x="525" y="1147"/>
                  </a:lnTo>
                  <a:lnTo>
                    <a:pt x="525" y="1145"/>
                  </a:lnTo>
                  <a:lnTo>
                    <a:pt x="525" y="1143"/>
                  </a:lnTo>
                  <a:lnTo>
                    <a:pt x="525" y="1141"/>
                  </a:lnTo>
                  <a:lnTo>
                    <a:pt x="525" y="1140"/>
                  </a:lnTo>
                  <a:lnTo>
                    <a:pt x="525" y="1138"/>
                  </a:lnTo>
                  <a:lnTo>
                    <a:pt x="525" y="1136"/>
                  </a:lnTo>
                  <a:lnTo>
                    <a:pt x="525" y="1134"/>
                  </a:lnTo>
                  <a:lnTo>
                    <a:pt x="525" y="1132"/>
                  </a:lnTo>
                  <a:lnTo>
                    <a:pt x="525" y="1130"/>
                  </a:lnTo>
                  <a:lnTo>
                    <a:pt x="526" y="1130"/>
                  </a:lnTo>
                  <a:lnTo>
                    <a:pt x="525" y="1128"/>
                  </a:lnTo>
                  <a:lnTo>
                    <a:pt x="525" y="1127"/>
                  </a:lnTo>
                  <a:lnTo>
                    <a:pt x="525" y="1125"/>
                  </a:lnTo>
                  <a:lnTo>
                    <a:pt x="523" y="1123"/>
                  </a:lnTo>
                  <a:lnTo>
                    <a:pt x="523" y="1121"/>
                  </a:lnTo>
                  <a:lnTo>
                    <a:pt x="523" y="1119"/>
                  </a:lnTo>
                  <a:lnTo>
                    <a:pt x="523" y="1117"/>
                  </a:lnTo>
                  <a:lnTo>
                    <a:pt x="521" y="1117"/>
                  </a:lnTo>
                  <a:lnTo>
                    <a:pt x="521" y="1116"/>
                  </a:lnTo>
                  <a:lnTo>
                    <a:pt x="523" y="1116"/>
                  </a:lnTo>
                  <a:lnTo>
                    <a:pt x="523" y="1114"/>
                  </a:lnTo>
                  <a:lnTo>
                    <a:pt x="521" y="1112"/>
                  </a:lnTo>
                  <a:lnTo>
                    <a:pt x="521" y="1110"/>
                  </a:lnTo>
                  <a:lnTo>
                    <a:pt x="519" y="1110"/>
                  </a:lnTo>
                  <a:lnTo>
                    <a:pt x="517" y="1110"/>
                  </a:lnTo>
                  <a:lnTo>
                    <a:pt x="515" y="1106"/>
                  </a:lnTo>
                  <a:lnTo>
                    <a:pt x="515" y="1104"/>
                  </a:lnTo>
                  <a:lnTo>
                    <a:pt x="515" y="1103"/>
                  </a:lnTo>
                  <a:lnTo>
                    <a:pt x="517" y="1103"/>
                  </a:lnTo>
                  <a:lnTo>
                    <a:pt x="521" y="1101"/>
                  </a:lnTo>
                  <a:lnTo>
                    <a:pt x="523" y="1101"/>
                  </a:lnTo>
                  <a:lnTo>
                    <a:pt x="523" y="1099"/>
                  </a:lnTo>
                  <a:lnTo>
                    <a:pt x="523" y="1097"/>
                  </a:lnTo>
                  <a:lnTo>
                    <a:pt x="523" y="1095"/>
                  </a:lnTo>
                  <a:lnTo>
                    <a:pt x="523" y="1093"/>
                  </a:lnTo>
                  <a:lnTo>
                    <a:pt x="525" y="1093"/>
                  </a:lnTo>
                  <a:lnTo>
                    <a:pt x="525" y="1092"/>
                  </a:lnTo>
                  <a:lnTo>
                    <a:pt x="523" y="1092"/>
                  </a:lnTo>
                  <a:lnTo>
                    <a:pt x="523" y="1090"/>
                  </a:lnTo>
                  <a:lnTo>
                    <a:pt x="523" y="1088"/>
                  </a:lnTo>
                  <a:lnTo>
                    <a:pt x="523" y="1086"/>
                  </a:lnTo>
                  <a:lnTo>
                    <a:pt x="523" y="1084"/>
                  </a:lnTo>
                  <a:lnTo>
                    <a:pt x="523" y="1082"/>
                  </a:lnTo>
                  <a:lnTo>
                    <a:pt x="521" y="1080"/>
                  </a:lnTo>
                  <a:lnTo>
                    <a:pt x="521" y="1079"/>
                  </a:lnTo>
                  <a:lnTo>
                    <a:pt x="521" y="1077"/>
                  </a:lnTo>
                  <a:lnTo>
                    <a:pt x="521" y="1075"/>
                  </a:lnTo>
                  <a:lnTo>
                    <a:pt x="519" y="1075"/>
                  </a:lnTo>
                  <a:lnTo>
                    <a:pt x="519" y="1073"/>
                  </a:lnTo>
                  <a:lnTo>
                    <a:pt x="519" y="1071"/>
                  </a:lnTo>
                  <a:lnTo>
                    <a:pt x="519" y="1069"/>
                  </a:lnTo>
                  <a:lnTo>
                    <a:pt x="521" y="1069"/>
                  </a:lnTo>
                  <a:lnTo>
                    <a:pt x="521" y="1067"/>
                  </a:lnTo>
                  <a:lnTo>
                    <a:pt x="521" y="1066"/>
                  </a:lnTo>
                  <a:lnTo>
                    <a:pt x="523" y="1066"/>
                  </a:lnTo>
                  <a:lnTo>
                    <a:pt x="523" y="1064"/>
                  </a:lnTo>
                  <a:lnTo>
                    <a:pt x="525" y="1062"/>
                  </a:lnTo>
                  <a:lnTo>
                    <a:pt x="525" y="1060"/>
                  </a:lnTo>
                  <a:lnTo>
                    <a:pt x="525" y="1058"/>
                  </a:lnTo>
                  <a:lnTo>
                    <a:pt x="526" y="1056"/>
                  </a:lnTo>
                  <a:lnTo>
                    <a:pt x="526" y="1055"/>
                  </a:lnTo>
                  <a:lnTo>
                    <a:pt x="525" y="1055"/>
                  </a:lnTo>
                  <a:lnTo>
                    <a:pt x="525" y="1053"/>
                  </a:lnTo>
                  <a:lnTo>
                    <a:pt x="526" y="1053"/>
                  </a:lnTo>
                  <a:lnTo>
                    <a:pt x="525" y="1051"/>
                  </a:lnTo>
                  <a:lnTo>
                    <a:pt x="525" y="1049"/>
                  </a:lnTo>
                  <a:lnTo>
                    <a:pt x="526" y="1047"/>
                  </a:lnTo>
                  <a:lnTo>
                    <a:pt x="526" y="1045"/>
                  </a:lnTo>
                  <a:lnTo>
                    <a:pt x="528" y="1045"/>
                  </a:lnTo>
                  <a:lnTo>
                    <a:pt x="528" y="1043"/>
                  </a:lnTo>
                  <a:lnTo>
                    <a:pt x="528" y="1042"/>
                  </a:lnTo>
                  <a:lnTo>
                    <a:pt x="528" y="1040"/>
                  </a:lnTo>
                  <a:lnTo>
                    <a:pt x="528" y="1038"/>
                  </a:lnTo>
                  <a:lnTo>
                    <a:pt x="528" y="1036"/>
                  </a:lnTo>
                  <a:lnTo>
                    <a:pt x="528" y="1034"/>
                  </a:lnTo>
                  <a:lnTo>
                    <a:pt x="530" y="1032"/>
                  </a:lnTo>
                  <a:lnTo>
                    <a:pt x="530" y="1030"/>
                  </a:lnTo>
                  <a:lnTo>
                    <a:pt x="532" y="1030"/>
                  </a:lnTo>
                  <a:lnTo>
                    <a:pt x="532" y="1029"/>
                  </a:lnTo>
                  <a:lnTo>
                    <a:pt x="532" y="1027"/>
                  </a:lnTo>
                  <a:lnTo>
                    <a:pt x="532" y="1025"/>
                  </a:lnTo>
                  <a:lnTo>
                    <a:pt x="534" y="1023"/>
                  </a:lnTo>
                  <a:lnTo>
                    <a:pt x="532" y="1023"/>
                  </a:lnTo>
                  <a:lnTo>
                    <a:pt x="534" y="1023"/>
                  </a:lnTo>
                  <a:lnTo>
                    <a:pt x="534" y="1021"/>
                  </a:lnTo>
                  <a:lnTo>
                    <a:pt x="536" y="1021"/>
                  </a:lnTo>
                  <a:lnTo>
                    <a:pt x="536" y="1019"/>
                  </a:lnTo>
                  <a:lnTo>
                    <a:pt x="538" y="1018"/>
                  </a:lnTo>
                  <a:lnTo>
                    <a:pt x="538" y="1016"/>
                  </a:lnTo>
                  <a:lnTo>
                    <a:pt x="539" y="1016"/>
                  </a:lnTo>
                  <a:lnTo>
                    <a:pt x="541" y="1016"/>
                  </a:lnTo>
                  <a:lnTo>
                    <a:pt x="541" y="1014"/>
                  </a:lnTo>
                  <a:lnTo>
                    <a:pt x="541" y="1012"/>
                  </a:lnTo>
                  <a:lnTo>
                    <a:pt x="539" y="1012"/>
                  </a:lnTo>
                  <a:lnTo>
                    <a:pt x="539" y="1010"/>
                  </a:lnTo>
                  <a:lnTo>
                    <a:pt x="539" y="1008"/>
                  </a:lnTo>
                  <a:lnTo>
                    <a:pt x="541" y="1008"/>
                  </a:lnTo>
                  <a:lnTo>
                    <a:pt x="541" y="1006"/>
                  </a:lnTo>
                  <a:lnTo>
                    <a:pt x="541" y="1005"/>
                  </a:lnTo>
                  <a:lnTo>
                    <a:pt x="541" y="1003"/>
                  </a:lnTo>
                  <a:lnTo>
                    <a:pt x="543" y="1001"/>
                  </a:lnTo>
                  <a:lnTo>
                    <a:pt x="543" y="999"/>
                  </a:lnTo>
                  <a:lnTo>
                    <a:pt x="545" y="999"/>
                  </a:lnTo>
                  <a:lnTo>
                    <a:pt x="547" y="999"/>
                  </a:lnTo>
                  <a:lnTo>
                    <a:pt x="549" y="997"/>
                  </a:lnTo>
                  <a:lnTo>
                    <a:pt x="550" y="997"/>
                  </a:lnTo>
                  <a:lnTo>
                    <a:pt x="552" y="997"/>
                  </a:lnTo>
                  <a:lnTo>
                    <a:pt x="550" y="995"/>
                  </a:lnTo>
                  <a:lnTo>
                    <a:pt x="550" y="993"/>
                  </a:lnTo>
                  <a:lnTo>
                    <a:pt x="550" y="992"/>
                  </a:lnTo>
                  <a:lnTo>
                    <a:pt x="552" y="990"/>
                  </a:lnTo>
                  <a:lnTo>
                    <a:pt x="550" y="990"/>
                  </a:lnTo>
                  <a:lnTo>
                    <a:pt x="550" y="988"/>
                  </a:lnTo>
                  <a:lnTo>
                    <a:pt x="550" y="986"/>
                  </a:lnTo>
                  <a:lnTo>
                    <a:pt x="549" y="986"/>
                  </a:lnTo>
                  <a:lnTo>
                    <a:pt x="549" y="984"/>
                  </a:lnTo>
                  <a:lnTo>
                    <a:pt x="547" y="984"/>
                  </a:lnTo>
                  <a:lnTo>
                    <a:pt x="545" y="982"/>
                  </a:lnTo>
                  <a:lnTo>
                    <a:pt x="543" y="982"/>
                  </a:lnTo>
                  <a:lnTo>
                    <a:pt x="541" y="982"/>
                  </a:lnTo>
                  <a:lnTo>
                    <a:pt x="541" y="981"/>
                  </a:lnTo>
                  <a:lnTo>
                    <a:pt x="539" y="981"/>
                  </a:lnTo>
                  <a:lnTo>
                    <a:pt x="539" y="979"/>
                  </a:lnTo>
                  <a:lnTo>
                    <a:pt x="538" y="979"/>
                  </a:lnTo>
                  <a:lnTo>
                    <a:pt x="538" y="977"/>
                  </a:lnTo>
                  <a:lnTo>
                    <a:pt x="538" y="975"/>
                  </a:lnTo>
                  <a:lnTo>
                    <a:pt x="538" y="973"/>
                  </a:lnTo>
                  <a:lnTo>
                    <a:pt x="538" y="971"/>
                  </a:lnTo>
                  <a:lnTo>
                    <a:pt x="538" y="969"/>
                  </a:lnTo>
                  <a:lnTo>
                    <a:pt x="538" y="968"/>
                  </a:lnTo>
                  <a:lnTo>
                    <a:pt x="538" y="966"/>
                  </a:lnTo>
                  <a:lnTo>
                    <a:pt x="538" y="964"/>
                  </a:lnTo>
                  <a:lnTo>
                    <a:pt x="536" y="964"/>
                  </a:lnTo>
                  <a:lnTo>
                    <a:pt x="534" y="966"/>
                  </a:lnTo>
                  <a:lnTo>
                    <a:pt x="532" y="966"/>
                  </a:lnTo>
                  <a:lnTo>
                    <a:pt x="530" y="966"/>
                  </a:lnTo>
                  <a:lnTo>
                    <a:pt x="528" y="966"/>
                  </a:lnTo>
                  <a:lnTo>
                    <a:pt x="525" y="962"/>
                  </a:lnTo>
                  <a:lnTo>
                    <a:pt x="523" y="960"/>
                  </a:lnTo>
                  <a:lnTo>
                    <a:pt x="519" y="958"/>
                  </a:lnTo>
                  <a:lnTo>
                    <a:pt x="515" y="958"/>
                  </a:lnTo>
                  <a:lnTo>
                    <a:pt x="512" y="958"/>
                  </a:lnTo>
                  <a:lnTo>
                    <a:pt x="512" y="956"/>
                  </a:lnTo>
                  <a:lnTo>
                    <a:pt x="510" y="956"/>
                  </a:lnTo>
                  <a:lnTo>
                    <a:pt x="510" y="955"/>
                  </a:lnTo>
                  <a:lnTo>
                    <a:pt x="510" y="953"/>
                  </a:lnTo>
                  <a:lnTo>
                    <a:pt x="508" y="953"/>
                  </a:lnTo>
                  <a:lnTo>
                    <a:pt x="508" y="951"/>
                  </a:lnTo>
                  <a:lnTo>
                    <a:pt x="506" y="951"/>
                  </a:lnTo>
                  <a:lnTo>
                    <a:pt x="506" y="949"/>
                  </a:lnTo>
                  <a:lnTo>
                    <a:pt x="504" y="949"/>
                  </a:lnTo>
                  <a:lnTo>
                    <a:pt x="504" y="947"/>
                  </a:lnTo>
                  <a:lnTo>
                    <a:pt x="502" y="947"/>
                  </a:lnTo>
                  <a:lnTo>
                    <a:pt x="502" y="945"/>
                  </a:lnTo>
                  <a:lnTo>
                    <a:pt x="501" y="945"/>
                  </a:lnTo>
                  <a:lnTo>
                    <a:pt x="499" y="944"/>
                  </a:lnTo>
                  <a:lnTo>
                    <a:pt x="495" y="942"/>
                  </a:lnTo>
                  <a:lnTo>
                    <a:pt x="482" y="942"/>
                  </a:lnTo>
                  <a:lnTo>
                    <a:pt x="477" y="944"/>
                  </a:lnTo>
                  <a:lnTo>
                    <a:pt x="467" y="947"/>
                  </a:lnTo>
                  <a:lnTo>
                    <a:pt x="453" y="960"/>
                  </a:lnTo>
                  <a:lnTo>
                    <a:pt x="451" y="962"/>
                  </a:lnTo>
                  <a:lnTo>
                    <a:pt x="449" y="960"/>
                  </a:lnTo>
                  <a:lnTo>
                    <a:pt x="447" y="960"/>
                  </a:lnTo>
                  <a:lnTo>
                    <a:pt x="443" y="958"/>
                  </a:lnTo>
                  <a:lnTo>
                    <a:pt x="441" y="958"/>
                  </a:lnTo>
                  <a:lnTo>
                    <a:pt x="440" y="958"/>
                  </a:lnTo>
                  <a:lnTo>
                    <a:pt x="438" y="960"/>
                  </a:lnTo>
                  <a:lnTo>
                    <a:pt x="436" y="960"/>
                  </a:lnTo>
                  <a:lnTo>
                    <a:pt x="432" y="945"/>
                  </a:lnTo>
                  <a:lnTo>
                    <a:pt x="438" y="929"/>
                  </a:lnTo>
                  <a:lnTo>
                    <a:pt x="428" y="907"/>
                  </a:lnTo>
                  <a:lnTo>
                    <a:pt x="428" y="905"/>
                  </a:lnTo>
                  <a:lnTo>
                    <a:pt x="427" y="903"/>
                  </a:lnTo>
                  <a:lnTo>
                    <a:pt x="425" y="903"/>
                  </a:lnTo>
                  <a:lnTo>
                    <a:pt x="425" y="901"/>
                  </a:lnTo>
                  <a:lnTo>
                    <a:pt x="423" y="901"/>
                  </a:lnTo>
                  <a:lnTo>
                    <a:pt x="421" y="901"/>
                  </a:lnTo>
                  <a:lnTo>
                    <a:pt x="421" y="903"/>
                  </a:lnTo>
                  <a:lnTo>
                    <a:pt x="421" y="905"/>
                  </a:lnTo>
                  <a:lnTo>
                    <a:pt x="419" y="905"/>
                  </a:lnTo>
                  <a:lnTo>
                    <a:pt x="419" y="907"/>
                  </a:lnTo>
                  <a:lnTo>
                    <a:pt x="419" y="908"/>
                  </a:lnTo>
                  <a:lnTo>
                    <a:pt x="421" y="908"/>
                  </a:lnTo>
                  <a:lnTo>
                    <a:pt x="421" y="910"/>
                  </a:lnTo>
                  <a:lnTo>
                    <a:pt x="419" y="912"/>
                  </a:lnTo>
                  <a:lnTo>
                    <a:pt x="421" y="914"/>
                  </a:lnTo>
                  <a:lnTo>
                    <a:pt x="421" y="916"/>
                  </a:lnTo>
                  <a:lnTo>
                    <a:pt x="419" y="916"/>
                  </a:lnTo>
                  <a:lnTo>
                    <a:pt x="419" y="918"/>
                  </a:lnTo>
                  <a:lnTo>
                    <a:pt x="417" y="919"/>
                  </a:lnTo>
                  <a:lnTo>
                    <a:pt x="416" y="919"/>
                  </a:lnTo>
                  <a:lnTo>
                    <a:pt x="416" y="921"/>
                  </a:lnTo>
                  <a:lnTo>
                    <a:pt x="414" y="921"/>
                  </a:lnTo>
                  <a:lnTo>
                    <a:pt x="414" y="923"/>
                  </a:lnTo>
                  <a:lnTo>
                    <a:pt x="412" y="925"/>
                  </a:lnTo>
                  <a:lnTo>
                    <a:pt x="410" y="925"/>
                  </a:lnTo>
                  <a:lnTo>
                    <a:pt x="410" y="927"/>
                  </a:lnTo>
                  <a:lnTo>
                    <a:pt x="408" y="929"/>
                  </a:lnTo>
                  <a:lnTo>
                    <a:pt x="406" y="929"/>
                  </a:lnTo>
                  <a:lnTo>
                    <a:pt x="404" y="929"/>
                  </a:lnTo>
                  <a:lnTo>
                    <a:pt x="403" y="929"/>
                  </a:lnTo>
                  <a:lnTo>
                    <a:pt x="403" y="927"/>
                  </a:lnTo>
                  <a:lnTo>
                    <a:pt x="401" y="927"/>
                  </a:lnTo>
                  <a:lnTo>
                    <a:pt x="399" y="927"/>
                  </a:lnTo>
                  <a:lnTo>
                    <a:pt x="397" y="925"/>
                  </a:lnTo>
                  <a:lnTo>
                    <a:pt x="395" y="925"/>
                  </a:lnTo>
                  <a:lnTo>
                    <a:pt x="391" y="923"/>
                  </a:lnTo>
                  <a:lnTo>
                    <a:pt x="390" y="923"/>
                  </a:lnTo>
                  <a:lnTo>
                    <a:pt x="388" y="923"/>
                  </a:lnTo>
                  <a:lnTo>
                    <a:pt x="386" y="923"/>
                  </a:lnTo>
                  <a:lnTo>
                    <a:pt x="384" y="923"/>
                  </a:lnTo>
                  <a:lnTo>
                    <a:pt x="382" y="919"/>
                  </a:lnTo>
                  <a:lnTo>
                    <a:pt x="382" y="921"/>
                  </a:lnTo>
                  <a:lnTo>
                    <a:pt x="380" y="921"/>
                  </a:lnTo>
                  <a:lnTo>
                    <a:pt x="379" y="921"/>
                  </a:lnTo>
                  <a:lnTo>
                    <a:pt x="379" y="923"/>
                  </a:lnTo>
                  <a:lnTo>
                    <a:pt x="377" y="925"/>
                  </a:lnTo>
                  <a:lnTo>
                    <a:pt x="377" y="927"/>
                  </a:lnTo>
                  <a:lnTo>
                    <a:pt x="375" y="927"/>
                  </a:lnTo>
                  <a:lnTo>
                    <a:pt x="373" y="927"/>
                  </a:lnTo>
                  <a:lnTo>
                    <a:pt x="373" y="929"/>
                  </a:lnTo>
                  <a:lnTo>
                    <a:pt x="371" y="929"/>
                  </a:lnTo>
                  <a:lnTo>
                    <a:pt x="371" y="927"/>
                  </a:lnTo>
                  <a:lnTo>
                    <a:pt x="369" y="929"/>
                  </a:lnTo>
                  <a:lnTo>
                    <a:pt x="367" y="929"/>
                  </a:lnTo>
                  <a:lnTo>
                    <a:pt x="366" y="929"/>
                  </a:lnTo>
                  <a:lnTo>
                    <a:pt x="366" y="931"/>
                  </a:lnTo>
                  <a:lnTo>
                    <a:pt x="364" y="931"/>
                  </a:lnTo>
                  <a:lnTo>
                    <a:pt x="364" y="932"/>
                  </a:lnTo>
                  <a:lnTo>
                    <a:pt x="364" y="934"/>
                  </a:lnTo>
                  <a:lnTo>
                    <a:pt x="362" y="934"/>
                  </a:lnTo>
                  <a:lnTo>
                    <a:pt x="360" y="934"/>
                  </a:lnTo>
                  <a:lnTo>
                    <a:pt x="360" y="936"/>
                  </a:lnTo>
                  <a:lnTo>
                    <a:pt x="358" y="936"/>
                  </a:lnTo>
                  <a:lnTo>
                    <a:pt x="358" y="938"/>
                  </a:lnTo>
                  <a:lnTo>
                    <a:pt x="358" y="940"/>
                  </a:lnTo>
                  <a:lnTo>
                    <a:pt x="358" y="942"/>
                  </a:lnTo>
                  <a:lnTo>
                    <a:pt x="356" y="944"/>
                  </a:lnTo>
                  <a:lnTo>
                    <a:pt x="356" y="945"/>
                  </a:lnTo>
                  <a:lnTo>
                    <a:pt x="356" y="947"/>
                  </a:lnTo>
                  <a:lnTo>
                    <a:pt x="358" y="947"/>
                  </a:lnTo>
                  <a:lnTo>
                    <a:pt x="358" y="949"/>
                  </a:lnTo>
                  <a:lnTo>
                    <a:pt x="358" y="953"/>
                  </a:lnTo>
                  <a:lnTo>
                    <a:pt x="360" y="953"/>
                  </a:lnTo>
                  <a:lnTo>
                    <a:pt x="358" y="955"/>
                  </a:lnTo>
                  <a:lnTo>
                    <a:pt x="360" y="955"/>
                  </a:lnTo>
                  <a:lnTo>
                    <a:pt x="360" y="956"/>
                  </a:lnTo>
                  <a:lnTo>
                    <a:pt x="362" y="958"/>
                  </a:lnTo>
                  <a:lnTo>
                    <a:pt x="362" y="960"/>
                  </a:lnTo>
                  <a:lnTo>
                    <a:pt x="362" y="962"/>
                  </a:lnTo>
                  <a:lnTo>
                    <a:pt x="364" y="962"/>
                  </a:lnTo>
                  <a:lnTo>
                    <a:pt x="364" y="964"/>
                  </a:lnTo>
                  <a:lnTo>
                    <a:pt x="366" y="964"/>
                  </a:lnTo>
                  <a:lnTo>
                    <a:pt x="367" y="966"/>
                  </a:lnTo>
                  <a:lnTo>
                    <a:pt x="367" y="968"/>
                  </a:lnTo>
                  <a:lnTo>
                    <a:pt x="369" y="968"/>
                  </a:lnTo>
                  <a:lnTo>
                    <a:pt x="371" y="969"/>
                  </a:lnTo>
                  <a:lnTo>
                    <a:pt x="371" y="971"/>
                  </a:lnTo>
                  <a:lnTo>
                    <a:pt x="373" y="971"/>
                  </a:lnTo>
                  <a:lnTo>
                    <a:pt x="373" y="973"/>
                  </a:lnTo>
                  <a:lnTo>
                    <a:pt x="373" y="975"/>
                  </a:lnTo>
                  <a:lnTo>
                    <a:pt x="371" y="975"/>
                  </a:lnTo>
                  <a:lnTo>
                    <a:pt x="371" y="977"/>
                  </a:lnTo>
                  <a:lnTo>
                    <a:pt x="371" y="979"/>
                  </a:lnTo>
                  <a:lnTo>
                    <a:pt x="371" y="981"/>
                  </a:lnTo>
                  <a:lnTo>
                    <a:pt x="373" y="982"/>
                  </a:lnTo>
                  <a:lnTo>
                    <a:pt x="371" y="982"/>
                  </a:lnTo>
                  <a:lnTo>
                    <a:pt x="371" y="984"/>
                  </a:lnTo>
                  <a:lnTo>
                    <a:pt x="369" y="984"/>
                  </a:lnTo>
                  <a:lnTo>
                    <a:pt x="369" y="986"/>
                  </a:lnTo>
                  <a:lnTo>
                    <a:pt x="367" y="988"/>
                  </a:lnTo>
                  <a:lnTo>
                    <a:pt x="367" y="990"/>
                  </a:lnTo>
                  <a:lnTo>
                    <a:pt x="366" y="990"/>
                  </a:lnTo>
                  <a:lnTo>
                    <a:pt x="366" y="992"/>
                  </a:lnTo>
                  <a:lnTo>
                    <a:pt x="364" y="992"/>
                  </a:lnTo>
                  <a:lnTo>
                    <a:pt x="362" y="993"/>
                  </a:lnTo>
                  <a:lnTo>
                    <a:pt x="362" y="995"/>
                  </a:lnTo>
                  <a:lnTo>
                    <a:pt x="360" y="995"/>
                  </a:lnTo>
                  <a:lnTo>
                    <a:pt x="358" y="997"/>
                  </a:lnTo>
                  <a:lnTo>
                    <a:pt x="356" y="999"/>
                  </a:lnTo>
                  <a:lnTo>
                    <a:pt x="356" y="1001"/>
                  </a:lnTo>
                  <a:lnTo>
                    <a:pt x="355" y="1001"/>
                  </a:lnTo>
                  <a:lnTo>
                    <a:pt x="349" y="1003"/>
                  </a:lnTo>
                  <a:lnTo>
                    <a:pt x="342" y="1005"/>
                  </a:lnTo>
                  <a:lnTo>
                    <a:pt x="336" y="1010"/>
                  </a:lnTo>
                  <a:lnTo>
                    <a:pt x="321" y="1014"/>
                  </a:lnTo>
                  <a:lnTo>
                    <a:pt x="321" y="1016"/>
                  </a:lnTo>
                  <a:lnTo>
                    <a:pt x="319" y="1018"/>
                  </a:lnTo>
                  <a:lnTo>
                    <a:pt x="319" y="1019"/>
                  </a:lnTo>
                  <a:lnTo>
                    <a:pt x="318" y="1019"/>
                  </a:lnTo>
                  <a:lnTo>
                    <a:pt x="318" y="1021"/>
                  </a:lnTo>
                  <a:lnTo>
                    <a:pt x="316" y="1021"/>
                  </a:lnTo>
                  <a:lnTo>
                    <a:pt x="314" y="1021"/>
                  </a:lnTo>
                  <a:lnTo>
                    <a:pt x="312" y="1021"/>
                  </a:lnTo>
                  <a:lnTo>
                    <a:pt x="310" y="1021"/>
                  </a:lnTo>
                  <a:lnTo>
                    <a:pt x="310" y="1023"/>
                  </a:lnTo>
                  <a:lnTo>
                    <a:pt x="308" y="1023"/>
                  </a:lnTo>
                  <a:lnTo>
                    <a:pt x="306" y="1023"/>
                  </a:lnTo>
                  <a:lnTo>
                    <a:pt x="305" y="1023"/>
                  </a:lnTo>
                  <a:lnTo>
                    <a:pt x="303" y="1023"/>
                  </a:lnTo>
                  <a:lnTo>
                    <a:pt x="301" y="1023"/>
                  </a:lnTo>
                  <a:lnTo>
                    <a:pt x="301" y="1025"/>
                  </a:lnTo>
                  <a:lnTo>
                    <a:pt x="299" y="1023"/>
                  </a:lnTo>
                  <a:lnTo>
                    <a:pt x="299" y="1025"/>
                  </a:lnTo>
                  <a:lnTo>
                    <a:pt x="297" y="1027"/>
                  </a:lnTo>
                  <a:lnTo>
                    <a:pt x="297" y="1029"/>
                  </a:lnTo>
                  <a:lnTo>
                    <a:pt x="295" y="1029"/>
                  </a:lnTo>
                  <a:lnTo>
                    <a:pt x="292" y="1030"/>
                  </a:lnTo>
                  <a:lnTo>
                    <a:pt x="290" y="1030"/>
                  </a:lnTo>
                  <a:lnTo>
                    <a:pt x="288" y="1030"/>
                  </a:lnTo>
                  <a:lnTo>
                    <a:pt x="286" y="1030"/>
                  </a:lnTo>
                  <a:lnTo>
                    <a:pt x="286" y="1032"/>
                  </a:lnTo>
                  <a:lnTo>
                    <a:pt x="284" y="1032"/>
                  </a:lnTo>
                  <a:lnTo>
                    <a:pt x="282" y="1034"/>
                  </a:lnTo>
                  <a:lnTo>
                    <a:pt x="281" y="1036"/>
                  </a:lnTo>
                  <a:lnTo>
                    <a:pt x="279" y="1038"/>
                  </a:lnTo>
                  <a:lnTo>
                    <a:pt x="273" y="1043"/>
                  </a:lnTo>
                  <a:lnTo>
                    <a:pt x="271" y="1043"/>
                  </a:lnTo>
                  <a:lnTo>
                    <a:pt x="269" y="1043"/>
                  </a:lnTo>
                  <a:lnTo>
                    <a:pt x="268" y="1043"/>
                  </a:lnTo>
                  <a:lnTo>
                    <a:pt x="266" y="1045"/>
                  </a:lnTo>
                  <a:lnTo>
                    <a:pt x="264" y="1045"/>
                  </a:lnTo>
                  <a:lnTo>
                    <a:pt x="264" y="1043"/>
                  </a:lnTo>
                  <a:lnTo>
                    <a:pt x="262" y="1045"/>
                  </a:lnTo>
                  <a:lnTo>
                    <a:pt x="260" y="1045"/>
                  </a:lnTo>
                  <a:lnTo>
                    <a:pt x="260" y="1043"/>
                  </a:lnTo>
                  <a:lnTo>
                    <a:pt x="258" y="1043"/>
                  </a:lnTo>
                  <a:lnTo>
                    <a:pt x="257" y="1043"/>
                  </a:lnTo>
                  <a:lnTo>
                    <a:pt x="255" y="1043"/>
                  </a:lnTo>
                  <a:lnTo>
                    <a:pt x="253" y="1042"/>
                  </a:lnTo>
                  <a:lnTo>
                    <a:pt x="253" y="1040"/>
                  </a:lnTo>
                  <a:lnTo>
                    <a:pt x="253" y="1038"/>
                  </a:lnTo>
                  <a:lnTo>
                    <a:pt x="253" y="1036"/>
                  </a:lnTo>
                  <a:lnTo>
                    <a:pt x="251" y="1036"/>
                  </a:lnTo>
                  <a:lnTo>
                    <a:pt x="253" y="1034"/>
                  </a:lnTo>
                  <a:lnTo>
                    <a:pt x="251" y="1032"/>
                  </a:lnTo>
                  <a:lnTo>
                    <a:pt x="251" y="1030"/>
                  </a:lnTo>
                  <a:lnTo>
                    <a:pt x="251" y="1029"/>
                  </a:lnTo>
                  <a:lnTo>
                    <a:pt x="212" y="1045"/>
                  </a:lnTo>
                  <a:lnTo>
                    <a:pt x="190" y="1036"/>
                  </a:lnTo>
                  <a:lnTo>
                    <a:pt x="157" y="1023"/>
                  </a:lnTo>
                  <a:lnTo>
                    <a:pt x="155" y="1025"/>
                  </a:lnTo>
                  <a:lnTo>
                    <a:pt x="153" y="1025"/>
                  </a:lnTo>
                  <a:lnTo>
                    <a:pt x="151" y="1025"/>
                  </a:lnTo>
                  <a:lnTo>
                    <a:pt x="149" y="1025"/>
                  </a:lnTo>
                  <a:lnTo>
                    <a:pt x="147" y="1025"/>
                  </a:lnTo>
                  <a:lnTo>
                    <a:pt x="146" y="1023"/>
                  </a:lnTo>
                  <a:lnTo>
                    <a:pt x="144" y="1023"/>
                  </a:lnTo>
                  <a:lnTo>
                    <a:pt x="144" y="1021"/>
                  </a:lnTo>
                  <a:lnTo>
                    <a:pt x="142" y="1021"/>
                  </a:lnTo>
                  <a:lnTo>
                    <a:pt x="140" y="1019"/>
                  </a:lnTo>
                  <a:lnTo>
                    <a:pt x="140" y="1021"/>
                  </a:lnTo>
                  <a:lnTo>
                    <a:pt x="138" y="1021"/>
                  </a:lnTo>
                  <a:lnTo>
                    <a:pt x="138" y="1023"/>
                  </a:lnTo>
                  <a:lnTo>
                    <a:pt x="136" y="1023"/>
                  </a:lnTo>
                  <a:lnTo>
                    <a:pt x="136" y="1025"/>
                  </a:lnTo>
                  <a:lnTo>
                    <a:pt x="135" y="1025"/>
                  </a:lnTo>
                  <a:lnTo>
                    <a:pt x="135" y="1027"/>
                  </a:lnTo>
                  <a:lnTo>
                    <a:pt x="133" y="1027"/>
                  </a:lnTo>
                  <a:lnTo>
                    <a:pt x="133" y="1029"/>
                  </a:lnTo>
                  <a:lnTo>
                    <a:pt x="131" y="1029"/>
                  </a:lnTo>
                  <a:lnTo>
                    <a:pt x="129" y="1029"/>
                  </a:lnTo>
                  <a:lnTo>
                    <a:pt x="127" y="1029"/>
                  </a:lnTo>
                  <a:lnTo>
                    <a:pt x="125" y="1029"/>
                  </a:lnTo>
                  <a:lnTo>
                    <a:pt x="123" y="1029"/>
                  </a:lnTo>
                  <a:lnTo>
                    <a:pt x="123" y="1027"/>
                  </a:lnTo>
                  <a:lnTo>
                    <a:pt x="122" y="1027"/>
                  </a:lnTo>
                  <a:lnTo>
                    <a:pt x="122" y="1025"/>
                  </a:lnTo>
                  <a:lnTo>
                    <a:pt x="120" y="1025"/>
                  </a:lnTo>
                  <a:lnTo>
                    <a:pt x="118" y="1025"/>
                  </a:lnTo>
                  <a:lnTo>
                    <a:pt x="116" y="1023"/>
                  </a:lnTo>
                  <a:lnTo>
                    <a:pt x="114" y="1023"/>
                  </a:lnTo>
                  <a:lnTo>
                    <a:pt x="112" y="1023"/>
                  </a:lnTo>
                  <a:lnTo>
                    <a:pt x="112" y="1021"/>
                  </a:lnTo>
                  <a:lnTo>
                    <a:pt x="111" y="1021"/>
                  </a:lnTo>
                  <a:lnTo>
                    <a:pt x="109" y="1021"/>
                  </a:lnTo>
                  <a:lnTo>
                    <a:pt x="109" y="1019"/>
                  </a:lnTo>
                  <a:lnTo>
                    <a:pt x="109" y="1021"/>
                  </a:lnTo>
                  <a:lnTo>
                    <a:pt x="107" y="1021"/>
                  </a:lnTo>
                  <a:lnTo>
                    <a:pt x="105" y="1023"/>
                  </a:lnTo>
                  <a:lnTo>
                    <a:pt x="103" y="1023"/>
                  </a:lnTo>
                  <a:lnTo>
                    <a:pt x="103" y="1025"/>
                  </a:lnTo>
                  <a:lnTo>
                    <a:pt x="101" y="1025"/>
                  </a:lnTo>
                  <a:lnTo>
                    <a:pt x="101" y="1027"/>
                  </a:lnTo>
                  <a:lnTo>
                    <a:pt x="99" y="1027"/>
                  </a:lnTo>
                  <a:lnTo>
                    <a:pt x="99" y="1029"/>
                  </a:lnTo>
                  <a:lnTo>
                    <a:pt x="98" y="1029"/>
                  </a:lnTo>
                  <a:lnTo>
                    <a:pt x="98" y="1030"/>
                  </a:lnTo>
                  <a:lnTo>
                    <a:pt x="96" y="1030"/>
                  </a:lnTo>
                  <a:lnTo>
                    <a:pt x="94" y="1030"/>
                  </a:lnTo>
                  <a:lnTo>
                    <a:pt x="94" y="1032"/>
                  </a:lnTo>
                  <a:lnTo>
                    <a:pt x="94" y="1030"/>
                  </a:lnTo>
                  <a:lnTo>
                    <a:pt x="92" y="1030"/>
                  </a:lnTo>
                  <a:lnTo>
                    <a:pt x="90" y="1030"/>
                  </a:lnTo>
                  <a:lnTo>
                    <a:pt x="88" y="1030"/>
                  </a:lnTo>
                  <a:lnTo>
                    <a:pt x="86" y="1030"/>
                  </a:lnTo>
                  <a:lnTo>
                    <a:pt x="86" y="1029"/>
                  </a:lnTo>
                  <a:lnTo>
                    <a:pt x="85" y="1029"/>
                  </a:lnTo>
                  <a:lnTo>
                    <a:pt x="83" y="1027"/>
                  </a:lnTo>
                  <a:lnTo>
                    <a:pt x="79" y="1027"/>
                  </a:lnTo>
                  <a:lnTo>
                    <a:pt x="77" y="1027"/>
                  </a:lnTo>
                  <a:lnTo>
                    <a:pt x="77" y="1025"/>
                  </a:lnTo>
                  <a:lnTo>
                    <a:pt x="77" y="1023"/>
                  </a:lnTo>
                  <a:lnTo>
                    <a:pt x="77" y="1021"/>
                  </a:lnTo>
                  <a:lnTo>
                    <a:pt x="77" y="1019"/>
                  </a:lnTo>
                  <a:lnTo>
                    <a:pt x="75" y="1019"/>
                  </a:lnTo>
                  <a:lnTo>
                    <a:pt x="75" y="1018"/>
                  </a:lnTo>
                  <a:lnTo>
                    <a:pt x="74" y="1018"/>
                  </a:lnTo>
                  <a:lnTo>
                    <a:pt x="74" y="1016"/>
                  </a:lnTo>
                  <a:lnTo>
                    <a:pt x="72" y="1016"/>
                  </a:lnTo>
                  <a:lnTo>
                    <a:pt x="70" y="1016"/>
                  </a:lnTo>
                  <a:lnTo>
                    <a:pt x="68" y="1016"/>
                  </a:lnTo>
                  <a:lnTo>
                    <a:pt x="68" y="1014"/>
                  </a:lnTo>
                  <a:lnTo>
                    <a:pt x="68" y="1012"/>
                  </a:lnTo>
                  <a:lnTo>
                    <a:pt x="66" y="1012"/>
                  </a:lnTo>
                  <a:lnTo>
                    <a:pt x="64" y="1012"/>
                  </a:lnTo>
                  <a:lnTo>
                    <a:pt x="62" y="1012"/>
                  </a:lnTo>
                  <a:lnTo>
                    <a:pt x="61" y="1014"/>
                  </a:lnTo>
                  <a:lnTo>
                    <a:pt x="59" y="1014"/>
                  </a:lnTo>
                  <a:lnTo>
                    <a:pt x="57" y="1014"/>
                  </a:lnTo>
                  <a:lnTo>
                    <a:pt x="55" y="1014"/>
                  </a:lnTo>
                  <a:lnTo>
                    <a:pt x="53" y="1012"/>
                  </a:lnTo>
                  <a:lnTo>
                    <a:pt x="53" y="1014"/>
                  </a:lnTo>
                  <a:lnTo>
                    <a:pt x="51" y="1014"/>
                  </a:lnTo>
                  <a:lnTo>
                    <a:pt x="50" y="1014"/>
                  </a:lnTo>
                  <a:lnTo>
                    <a:pt x="48" y="1014"/>
                  </a:lnTo>
                  <a:lnTo>
                    <a:pt x="46" y="1014"/>
                  </a:lnTo>
                  <a:lnTo>
                    <a:pt x="46" y="1016"/>
                  </a:lnTo>
                  <a:lnTo>
                    <a:pt x="44" y="1016"/>
                  </a:lnTo>
                  <a:lnTo>
                    <a:pt x="44" y="1018"/>
                  </a:lnTo>
                  <a:lnTo>
                    <a:pt x="42" y="1018"/>
                  </a:lnTo>
                  <a:lnTo>
                    <a:pt x="40" y="1018"/>
                  </a:lnTo>
                  <a:lnTo>
                    <a:pt x="40" y="1016"/>
                  </a:lnTo>
                  <a:lnTo>
                    <a:pt x="44" y="997"/>
                  </a:lnTo>
                  <a:lnTo>
                    <a:pt x="42" y="988"/>
                  </a:lnTo>
                  <a:lnTo>
                    <a:pt x="42" y="984"/>
                  </a:lnTo>
                  <a:lnTo>
                    <a:pt x="37" y="977"/>
                  </a:lnTo>
                  <a:lnTo>
                    <a:pt x="37" y="975"/>
                  </a:lnTo>
                  <a:lnTo>
                    <a:pt x="37" y="973"/>
                  </a:lnTo>
                  <a:lnTo>
                    <a:pt x="37" y="971"/>
                  </a:lnTo>
                  <a:lnTo>
                    <a:pt x="37" y="969"/>
                  </a:lnTo>
                  <a:lnTo>
                    <a:pt x="37" y="968"/>
                  </a:lnTo>
                  <a:lnTo>
                    <a:pt x="38" y="966"/>
                  </a:lnTo>
                  <a:lnTo>
                    <a:pt x="38" y="964"/>
                  </a:lnTo>
                  <a:lnTo>
                    <a:pt x="40" y="964"/>
                  </a:lnTo>
                  <a:lnTo>
                    <a:pt x="40" y="962"/>
                  </a:lnTo>
                  <a:lnTo>
                    <a:pt x="40" y="960"/>
                  </a:lnTo>
                  <a:lnTo>
                    <a:pt x="38" y="958"/>
                  </a:lnTo>
                  <a:lnTo>
                    <a:pt x="38" y="956"/>
                  </a:lnTo>
                  <a:lnTo>
                    <a:pt x="38" y="955"/>
                  </a:lnTo>
                  <a:lnTo>
                    <a:pt x="37" y="955"/>
                  </a:lnTo>
                  <a:lnTo>
                    <a:pt x="38" y="944"/>
                  </a:lnTo>
                  <a:lnTo>
                    <a:pt x="38" y="942"/>
                  </a:lnTo>
                  <a:lnTo>
                    <a:pt x="35" y="932"/>
                  </a:lnTo>
                  <a:lnTo>
                    <a:pt x="33" y="932"/>
                  </a:lnTo>
                  <a:lnTo>
                    <a:pt x="31" y="932"/>
                  </a:lnTo>
                  <a:lnTo>
                    <a:pt x="29" y="932"/>
                  </a:lnTo>
                  <a:lnTo>
                    <a:pt x="27" y="934"/>
                  </a:lnTo>
                  <a:lnTo>
                    <a:pt x="24" y="932"/>
                  </a:lnTo>
                  <a:lnTo>
                    <a:pt x="22" y="932"/>
                  </a:lnTo>
                  <a:lnTo>
                    <a:pt x="20" y="931"/>
                  </a:lnTo>
                  <a:lnTo>
                    <a:pt x="18" y="931"/>
                  </a:lnTo>
                  <a:lnTo>
                    <a:pt x="18" y="929"/>
                  </a:lnTo>
                  <a:lnTo>
                    <a:pt x="16" y="929"/>
                  </a:lnTo>
                  <a:lnTo>
                    <a:pt x="16" y="927"/>
                  </a:lnTo>
                  <a:lnTo>
                    <a:pt x="18" y="927"/>
                  </a:lnTo>
                  <a:lnTo>
                    <a:pt x="16" y="927"/>
                  </a:lnTo>
                  <a:lnTo>
                    <a:pt x="14" y="925"/>
                  </a:lnTo>
                  <a:lnTo>
                    <a:pt x="13" y="923"/>
                  </a:lnTo>
                  <a:lnTo>
                    <a:pt x="11" y="923"/>
                  </a:lnTo>
                  <a:lnTo>
                    <a:pt x="11" y="921"/>
                  </a:lnTo>
                  <a:lnTo>
                    <a:pt x="9" y="921"/>
                  </a:lnTo>
                  <a:lnTo>
                    <a:pt x="9" y="919"/>
                  </a:lnTo>
                  <a:lnTo>
                    <a:pt x="9" y="918"/>
                  </a:lnTo>
                  <a:lnTo>
                    <a:pt x="9" y="916"/>
                  </a:lnTo>
                  <a:lnTo>
                    <a:pt x="7" y="914"/>
                  </a:lnTo>
                  <a:lnTo>
                    <a:pt x="7" y="912"/>
                  </a:lnTo>
                  <a:lnTo>
                    <a:pt x="7" y="910"/>
                  </a:lnTo>
                  <a:lnTo>
                    <a:pt x="5" y="910"/>
                  </a:lnTo>
                  <a:lnTo>
                    <a:pt x="5" y="908"/>
                  </a:lnTo>
                  <a:lnTo>
                    <a:pt x="3" y="908"/>
                  </a:lnTo>
                  <a:lnTo>
                    <a:pt x="3" y="907"/>
                  </a:lnTo>
                  <a:lnTo>
                    <a:pt x="1" y="907"/>
                  </a:lnTo>
                  <a:lnTo>
                    <a:pt x="0" y="905"/>
                  </a:lnTo>
                  <a:lnTo>
                    <a:pt x="0" y="903"/>
                  </a:lnTo>
                  <a:lnTo>
                    <a:pt x="0" y="901"/>
                  </a:lnTo>
                  <a:lnTo>
                    <a:pt x="0" y="899"/>
                  </a:lnTo>
                  <a:lnTo>
                    <a:pt x="0" y="897"/>
                  </a:lnTo>
                  <a:lnTo>
                    <a:pt x="1" y="895"/>
                  </a:lnTo>
                  <a:lnTo>
                    <a:pt x="3" y="894"/>
                  </a:lnTo>
                  <a:lnTo>
                    <a:pt x="5" y="894"/>
                  </a:lnTo>
                  <a:lnTo>
                    <a:pt x="5" y="892"/>
                  </a:lnTo>
                  <a:lnTo>
                    <a:pt x="7" y="890"/>
                  </a:lnTo>
                  <a:lnTo>
                    <a:pt x="7" y="888"/>
                  </a:lnTo>
                  <a:lnTo>
                    <a:pt x="7" y="886"/>
                  </a:lnTo>
                  <a:lnTo>
                    <a:pt x="7" y="884"/>
                  </a:lnTo>
                  <a:lnTo>
                    <a:pt x="7" y="882"/>
                  </a:lnTo>
                  <a:lnTo>
                    <a:pt x="7" y="881"/>
                  </a:lnTo>
                  <a:lnTo>
                    <a:pt x="9" y="879"/>
                  </a:lnTo>
                  <a:lnTo>
                    <a:pt x="9" y="877"/>
                  </a:lnTo>
                  <a:lnTo>
                    <a:pt x="5" y="875"/>
                  </a:lnTo>
                  <a:lnTo>
                    <a:pt x="3" y="871"/>
                  </a:lnTo>
                  <a:lnTo>
                    <a:pt x="9" y="864"/>
                  </a:lnTo>
                  <a:lnTo>
                    <a:pt x="13" y="860"/>
                  </a:lnTo>
                  <a:lnTo>
                    <a:pt x="20" y="860"/>
                  </a:lnTo>
                  <a:lnTo>
                    <a:pt x="27" y="853"/>
                  </a:lnTo>
                  <a:lnTo>
                    <a:pt x="31" y="849"/>
                  </a:lnTo>
                  <a:lnTo>
                    <a:pt x="33" y="845"/>
                  </a:lnTo>
                  <a:lnTo>
                    <a:pt x="37" y="842"/>
                  </a:lnTo>
                  <a:lnTo>
                    <a:pt x="35" y="834"/>
                  </a:lnTo>
                  <a:lnTo>
                    <a:pt x="29" y="829"/>
                  </a:lnTo>
                  <a:lnTo>
                    <a:pt x="29" y="825"/>
                  </a:lnTo>
                  <a:lnTo>
                    <a:pt x="29" y="823"/>
                  </a:lnTo>
                  <a:lnTo>
                    <a:pt x="29" y="821"/>
                  </a:lnTo>
                  <a:lnTo>
                    <a:pt x="29" y="820"/>
                  </a:lnTo>
                  <a:lnTo>
                    <a:pt x="29" y="818"/>
                  </a:lnTo>
                  <a:lnTo>
                    <a:pt x="29" y="816"/>
                  </a:lnTo>
                  <a:lnTo>
                    <a:pt x="29" y="814"/>
                  </a:lnTo>
                  <a:lnTo>
                    <a:pt x="29" y="812"/>
                  </a:lnTo>
                  <a:lnTo>
                    <a:pt x="29" y="810"/>
                  </a:lnTo>
                  <a:lnTo>
                    <a:pt x="27" y="808"/>
                  </a:lnTo>
                  <a:lnTo>
                    <a:pt x="29" y="807"/>
                  </a:lnTo>
                  <a:lnTo>
                    <a:pt x="29" y="803"/>
                  </a:lnTo>
                  <a:lnTo>
                    <a:pt x="31" y="803"/>
                  </a:lnTo>
                  <a:lnTo>
                    <a:pt x="31" y="801"/>
                  </a:lnTo>
                  <a:lnTo>
                    <a:pt x="31" y="799"/>
                  </a:lnTo>
                  <a:lnTo>
                    <a:pt x="31" y="797"/>
                  </a:lnTo>
                  <a:lnTo>
                    <a:pt x="29" y="797"/>
                  </a:lnTo>
                  <a:lnTo>
                    <a:pt x="29" y="794"/>
                  </a:lnTo>
                  <a:lnTo>
                    <a:pt x="29" y="792"/>
                  </a:lnTo>
                  <a:lnTo>
                    <a:pt x="29" y="790"/>
                  </a:lnTo>
                  <a:lnTo>
                    <a:pt x="29" y="788"/>
                  </a:lnTo>
                  <a:lnTo>
                    <a:pt x="29" y="786"/>
                  </a:lnTo>
                  <a:lnTo>
                    <a:pt x="31" y="783"/>
                  </a:lnTo>
                  <a:lnTo>
                    <a:pt x="33" y="781"/>
                  </a:lnTo>
                  <a:lnTo>
                    <a:pt x="35" y="781"/>
                  </a:lnTo>
                  <a:lnTo>
                    <a:pt x="38" y="779"/>
                  </a:lnTo>
                  <a:lnTo>
                    <a:pt x="40" y="781"/>
                  </a:lnTo>
                  <a:lnTo>
                    <a:pt x="42" y="781"/>
                  </a:lnTo>
                  <a:lnTo>
                    <a:pt x="44" y="781"/>
                  </a:lnTo>
                  <a:lnTo>
                    <a:pt x="46" y="781"/>
                  </a:lnTo>
                  <a:lnTo>
                    <a:pt x="51" y="777"/>
                  </a:lnTo>
                  <a:lnTo>
                    <a:pt x="51" y="775"/>
                  </a:lnTo>
                  <a:lnTo>
                    <a:pt x="53" y="772"/>
                  </a:lnTo>
                  <a:lnTo>
                    <a:pt x="53" y="770"/>
                  </a:lnTo>
                  <a:lnTo>
                    <a:pt x="53" y="768"/>
                  </a:lnTo>
                  <a:lnTo>
                    <a:pt x="55" y="766"/>
                  </a:lnTo>
                  <a:lnTo>
                    <a:pt x="59" y="764"/>
                  </a:lnTo>
                  <a:lnTo>
                    <a:pt x="61" y="764"/>
                  </a:lnTo>
                  <a:lnTo>
                    <a:pt x="62" y="762"/>
                  </a:lnTo>
                  <a:lnTo>
                    <a:pt x="66" y="762"/>
                  </a:lnTo>
                  <a:lnTo>
                    <a:pt x="68" y="762"/>
                  </a:lnTo>
                  <a:lnTo>
                    <a:pt x="68" y="764"/>
                  </a:lnTo>
                  <a:lnTo>
                    <a:pt x="70" y="764"/>
                  </a:lnTo>
                  <a:lnTo>
                    <a:pt x="72" y="764"/>
                  </a:lnTo>
                  <a:lnTo>
                    <a:pt x="72" y="766"/>
                  </a:lnTo>
                  <a:lnTo>
                    <a:pt x="72" y="768"/>
                  </a:lnTo>
                  <a:lnTo>
                    <a:pt x="74" y="768"/>
                  </a:lnTo>
                  <a:lnTo>
                    <a:pt x="77" y="772"/>
                  </a:lnTo>
                  <a:lnTo>
                    <a:pt x="79" y="770"/>
                  </a:lnTo>
                  <a:lnTo>
                    <a:pt x="79" y="768"/>
                  </a:lnTo>
                  <a:lnTo>
                    <a:pt x="81" y="768"/>
                  </a:lnTo>
                  <a:lnTo>
                    <a:pt x="83" y="768"/>
                  </a:lnTo>
                  <a:lnTo>
                    <a:pt x="85" y="766"/>
                  </a:lnTo>
                  <a:lnTo>
                    <a:pt x="86" y="766"/>
                  </a:lnTo>
                  <a:lnTo>
                    <a:pt x="88" y="764"/>
                  </a:lnTo>
                  <a:lnTo>
                    <a:pt x="90" y="764"/>
                  </a:lnTo>
                  <a:lnTo>
                    <a:pt x="90" y="762"/>
                  </a:lnTo>
                  <a:lnTo>
                    <a:pt x="90" y="760"/>
                  </a:lnTo>
                  <a:lnTo>
                    <a:pt x="90" y="759"/>
                  </a:lnTo>
                  <a:lnTo>
                    <a:pt x="90" y="757"/>
                  </a:lnTo>
                  <a:lnTo>
                    <a:pt x="92" y="755"/>
                  </a:lnTo>
                  <a:lnTo>
                    <a:pt x="94" y="755"/>
                  </a:lnTo>
                  <a:lnTo>
                    <a:pt x="96" y="755"/>
                  </a:lnTo>
                  <a:lnTo>
                    <a:pt x="98" y="755"/>
                  </a:lnTo>
                  <a:lnTo>
                    <a:pt x="99" y="755"/>
                  </a:lnTo>
                  <a:lnTo>
                    <a:pt x="101" y="755"/>
                  </a:lnTo>
                  <a:lnTo>
                    <a:pt x="103" y="753"/>
                  </a:lnTo>
                  <a:lnTo>
                    <a:pt x="105" y="753"/>
                  </a:lnTo>
                  <a:lnTo>
                    <a:pt x="105" y="751"/>
                  </a:lnTo>
                  <a:lnTo>
                    <a:pt x="107" y="751"/>
                  </a:lnTo>
                  <a:lnTo>
                    <a:pt x="107" y="749"/>
                  </a:lnTo>
                  <a:lnTo>
                    <a:pt x="109" y="749"/>
                  </a:lnTo>
                  <a:lnTo>
                    <a:pt x="109" y="747"/>
                  </a:lnTo>
                  <a:lnTo>
                    <a:pt x="111" y="746"/>
                  </a:lnTo>
                  <a:lnTo>
                    <a:pt x="111" y="744"/>
                  </a:lnTo>
                  <a:lnTo>
                    <a:pt x="112" y="744"/>
                  </a:lnTo>
                  <a:lnTo>
                    <a:pt x="114" y="744"/>
                  </a:lnTo>
                  <a:lnTo>
                    <a:pt x="114" y="742"/>
                  </a:lnTo>
                  <a:lnTo>
                    <a:pt x="118" y="740"/>
                  </a:lnTo>
                  <a:lnTo>
                    <a:pt x="122" y="738"/>
                  </a:lnTo>
                  <a:lnTo>
                    <a:pt x="123" y="736"/>
                  </a:lnTo>
                  <a:lnTo>
                    <a:pt x="125" y="736"/>
                  </a:lnTo>
                  <a:lnTo>
                    <a:pt x="125" y="735"/>
                  </a:lnTo>
                  <a:lnTo>
                    <a:pt x="127" y="735"/>
                  </a:lnTo>
                  <a:lnTo>
                    <a:pt x="129" y="733"/>
                  </a:lnTo>
                  <a:lnTo>
                    <a:pt x="131" y="731"/>
                  </a:lnTo>
                  <a:lnTo>
                    <a:pt x="133" y="725"/>
                  </a:lnTo>
                  <a:lnTo>
                    <a:pt x="133" y="723"/>
                  </a:lnTo>
                  <a:lnTo>
                    <a:pt x="133" y="722"/>
                  </a:lnTo>
                  <a:lnTo>
                    <a:pt x="127" y="709"/>
                  </a:lnTo>
                  <a:lnTo>
                    <a:pt x="127" y="707"/>
                  </a:lnTo>
                  <a:lnTo>
                    <a:pt x="127" y="705"/>
                  </a:lnTo>
                  <a:lnTo>
                    <a:pt x="127" y="703"/>
                  </a:lnTo>
                  <a:lnTo>
                    <a:pt x="129" y="701"/>
                  </a:lnTo>
                  <a:lnTo>
                    <a:pt x="131" y="699"/>
                  </a:lnTo>
                  <a:lnTo>
                    <a:pt x="131" y="698"/>
                  </a:lnTo>
                  <a:lnTo>
                    <a:pt x="131" y="696"/>
                  </a:lnTo>
                  <a:lnTo>
                    <a:pt x="135" y="694"/>
                  </a:lnTo>
                  <a:lnTo>
                    <a:pt x="135" y="692"/>
                  </a:lnTo>
                  <a:lnTo>
                    <a:pt x="136" y="692"/>
                  </a:lnTo>
                  <a:lnTo>
                    <a:pt x="138" y="690"/>
                  </a:lnTo>
                  <a:lnTo>
                    <a:pt x="140" y="688"/>
                  </a:lnTo>
                  <a:lnTo>
                    <a:pt x="142" y="685"/>
                  </a:lnTo>
                  <a:lnTo>
                    <a:pt x="144" y="685"/>
                  </a:lnTo>
                  <a:lnTo>
                    <a:pt x="146" y="683"/>
                  </a:lnTo>
                  <a:lnTo>
                    <a:pt x="147" y="683"/>
                  </a:lnTo>
                  <a:lnTo>
                    <a:pt x="149" y="681"/>
                  </a:lnTo>
                  <a:lnTo>
                    <a:pt x="151" y="679"/>
                  </a:lnTo>
                  <a:lnTo>
                    <a:pt x="153" y="679"/>
                  </a:lnTo>
                  <a:lnTo>
                    <a:pt x="155" y="677"/>
                  </a:lnTo>
                  <a:lnTo>
                    <a:pt x="157" y="677"/>
                  </a:lnTo>
                  <a:lnTo>
                    <a:pt x="159" y="677"/>
                  </a:lnTo>
                  <a:lnTo>
                    <a:pt x="160" y="677"/>
                  </a:lnTo>
                  <a:lnTo>
                    <a:pt x="162" y="677"/>
                  </a:lnTo>
                  <a:lnTo>
                    <a:pt x="160" y="677"/>
                  </a:lnTo>
                  <a:lnTo>
                    <a:pt x="160" y="679"/>
                  </a:lnTo>
                  <a:lnTo>
                    <a:pt x="160" y="681"/>
                  </a:lnTo>
                  <a:lnTo>
                    <a:pt x="162" y="683"/>
                  </a:lnTo>
                  <a:lnTo>
                    <a:pt x="160" y="685"/>
                  </a:lnTo>
                  <a:lnTo>
                    <a:pt x="162" y="685"/>
                  </a:lnTo>
                  <a:lnTo>
                    <a:pt x="162" y="686"/>
                  </a:lnTo>
                  <a:lnTo>
                    <a:pt x="164" y="686"/>
                  </a:lnTo>
                  <a:lnTo>
                    <a:pt x="166" y="686"/>
                  </a:lnTo>
                  <a:lnTo>
                    <a:pt x="166" y="688"/>
                  </a:lnTo>
                  <a:lnTo>
                    <a:pt x="168" y="688"/>
                  </a:lnTo>
                  <a:lnTo>
                    <a:pt x="168" y="690"/>
                  </a:lnTo>
                  <a:lnTo>
                    <a:pt x="168" y="692"/>
                  </a:lnTo>
                  <a:lnTo>
                    <a:pt x="170" y="694"/>
                  </a:lnTo>
                  <a:lnTo>
                    <a:pt x="170" y="696"/>
                  </a:lnTo>
                  <a:lnTo>
                    <a:pt x="170" y="698"/>
                  </a:lnTo>
                  <a:lnTo>
                    <a:pt x="172" y="698"/>
                  </a:lnTo>
                  <a:lnTo>
                    <a:pt x="172" y="699"/>
                  </a:lnTo>
                  <a:lnTo>
                    <a:pt x="173" y="701"/>
                  </a:lnTo>
                  <a:lnTo>
                    <a:pt x="175" y="703"/>
                  </a:lnTo>
                  <a:lnTo>
                    <a:pt x="177" y="703"/>
                  </a:lnTo>
                  <a:lnTo>
                    <a:pt x="179" y="707"/>
                  </a:lnTo>
                  <a:lnTo>
                    <a:pt x="179" y="710"/>
                  </a:lnTo>
                  <a:lnTo>
                    <a:pt x="181" y="709"/>
                  </a:lnTo>
                  <a:lnTo>
                    <a:pt x="183" y="709"/>
                  </a:lnTo>
                  <a:lnTo>
                    <a:pt x="184" y="707"/>
                  </a:lnTo>
                  <a:lnTo>
                    <a:pt x="186" y="707"/>
                  </a:lnTo>
                  <a:lnTo>
                    <a:pt x="188" y="705"/>
                  </a:lnTo>
                  <a:lnTo>
                    <a:pt x="190" y="705"/>
                  </a:lnTo>
                  <a:lnTo>
                    <a:pt x="192" y="705"/>
                  </a:lnTo>
                  <a:lnTo>
                    <a:pt x="192" y="703"/>
                  </a:lnTo>
                  <a:lnTo>
                    <a:pt x="194" y="703"/>
                  </a:lnTo>
                  <a:lnTo>
                    <a:pt x="196" y="703"/>
                  </a:lnTo>
                  <a:lnTo>
                    <a:pt x="197" y="703"/>
                  </a:lnTo>
                  <a:lnTo>
                    <a:pt x="199" y="703"/>
                  </a:lnTo>
                  <a:lnTo>
                    <a:pt x="201" y="703"/>
                  </a:lnTo>
                  <a:lnTo>
                    <a:pt x="203" y="703"/>
                  </a:lnTo>
                  <a:lnTo>
                    <a:pt x="205" y="701"/>
                  </a:lnTo>
                  <a:lnTo>
                    <a:pt x="207" y="701"/>
                  </a:lnTo>
                  <a:lnTo>
                    <a:pt x="208" y="699"/>
                  </a:lnTo>
                  <a:lnTo>
                    <a:pt x="208" y="698"/>
                  </a:lnTo>
                  <a:lnTo>
                    <a:pt x="210" y="698"/>
                  </a:lnTo>
                  <a:lnTo>
                    <a:pt x="210" y="696"/>
                  </a:lnTo>
                  <a:lnTo>
                    <a:pt x="212" y="696"/>
                  </a:lnTo>
                  <a:lnTo>
                    <a:pt x="214" y="696"/>
                  </a:lnTo>
                  <a:lnTo>
                    <a:pt x="216" y="696"/>
                  </a:lnTo>
                  <a:lnTo>
                    <a:pt x="218" y="694"/>
                  </a:lnTo>
                  <a:lnTo>
                    <a:pt x="220" y="692"/>
                  </a:lnTo>
                  <a:lnTo>
                    <a:pt x="221" y="692"/>
                  </a:lnTo>
                  <a:lnTo>
                    <a:pt x="221" y="690"/>
                  </a:lnTo>
                  <a:lnTo>
                    <a:pt x="223" y="690"/>
                  </a:lnTo>
                  <a:lnTo>
                    <a:pt x="220" y="681"/>
                  </a:lnTo>
                  <a:lnTo>
                    <a:pt x="218" y="675"/>
                  </a:lnTo>
                  <a:lnTo>
                    <a:pt x="220" y="673"/>
                  </a:lnTo>
                  <a:lnTo>
                    <a:pt x="220" y="672"/>
                  </a:lnTo>
                  <a:lnTo>
                    <a:pt x="221" y="670"/>
                  </a:lnTo>
                  <a:lnTo>
                    <a:pt x="221" y="668"/>
                  </a:lnTo>
                  <a:lnTo>
                    <a:pt x="223" y="666"/>
                  </a:lnTo>
                  <a:lnTo>
                    <a:pt x="223" y="664"/>
                  </a:lnTo>
                  <a:lnTo>
                    <a:pt x="223" y="662"/>
                  </a:lnTo>
                  <a:lnTo>
                    <a:pt x="223" y="659"/>
                  </a:lnTo>
                  <a:lnTo>
                    <a:pt x="223" y="657"/>
                  </a:lnTo>
                  <a:lnTo>
                    <a:pt x="223" y="655"/>
                  </a:lnTo>
                  <a:lnTo>
                    <a:pt x="223" y="653"/>
                  </a:lnTo>
                  <a:lnTo>
                    <a:pt x="225" y="651"/>
                  </a:lnTo>
                  <a:lnTo>
                    <a:pt x="225" y="649"/>
                  </a:lnTo>
                  <a:lnTo>
                    <a:pt x="227" y="649"/>
                  </a:lnTo>
                  <a:lnTo>
                    <a:pt x="227" y="648"/>
                  </a:lnTo>
                  <a:lnTo>
                    <a:pt x="229" y="648"/>
                  </a:lnTo>
                  <a:lnTo>
                    <a:pt x="229" y="646"/>
                  </a:lnTo>
                  <a:lnTo>
                    <a:pt x="231" y="646"/>
                  </a:lnTo>
                  <a:lnTo>
                    <a:pt x="229" y="646"/>
                  </a:lnTo>
                  <a:lnTo>
                    <a:pt x="231" y="644"/>
                  </a:lnTo>
                  <a:lnTo>
                    <a:pt x="229" y="644"/>
                  </a:lnTo>
                  <a:lnTo>
                    <a:pt x="229" y="642"/>
                  </a:lnTo>
                  <a:lnTo>
                    <a:pt x="229" y="640"/>
                  </a:lnTo>
                  <a:lnTo>
                    <a:pt x="229" y="638"/>
                  </a:lnTo>
                  <a:lnTo>
                    <a:pt x="231" y="638"/>
                  </a:lnTo>
                  <a:lnTo>
                    <a:pt x="233" y="638"/>
                  </a:lnTo>
                  <a:lnTo>
                    <a:pt x="233" y="636"/>
                  </a:lnTo>
                  <a:lnTo>
                    <a:pt x="234" y="636"/>
                  </a:lnTo>
                  <a:lnTo>
                    <a:pt x="234" y="635"/>
                  </a:lnTo>
                  <a:lnTo>
                    <a:pt x="236" y="635"/>
                  </a:lnTo>
                  <a:lnTo>
                    <a:pt x="238" y="633"/>
                  </a:lnTo>
                  <a:lnTo>
                    <a:pt x="238" y="631"/>
                  </a:lnTo>
                  <a:lnTo>
                    <a:pt x="240" y="631"/>
                  </a:lnTo>
                  <a:lnTo>
                    <a:pt x="240" y="633"/>
                  </a:lnTo>
                  <a:lnTo>
                    <a:pt x="242" y="633"/>
                  </a:lnTo>
                  <a:lnTo>
                    <a:pt x="244" y="635"/>
                  </a:lnTo>
                  <a:lnTo>
                    <a:pt x="245" y="635"/>
                  </a:lnTo>
                  <a:lnTo>
                    <a:pt x="247" y="635"/>
                  </a:lnTo>
                  <a:lnTo>
                    <a:pt x="249" y="635"/>
                  </a:lnTo>
                  <a:lnTo>
                    <a:pt x="249" y="633"/>
                  </a:lnTo>
                  <a:lnTo>
                    <a:pt x="251" y="629"/>
                  </a:lnTo>
                  <a:lnTo>
                    <a:pt x="249" y="625"/>
                  </a:lnTo>
                  <a:lnTo>
                    <a:pt x="247" y="624"/>
                  </a:lnTo>
                  <a:lnTo>
                    <a:pt x="245" y="622"/>
                  </a:lnTo>
                  <a:lnTo>
                    <a:pt x="245" y="616"/>
                  </a:lnTo>
                  <a:lnTo>
                    <a:pt x="245" y="612"/>
                  </a:lnTo>
                  <a:lnTo>
                    <a:pt x="244" y="611"/>
                  </a:lnTo>
                  <a:lnTo>
                    <a:pt x="244" y="609"/>
                  </a:lnTo>
                  <a:lnTo>
                    <a:pt x="244" y="607"/>
                  </a:lnTo>
                  <a:lnTo>
                    <a:pt x="242" y="607"/>
                  </a:lnTo>
                  <a:lnTo>
                    <a:pt x="242" y="605"/>
                  </a:lnTo>
                  <a:lnTo>
                    <a:pt x="242" y="603"/>
                  </a:lnTo>
                  <a:lnTo>
                    <a:pt x="242" y="601"/>
                  </a:lnTo>
                  <a:lnTo>
                    <a:pt x="244" y="599"/>
                  </a:lnTo>
                  <a:lnTo>
                    <a:pt x="244" y="598"/>
                  </a:lnTo>
                  <a:lnTo>
                    <a:pt x="244" y="596"/>
                  </a:lnTo>
                  <a:lnTo>
                    <a:pt x="242" y="596"/>
                  </a:lnTo>
                  <a:lnTo>
                    <a:pt x="242" y="594"/>
                  </a:lnTo>
                  <a:lnTo>
                    <a:pt x="242" y="592"/>
                  </a:lnTo>
                  <a:lnTo>
                    <a:pt x="242" y="590"/>
                  </a:lnTo>
                  <a:lnTo>
                    <a:pt x="240" y="588"/>
                  </a:lnTo>
                  <a:lnTo>
                    <a:pt x="240" y="587"/>
                  </a:lnTo>
                  <a:lnTo>
                    <a:pt x="240" y="585"/>
                  </a:lnTo>
                  <a:lnTo>
                    <a:pt x="240" y="583"/>
                  </a:lnTo>
                  <a:lnTo>
                    <a:pt x="242" y="581"/>
                  </a:lnTo>
                  <a:lnTo>
                    <a:pt x="242" y="579"/>
                  </a:lnTo>
                  <a:lnTo>
                    <a:pt x="244" y="577"/>
                  </a:lnTo>
                  <a:lnTo>
                    <a:pt x="245" y="577"/>
                  </a:lnTo>
                  <a:lnTo>
                    <a:pt x="247" y="577"/>
                  </a:lnTo>
                  <a:lnTo>
                    <a:pt x="247" y="575"/>
                  </a:lnTo>
                  <a:lnTo>
                    <a:pt x="249" y="575"/>
                  </a:lnTo>
                  <a:lnTo>
                    <a:pt x="249" y="574"/>
                  </a:lnTo>
                  <a:lnTo>
                    <a:pt x="249" y="572"/>
                  </a:lnTo>
                  <a:lnTo>
                    <a:pt x="251" y="572"/>
                  </a:lnTo>
                  <a:lnTo>
                    <a:pt x="253" y="572"/>
                  </a:lnTo>
                  <a:lnTo>
                    <a:pt x="255" y="572"/>
                  </a:lnTo>
                  <a:lnTo>
                    <a:pt x="257" y="572"/>
                  </a:lnTo>
                  <a:lnTo>
                    <a:pt x="260" y="575"/>
                  </a:lnTo>
                  <a:lnTo>
                    <a:pt x="262" y="575"/>
                  </a:lnTo>
                  <a:lnTo>
                    <a:pt x="264" y="575"/>
                  </a:lnTo>
                  <a:lnTo>
                    <a:pt x="266" y="575"/>
                  </a:lnTo>
                  <a:lnTo>
                    <a:pt x="268" y="575"/>
                  </a:lnTo>
                  <a:lnTo>
                    <a:pt x="269" y="575"/>
                  </a:lnTo>
                  <a:lnTo>
                    <a:pt x="269" y="574"/>
                  </a:lnTo>
                  <a:lnTo>
                    <a:pt x="268" y="572"/>
                  </a:lnTo>
                  <a:lnTo>
                    <a:pt x="268" y="570"/>
                  </a:lnTo>
                  <a:lnTo>
                    <a:pt x="268" y="568"/>
                  </a:lnTo>
                  <a:lnTo>
                    <a:pt x="268" y="566"/>
                  </a:lnTo>
                  <a:lnTo>
                    <a:pt x="269" y="566"/>
                  </a:lnTo>
                  <a:lnTo>
                    <a:pt x="269" y="564"/>
                  </a:lnTo>
                  <a:lnTo>
                    <a:pt x="271" y="564"/>
                  </a:lnTo>
                  <a:lnTo>
                    <a:pt x="273" y="564"/>
                  </a:lnTo>
                  <a:lnTo>
                    <a:pt x="273" y="562"/>
                  </a:lnTo>
                  <a:lnTo>
                    <a:pt x="275" y="562"/>
                  </a:lnTo>
                  <a:lnTo>
                    <a:pt x="275" y="561"/>
                  </a:lnTo>
                  <a:lnTo>
                    <a:pt x="277" y="561"/>
                  </a:lnTo>
                  <a:lnTo>
                    <a:pt x="277" y="559"/>
                  </a:lnTo>
                  <a:lnTo>
                    <a:pt x="279" y="559"/>
                  </a:lnTo>
                  <a:lnTo>
                    <a:pt x="279" y="557"/>
                  </a:lnTo>
                  <a:lnTo>
                    <a:pt x="281" y="557"/>
                  </a:lnTo>
                  <a:lnTo>
                    <a:pt x="282" y="555"/>
                  </a:lnTo>
                  <a:lnTo>
                    <a:pt x="282" y="553"/>
                  </a:lnTo>
                  <a:lnTo>
                    <a:pt x="284" y="551"/>
                  </a:lnTo>
                  <a:lnTo>
                    <a:pt x="286" y="550"/>
                  </a:lnTo>
                  <a:lnTo>
                    <a:pt x="288" y="550"/>
                  </a:lnTo>
                  <a:lnTo>
                    <a:pt x="290" y="550"/>
                  </a:lnTo>
                  <a:lnTo>
                    <a:pt x="292" y="550"/>
                  </a:lnTo>
                  <a:lnTo>
                    <a:pt x="292" y="548"/>
                  </a:lnTo>
                  <a:lnTo>
                    <a:pt x="294" y="548"/>
                  </a:lnTo>
                  <a:lnTo>
                    <a:pt x="295" y="548"/>
                  </a:lnTo>
                  <a:lnTo>
                    <a:pt x="297" y="548"/>
                  </a:lnTo>
                  <a:lnTo>
                    <a:pt x="299" y="548"/>
                  </a:lnTo>
                  <a:lnTo>
                    <a:pt x="301" y="546"/>
                  </a:lnTo>
                  <a:lnTo>
                    <a:pt x="303" y="544"/>
                  </a:lnTo>
                  <a:lnTo>
                    <a:pt x="305" y="544"/>
                  </a:lnTo>
                  <a:lnTo>
                    <a:pt x="306" y="542"/>
                  </a:lnTo>
                  <a:lnTo>
                    <a:pt x="306" y="540"/>
                  </a:lnTo>
                  <a:lnTo>
                    <a:pt x="306" y="538"/>
                  </a:lnTo>
                  <a:lnTo>
                    <a:pt x="308" y="538"/>
                  </a:lnTo>
                  <a:lnTo>
                    <a:pt x="308" y="537"/>
                  </a:lnTo>
                  <a:lnTo>
                    <a:pt x="308" y="535"/>
                  </a:lnTo>
                  <a:lnTo>
                    <a:pt x="310" y="535"/>
                  </a:lnTo>
                  <a:lnTo>
                    <a:pt x="312" y="535"/>
                  </a:lnTo>
                  <a:lnTo>
                    <a:pt x="312" y="533"/>
                  </a:lnTo>
                  <a:lnTo>
                    <a:pt x="314" y="533"/>
                  </a:lnTo>
                  <a:lnTo>
                    <a:pt x="316" y="533"/>
                  </a:lnTo>
                  <a:lnTo>
                    <a:pt x="318" y="533"/>
                  </a:lnTo>
                  <a:lnTo>
                    <a:pt x="319" y="533"/>
                  </a:lnTo>
                  <a:lnTo>
                    <a:pt x="321" y="533"/>
                  </a:lnTo>
                  <a:lnTo>
                    <a:pt x="323" y="533"/>
                  </a:lnTo>
                  <a:lnTo>
                    <a:pt x="325" y="533"/>
                  </a:lnTo>
                  <a:lnTo>
                    <a:pt x="325" y="531"/>
                  </a:lnTo>
                  <a:lnTo>
                    <a:pt x="327" y="531"/>
                  </a:lnTo>
                  <a:lnTo>
                    <a:pt x="329" y="533"/>
                  </a:lnTo>
                  <a:lnTo>
                    <a:pt x="330" y="533"/>
                  </a:lnTo>
                  <a:lnTo>
                    <a:pt x="332" y="533"/>
                  </a:lnTo>
                  <a:lnTo>
                    <a:pt x="334" y="533"/>
                  </a:lnTo>
                  <a:lnTo>
                    <a:pt x="338" y="531"/>
                  </a:lnTo>
                  <a:lnTo>
                    <a:pt x="340" y="531"/>
                  </a:lnTo>
                  <a:lnTo>
                    <a:pt x="340" y="533"/>
                  </a:lnTo>
                  <a:lnTo>
                    <a:pt x="342" y="533"/>
                  </a:lnTo>
                  <a:lnTo>
                    <a:pt x="342" y="535"/>
                  </a:lnTo>
                  <a:lnTo>
                    <a:pt x="342" y="537"/>
                  </a:lnTo>
                  <a:lnTo>
                    <a:pt x="343" y="537"/>
                  </a:lnTo>
                  <a:lnTo>
                    <a:pt x="345" y="537"/>
                  </a:lnTo>
                  <a:lnTo>
                    <a:pt x="347" y="538"/>
                  </a:lnTo>
                  <a:lnTo>
                    <a:pt x="349" y="538"/>
                  </a:lnTo>
                  <a:lnTo>
                    <a:pt x="351" y="538"/>
                  </a:lnTo>
                  <a:lnTo>
                    <a:pt x="351" y="540"/>
                  </a:lnTo>
                  <a:lnTo>
                    <a:pt x="353" y="540"/>
                  </a:lnTo>
                  <a:lnTo>
                    <a:pt x="355" y="538"/>
                  </a:lnTo>
                  <a:lnTo>
                    <a:pt x="356" y="538"/>
                  </a:lnTo>
                  <a:lnTo>
                    <a:pt x="358" y="538"/>
                  </a:lnTo>
                  <a:lnTo>
                    <a:pt x="358" y="537"/>
                  </a:lnTo>
                  <a:lnTo>
                    <a:pt x="360" y="537"/>
                  </a:lnTo>
                  <a:lnTo>
                    <a:pt x="362" y="537"/>
                  </a:lnTo>
                  <a:lnTo>
                    <a:pt x="362" y="538"/>
                  </a:lnTo>
                  <a:lnTo>
                    <a:pt x="362" y="540"/>
                  </a:lnTo>
                  <a:lnTo>
                    <a:pt x="362" y="542"/>
                  </a:lnTo>
                  <a:lnTo>
                    <a:pt x="362" y="544"/>
                  </a:lnTo>
                  <a:lnTo>
                    <a:pt x="362" y="546"/>
                  </a:lnTo>
                  <a:lnTo>
                    <a:pt x="362" y="548"/>
                  </a:lnTo>
                  <a:lnTo>
                    <a:pt x="364" y="550"/>
                  </a:lnTo>
                  <a:lnTo>
                    <a:pt x="362" y="550"/>
                  </a:lnTo>
                  <a:lnTo>
                    <a:pt x="362" y="551"/>
                  </a:lnTo>
                  <a:lnTo>
                    <a:pt x="362" y="553"/>
                  </a:lnTo>
                  <a:lnTo>
                    <a:pt x="362" y="555"/>
                  </a:lnTo>
                  <a:lnTo>
                    <a:pt x="360" y="555"/>
                  </a:lnTo>
                  <a:lnTo>
                    <a:pt x="360" y="557"/>
                  </a:lnTo>
                  <a:lnTo>
                    <a:pt x="362" y="559"/>
                  </a:lnTo>
                  <a:lnTo>
                    <a:pt x="362" y="561"/>
                  </a:lnTo>
                  <a:lnTo>
                    <a:pt x="364" y="561"/>
                  </a:lnTo>
                  <a:lnTo>
                    <a:pt x="364" y="562"/>
                  </a:lnTo>
                  <a:lnTo>
                    <a:pt x="366" y="562"/>
                  </a:lnTo>
                  <a:lnTo>
                    <a:pt x="367" y="562"/>
                  </a:lnTo>
                  <a:lnTo>
                    <a:pt x="367" y="564"/>
                  </a:lnTo>
                  <a:lnTo>
                    <a:pt x="369" y="564"/>
                  </a:lnTo>
                  <a:lnTo>
                    <a:pt x="371" y="564"/>
                  </a:lnTo>
                  <a:lnTo>
                    <a:pt x="373" y="564"/>
                  </a:lnTo>
                  <a:lnTo>
                    <a:pt x="375" y="564"/>
                  </a:lnTo>
                  <a:lnTo>
                    <a:pt x="375" y="562"/>
                  </a:lnTo>
                  <a:lnTo>
                    <a:pt x="377" y="564"/>
                  </a:lnTo>
                  <a:lnTo>
                    <a:pt x="379" y="564"/>
                  </a:lnTo>
                  <a:lnTo>
                    <a:pt x="380" y="566"/>
                  </a:lnTo>
                  <a:lnTo>
                    <a:pt x="382" y="566"/>
                  </a:lnTo>
                  <a:lnTo>
                    <a:pt x="384" y="564"/>
                  </a:lnTo>
                  <a:lnTo>
                    <a:pt x="386" y="564"/>
                  </a:lnTo>
                  <a:lnTo>
                    <a:pt x="388" y="564"/>
                  </a:lnTo>
                  <a:lnTo>
                    <a:pt x="390" y="562"/>
                  </a:lnTo>
                  <a:lnTo>
                    <a:pt x="391" y="562"/>
                  </a:lnTo>
                  <a:lnTo>
                    <a:pt x="393" y="562"/>
                  </a:lnTo>
                  <a:lnTo>
                    <a:pt x="395" y="561"/>
                  </a:lnTo>
                  <a:lnTo>
                    <a:pt x="397" y="561"/>
                  </a:lnTo>
                  <a:lnTo>
                    <a:pt x="399" y="561"/>
                  </a:lnTo>
                  <a:lnTo>
                    <a:pt x="399" y="559"/>
                  </a:lnTo>
                  <a:lnTo>
                    <a:pt x="401" y="559"/>
                  </a:lnTo>
                  <a:lnTo>
                    <a:pt x="401" y="557"/>
                  </a:lnTo>
                  <a:lnTo>
                    <a:pt x="403" y="557"/>
                  </a:lnTo>
                  <a:lnTo>
                    <a:pt x="404" y="555"/>
                  </a:lnTo>
                  <a:lnTo>
                    <a:pt x="406" y="555"/>
                  </a:lnTo>
                  <a:lnTo>
                    <a:pt x="408" y="555"/>
                  </a:lnTo>
                  <a:lnTo>
                    <a:pt x="410" y="553"/>
                  </a:lnTo>
                  <a:lnTo>
                    <a:pt x="412" y="553"/>
                  </a:lnTo>
                  <a:lnTo>
                    <a:pt x="414" y="553"/>
                  </a:lnTo>
                  <a:lnTo>
                    <a:pt x="414" y="551"/>
                  </a:lnTo>
                  <a:lnTo>
                    <a:pt x="416" y="551"/>
                  </a:lnTo>
                  <a:lnTo>
                    <a:pt x="416" y="550"/>
                  </a:lnTo>
                  <a:lnTo>
                    <a:pt x="417" y="550"/>
                  </a:lnTo>
                  <a:lnTo>
                    <a:pt x="419" y="550"/>
                  </a:lnTo>
                  <a:lnTo>
                    <a:pt x="421" y="550"/>
                  </a:lnTo>
                  <a:lnTo>
                    <a:pt x="423" y="550"/>
                  </a:lnTo>
                  <a:lnTo>
                    <a:pt x="427" y="548"/>
                  </a:lnTo>
                  <a:lnTo>
                    <a:pt x="428" y="548"/>
                  </a:lnTo>
                  <a:lnTo>
                    <a:pt x="430" y="548"/>
                  </a:lnTo>
                  <a:lnTo>
                    <a:pt x="432" y="546"/>
                  </a:lnTo>
                  <a:lnTo>
                    <a:pt x="434" y="546"/>
                  </a:lnTo>
                  <a:lnTo>
                    <a:pt x="436" y="546"/>
                  </a:lnTo>
                  <a:lnTo>
                    <a:pt x="438" y="546"/>
                  </a:lnTo>
                  <a:lnTo>
                    <a:pt x="440" y="544"/>
                  </a:lnTo>
                  <a:lnTo>
                    <a:pt x="441" y="544"/>
                  </a:lnTo>
                  <a:lnTo>
                    <a:pt x="443" y="544"/>
                  </a:lnTo>
                  <a:lnTo>
                    <a:pt x="445" y="544"/>
                  </a:lnTo>
                  <a:lnTo>
                    <a:pt x="447" y="544"/>
                  </a:lnTo>
                  <a:lnTo>
                    <a:pt x="449" y="542"/>
                  </a:lnTo>
                  <a:lnTo>
                    <a:pt x="451" y="542"/>
                  </a:lnTo>
                  <a:lnTo>
                    <a:pt x="453" y="544"/>
                  </a:lnTo>
                  <a:lnTo>
                    <a:pt x="454" y="544"/>
                  </a:lnTo>
                  <a:lnTo>
                    <a:pt x="456" y="544"/>
                  </a:lnTo>
                  <a:lnTo>
                    <a:pt x="456" y="542"/>
                  </a:lnTo>
                  <a:lnTo>
                    <a:pt x="458" y="542"/>
                  </a:lnTo>
                  <a:lnTo>
                    <a:pt x="460" y="542"/>
                  </a:lnTo>
                  <a:lnTo>
                    <a:pt x="462" y="540"/>
                  </a:lnTo>
                  <a:lnTo>
                    <a:pt x="464" y="540"/>
                  </a:lnTo>
                  <a:lnTo>
                    <a:pt x="464" y="542"/>
                  </a:lnTo>
                  <a:lnTo>
                    <a:pt x="467" y="540"/>
                  </a:lnTo>
                  <a:lnTo>
                    <a:pt x="469" y="540"/>
                  </a:lnTo>
                  <a:lnTo>
                    <a:pt x="473" y="538"/>
                  </a:lnTo>
                  <a:lnTo>
                    <a:pt x="475" y="538"/>
                  </a:lnTo>
                  <a:lnTo>
                    <a:pt x="475" y="537"/>
                  </a:lnTo>
                  <a:lnTo>
                    <a:pt x="477" y="537"/>
                  </a:lnTo>
                  <a:lnTo>
                    <a:pt x="480" y="537"/>
                  </a:lnTo>
                  <a:lnTo>
                    <a:pt x="493" y="535"/>
                  </a:lnTo>
                  <a:lnTo>
                    <a:pt x="506" y="525"/>
                  </a:lnTo>
                  <a:lnTo>
                    <a:pt x="508" y="522"/>
                  </a:lnTo>
                  <a:lnTo>
                    <a:pt x="510" y="513"/>
                  </a:lnTo>
                  <a:lnTo>
                    <a:pt x="514" y="507"/>
                  </a:lnTo>
                  <a:lnTo>
                    <a:pt x="515" y="505"/>
                  </a:lnTo>
                  <a:lnTo>
                    <a:pt x="519" y="496"/>
                  </a:lnTo>
                  <a:lnTo>
                    <a:pt x="521" y="492"/>
                  </a:lnTo>
                  <a:lnTo>
                    <a:pt x="521" y="490"/>
                  </a:lnTo>
                  <a:lnTo>
                    <a:pt x="523" y="490"/>
                  </a:lnTo>
                  <a:lnTo>
                    <a:pt x="525" y="488"/>
                  </a:lnTo>
                  <a:lnTo>
                    <a:pt x="525" y="487"/>
                  </a:lnTo>
                  <a:lnTo>
                    <a:pt x="528" y="485"/>
                  </a:lnTo>
                  <a:lnTo>
                    <a:pt x="528" y="483"/>
                  </a:lnTo>
                  <a:lnTo>
                    <a:pt x="528" y="481"/>
                  </a:lnTo>
                  <a:lnTo>
                    <a:pt x="528" y="479"/>
                  </a:lnTo>
                  <a:lnTo>
                    <a:pt x="526" y="479"/>
                  </a:lnTo>
                  <a:lnTo>
                    <a:pt x="526" y="477"/>
                  </a:lnTo>
                  <a:lnTo>
                    <a:pt x="528" y="476"/>
                  </a:lnTo>
                  <a:lnTo>
                    <a:pt x="530" y="472"/>
                  </a:lnTo>
                  <a:lnTo>
                    <a:pt x="530" y="470"/>
                  </a:lnTo>
                  <a:lnTo>
                    <a:pt x="532" y="468"/>
                  </a:lnTo>
                  <a:lnTo>
                    <a:pt x="532" y="466"/>
                  </a:lnTo>
                  <a:lnTo>
                    <a:pt x="532" y="464"/>
                  </a:lnTo>
                  <a:lnTo>
                    <a:pt x="534" y="463"/>
                  </a:lnTo>
                  <a:lnTo>
                    <a:pt x="534" y="461"/>
                  </a:lnTo>
                  <a:lnTo>
                    <a:pt x="536" y="461"/>
                  </a:lnTo>
                  <a:lnTo>
                    <a:pt x="536" y="459"/>
                  </a:lnTo>
                  <a:lnTo>
                    <a:pt x="539" y="457"/>
                  </a:lnTo>
                  <a:lnTo>
                    <a:pt x="541" y="457"/>
                  </a:lnTo>
                  <a:lnTo>
                    <a:pt x="543" y="455"/>
                  </a:lnTo>
                  <a:lnTo>
                    <a:pt x="543" y="453"/>
                  </a:lnTo>
                  <a:lnTo>
                    <a:pt x="543" y="452"/>
                  </a:lnTo>
                  <a:lnTo>
                    <a:pt x="543" y="448"/>
                  </a:lnTo>
                  <a:lnTo>
                    <a:pt x="541" y="444"/>
                  </a:lnTo>
                  <a:lnTo>
                    <a:pt x="541" y="440"/>
                  </a:lnTo>
                  <a:lnTo>
                    <a:pt x="541" y="439"/>
                  </a:lnTo>
                  <a:lnTo>
                    <a:pt x="541" y="437"/>
                  </a:lnTo>
                  <a:lnTo>
                    <a:pt x="541" y="435"/>
                  </a:lnTo>
                  <a:lnTo>
                    <a:pt x="543" y="435"/>
                  </a:lnTo>
                  <a:lnTo>
                    <a:pt x="541" y="427"/>
                  </a:lnTo>
                  <a:lnTo>
                    <a:pt x="541" y="424"/>
                  </a:lnTo>
                  <a:lnTo>
                    <a:pt x="543" y="424"/>
                  </a:lnTo>
                  <a:lnTo>
                    <a:pt x="543" y="422"/>
                  </a:lnTo>
                  <a:lnTo>
                    <a:pt x="545" y="420"/>
                  </a:lnTo>
                  <a:lnTo>
                    <a:pt x="547" y="420"/>
                  </a:lnTo>
                  <a:lnTo>
                    <a:pt x="549" y="420"/>
                  </a:lnTo>
                  <a:lnTo>
                    <a:pt x="550" y="418"/>
                  </a:lnTo>
                  <a:lnTo>
                    <a:pt x="552" y="418"/>
                  </a:lnTo>
                  <a:lnTo>
                    <a:pt x="554" y="416"/>
                  </a:lnTo>
                  <a:lnTo>
                    <a:pt x="556" y="416"/>
                  </a:lnTo>
                  <a:lnTo>
                    <a:pt x="556" y="415"/>
                  </a:lnTo>
                  <a:lnTo>
                    <a:pt x="558" y="415"/>
                  </a:lnTo>
                  <a:lnTo>
                    <a:pt x="558" y="413"/>
                  </a:lnTo>
                  <a:lnTo>
                    <a:pt x="560" y="411"/>
                  </a:lnTo>
                  <a:lnTo>
                    <a:pt x="563" y="405"/>
                  </a:lnTo>
                  <a:lnTo>
                    <a:pt x="565" y="405"/>
                  </a:lnTo>
                  <a:lnTo>
                    <a:pt x="569" y="403"/>
                  </a:lnTo>
                  <a:lnTo>
                    <a:pt x="571" y="403"/>
                  </a:lnTo>
                  <a:lnTo>
                    <a:pt x="573" y="403"/>
                  </a:lnTo>
                  <a:lnTo>
                    <a:pt x="575" y="403"/>
                  </a:lnTo>
                  <a:lnTo>
                    <a:pt x="576" y="403"/>
                  </a:lnTo>
                  <a:lnTo>
                    <a:pt x="578" y="403"/>
                  </a:lnTo>
                  <a:lnTo>
                    <a:pt x="578" y="402"/>
                  </a:lnTo>
                  <a:lnTo>
                    <a:pt x="580" y="402"/>
                  </a:lnTo>
                  <a:lnTo>
                    <a:pt x="580" y="403"/>
                  </a:lnTo>
                  <a:lnTo>
                    <a:pt x="582" y="403"/>
                  </a:lnTo>
                  <a:lnTo>
                    <a:pt x="584" y="403"/>
                  </a:lnTo>
                  <a:lnTo>
                    <a:pt x="584" y="402"/>
                  </a:lnTo>
                  <a:lnTo>
                    <a:pt x="584" y="403"/>
                  </a:lnTo>
                  <a:lnTo>
                    <a:pt x="586" y="403"/>
                  </a:lnTo>
                  <a:lnTo>
                    <a:pt x="587" y="403"/>
                  </a:lnTo>
                  <a:lnTo>
                    <a:pt x="589" y="403"/>
                  </a:lnTo>
                  <a:lnTo>
                    <a:pt x="589" y="405"/>
                  </a:lnTo>
                  <a:lnTo>
                    <a:pt x="591" y="405"/>
                  </a:lnTo>
                  <a:lnTo>
                    <a:pt x="593" y="405"/>
                  </a:lnTo>
                  <a:lnTo>
                    <a:pt x="593" y="407"/>
                  </a:lnTo>
                  <a:lnTo>
                    <a:pt x="595" y="407"/>
                  </a:lnTo>
                  <a:lnTo>
                    <a:pt x="597" y="407"/>
                  </a:lnTo>
                  <a:lnTo>
                    <a:pt x="597" y="409"/>
                  </a:lnTo>
                  <a:lnTo>
                    <a:pt x="599" y="409"/>
                  </a:lnTo>
                  <a:lnTo>
                    <a:pt x="600" y="409"/>
                  </a:lnTo>
                  <a:lnTo>
                    <a:pt x="600" y="407"/>
                  </a:lnTo>
                  <a:lnTo>
                    <a:pt x="600" y="409"/>
                  </a:lnTo>
                  <a:lnTo>
                    <a:pt x="602" y="409"/>
                  </a:lnTo>
                  <a:lnTo>
                    <a:pt x="604" y="409"/>
                  </a:lnTo>
                  <a:lnTo>
                    <a:pt x="606" y="409"/>
                  </a:lnTo>
                  <a:lnTo>
                    <a:pt x="608" y="409"/>
                  </a:lnTo>
                  <a:lnTo>
                    <a:pt x="608" y="411"/>
                  </a:lnTo>
                  <a:lnTo>
                    <a:pt x="610" y="411"/>
                  </a:lnTo>
                  <a:lnTo>
                    <a:pt x="611" y="411"/>
                  </a:lnTo>
                  <a:lnTo>
                    <a:pt x="611" y="413"/>
                  </a:lnTo>
                  <a:lnTo>
                    <a:pt x="611" y="415"/>
                  </a:lnTo>
                  <a:lnTo>
                    <a:pt x="610" y="415"/>
                  </a:lnTo>
                  <a:lnTo>
                    <a:pt x="611" y="415"/>
                  </a:lnTo>
                  <a:lnTo>
                    <a:pt x="611" y="416"/>
                  </a:lnTo>
                  <a:lnTo>
                    <a:pt x="611" y="418"/>
                  </a:lnTo>
                  <a:lnTo>
                    <a:pt x="613" y="418"/>
                  </a:lnTo>
                  <a:lnTo>
                    <a:pt x="613" y="420"/>
                  </a:lnTo>
                  <a:lnTo>
                    <a:pt x="621" y="429"/>
                  </a:lnTo>
                  <a:lnTo>
                    <a:pt x="624" y="433"/>
                  </a:lnTo>
                  <a:lnTo>
                    <a:pt x="624" y="440"/>
                  </a:lnTo>
                  <a:lnTo>
                    <a:pt x="624" y="446"/>
                  </a:lnTo>
                  <a:lnTo>
                    <a:pt x="626" y="448"/>
                  </a:lnTo>
                  <a:lnTo>
                    <a:pt x="632" y="452"/>
                  </a:lnTo>
                  <a:lnTo>
                    <a:pt x="636" y="452"/>
                  </a:lnTo>
                  <a:lnTo>
                    <a:pt x="637" y="452"/>
                  </a:lnTo>
                  <a:lnTo>
                    <a:pt x="637" y="450"/>
                  </a:lnTo>
                  <a:lnTo>
                    <a:pt x="639" y="448"/>
                  </a:lnTo>
                  <a:lnTo>
                    <a:pt x="641" y="448"/>
                  </a:lnTo>
                  <a:lnTo>
                    <a:pt x="643" y="446"/>
                  </a:lnTo>
                  <a:lnTo>
                    <a:pt x="645" y="446"/>
                  </a:lnTo>
                  <a:lnTo>
                    <a:pt x="645" y="444"/>
                  </a:lnTo>
                  <a:lnTo>
                    <a:pt x="647" y="444"/>
                  </a:lnTo>
                  <a:lnTo>
                    <a:pt x="647" y="442"/>
                  </a:lnTo>
                  <a:lnTo>
                    <a:pt x="648" y="442"/>
                  </a:lnTo>
                  <a:lnTo>
                    <a:pt x="650" y="442"/>
                  </a:lnTo>
                  <a:lnTo>
                    <a:pt x="652" y="442"/>
                  </a:lnTo>
                  <a:lnTo>
                    <a:pt x="654" y="442"/>
                  </a:lnTo>
                  <a:lnTo>
                    <a:pt x="654" y="440"/>
                  </a:lnTo>
                  <a:lnTo>
                    <a:pt x="656" y="440"/>
                  </a:lnTo>
                  <a:lnTo>
                    <a:pt x="656" y="439"/>
                  </a:lnTo>
                  <a:lnTo>
                    <a:pt x="658" y="439"/>
                  </a:lnTo>
                  <a:lnTo>
                    <a:pt x="658" y="437"/>
                  </a:lnTo>
                  <a:lnTo>
                    <a:pt x="658" y="435"/>
                  </a:lnTo>
                  <a:lnTo>
                    <a:pt x="660" y="435"/>
                  </a:lnTo>
                  <a:lnTo>
                    <a:pt x="660" y="433"/>
                  </a:lnTo>
                  <a:lnTo>
                    <a:pt x="661" y="433"/>
                  </a:lnTo>
                  <a:lnTo>
                    <a:pt x="663" y="433"/>
                  </a:lnTo>
                  <a:lnTo>
                    <a:pt x="665" y="433"/>
                  </a:lnTo>
                  <a:lnTo>
                    <a:pt x="665" y="431"/>
                  </a:lnTo>
                  <a:lnTo>
                    <a:pt x="667" y="431"/>
                  </a:lnTo>
                  <a:lnTo>
                    <a:pt x="669" y="429"/>
                  </a:lnTo>
                  <a:lnTo>
                    <a:pt x="672" y="427"/>
                  </a:lnTo>
                  <a:lnTo>
                    <a:pt x="674" y="427"/>
                  </a:lnTo>
                  <a:lnTo>
                    <a:pt x="676" y="427"/>
                  </a:lnTo>
                  <a:lnTo>
                    <a:pt x="676" y="426"/>
                  </a:lnTo>
                  <a:lnTo>
                    <a:pt x="676" y="424"/>
                  </a:lnTo>
                  <a:lnTo>
                    <a:pt x="676" y="422"/>
                  </a:lnTo>
                  <a:lnTo>
                    <a:pt x="676" y="420"/>
                  </a:lnTo>
                  <a:lnTo>
                    <a:pt x="678" y="420"/>
                  </a:lnTo>
                  <a:lnTo>
                    <a:pt x="678" y="418"/>
                  </a:lnTo>
                  <a:lnTo>
                    <a:pt x="680" y="418"/>
                  </a:lnTo>
                  <a:lnTo>
                    <a:pt x="680" y="416"/>
                  </a:lnTo>
                  <a:lnTo>
                    <a:pt x="680" y="415"/>
                  </a:lnTo>
                  <a:lnTo>
                    <a:pt x="682" y="415"/>
                  </a:lnTo>
                  <a:lnTo>
                    <a:pt x="680" y="415"/>
                  </a:lnTo>
                  <a:lnTo>
                    <a:pt x="680" y="413"/>
                  </a:lnTo>
                  <a:lnTo>
                    <a:pt x="682" y="413"/>
                  </a:lnTo>
                  <a:lnTo>
                    <a:pt x="682" y="411"/>
                  </a:lnTo>
                  <a:lnTo>
                    <a:pt x="684" y="409"/>
                  </a:lnTo>
                  <a:lnTo>
                    <a:pt x="685" y="409"/>
                  </a:lnTo>
                  <a:lnTo>
                    <a:pt x="685" y="407"/>
                  </a:lnTo>
                  <a:lnTo>
                    <a:pt x="687" y="407"/>
                  </a:lnTo>
                  <a:lnTo>
                    <a:pt x="687" y="405"/>
                  </a:lnTo>
                  <a:lnTo>
                    <a:pt x="689" y="405"/>
                  </a:lnTo>
                  <a:lnTo>
                    <a:pt x="691" y="405"/>
                  </a:lnTo>
                  <a:lnTo>
                    <a:pt x="691" y="407"/>
                  </a:lnTo>
                  <a:lnTo>
                    <a:pt x="693" y="405"/>
                  </a:lnTo>
                  <a:lnTo>
                    <a:pt x="695" y="405"/>
                  </a:lnTo>
                  <a:lnTo>
                    <a:pt x="695" y="403"/>
                  </a:lnTo>
                  <a:lnTo>
                    <a:pt x="697" y="403"/>
                  </a:lnTo>
                  <a:lnTo>
                    <a:pt x="698" y="403"/>
                  </a:lnTo>
                  <a:lnTo>
                    <a:pt x="693" y="390"/>
                  </a:lnTo>
                  <a:lnTo>
                    <a:pt x="695" y="392"/>
                  </a:lnTo>
                  <a:lnTo>
                    <a:pt x="697" y="392"/>
                  </a:lnTo>
                  <a:lnTo>
                    <a:pt x="697" y="390"/>
                  </a:lnTo>
                  <a:lnTo>
                    <a:pt x="698" y="390"/>
                  </a:lnTo>
                  <a:lnTo>
                    <a:pt x="700" y="390"/>
                  </a:lnTo>
                  <a:lnTo>
                    <a:pt x="702" y="390"/>
                  </a:lnTo>
                  <a:lnTo>
                    <a:pt x="704" y="392"/>
                  </a:lnTo>
                  <a:lnTo>
                    <a:pt x="713" y="392"/>
                  </a:lnTo>
                  <a:lnTo>
                    <a:pt x="726" y="392"/>
                  </a:lnTo>
                  <a:lnTo>
                    <a:pt x="732" y="392"/>
                  </a:lnTo>
                  <a:lnTo>
                    <a:pt x="733" y="392"/>
                  </a:lnTo>
                  <a:lnTo>
                    <a:pt x="737" y="394"/>
                  </a:lnTo>
                  <a:lnTo>
                    <a:pt x="739" y="394"/>
                  </a:lnTo>
                  <a:lnTo>
                    <a:pt x="741" y="396"/>
                  </a:lnTo>
                  <a:lnTo>
                    <a:pt x="743" y="394"/>
                  </a:lnTo>
                  <a:lnTo>
                    <a:pt x="745" y="394"/>
                  </a:lnTo>
                  <a:lnTo>
                    <a:pt x="745" y="392"/>
                  </a:lnTo>
                  <a:lnTo>
                    <a:pt x="746" y="392"/>
                  </a:lnTo>
                  <a:lnTo>
                    <a:pt x="746" y="390"/>
                  </a:lnTo>
                  <a:lnTo>
                    <a:pt x="748" y="390"/>
                  </a:lnTo>
                  <a:lnTo>
                    <a:pt x="750" y="390"/>
                  </a:lnTo>
                  <a:lnTo>
                    <a:pt x="752" y="390"/>
                  </a:lnTo>
                  <a:lnTo>
                    <a:pt x="752" y="389"/>
                  </a:lnTo>
                  <a:lnTo>
                    <a:pt x="754" y="389"/>
                  </a:lnTo>
                  <a:lnTo>
                    <a:pt x="756" y="389"/>
                  </a:lnTo>
                  <a:lnTo>
                    <a:pt x="758" y="389"/>
                  </a:lnTo>
                  <a:lnTo>
                    <a:pt x="758" y="387"/>
                  </a:lnTo>
                  <a:lnTo>
                    <a:pt x="759" y="387"/>
                  </a:lnTo>
                  <a:lnTo>
                    <a:pt x="759" y="385"/>
                  </a:lnTo>
                  <a:lnTo>
                    <a:pt x="761" y="383"/>
                  </a:lnTo>
                  <a:lnTo>
                    <a:pt x="763" y="383"/>
                  </a:lnTo>
                  <a:lnTo>
                    <a:pt x="763" y="381"/>
                  </a:lnTo>
                  <a:lnTo>
                    <a:pt x="765" y="379"/>
                  </a:lnTo>
                  <a:lnTo>
                    <a:pt x="765" y="378"/>
                  </a:lnTo>
                  <a:lnTo>
                    <a:pt x="765" y="376"/>
                  </a:lnTo>
                  <a:lnTo>
                    <a:pt x="767" y="374"/>
                  </a:lnTo>
                  <a:lnTo>
                    <a:pt x="769" y="374"/>
                  </a:lnTo>
                  <a:lnTo>
                    <a:pt x="769" y="372"/>
                  </a:lnTo>
                  <a:lnTo>
                    <a:pt x="770" y="372"/>
                  </a:lnTo>
                  <a:lnTo>
                    <a:pt x="772" y="370"/>
                  </a:lnTo>
                  <a:lnTo>
                    <a:pt x="776" y="365"/>
                  </a:lnTo>
                  <a:lnTo>
                    <a:pt x="778" y="365"/>
                  </a:lnTo>
                  <a:lnTo>
                    <a:pt x="778" y="363"/>
                  </a:lnTo>
                  <a:lnTo>
                    <a:pt x="778" y="361"/>
                  </a:lnTo>
                  <a:lnTo>
                    <a:pt x="780" y="361"/>
                  </a:lnTo>
                  <a:lnTo>
                    <a:pt x="780" y="359"/>
                  </a:lnTo>
                  <a:lnTo>
                    <a:pt x="782" y="359"/>
                  </a:lnTo>
                  <a:lnTo>
                    <a:pt x="782" y="357"/>
                  </a:lnTo>
                  <a:lnTo>
                    <a:pt x="783" y="357"/>
                  </a:lnTo>
                  <a:lnTo>
                    <a:pt x="783" y="355"/>
                  </a:lnTo>
                  <a:lnTo>
                    <a:pt x="783" y="353"/>
                  </a:lnTo>
                  <a:lnTo>
                    <a:pt x="785" y="353"/>
                  </a:lnTo>
                  <a:lnTo>
                    <a:pt x="785" y="352"/>
                  </a:lnTo>
                  <a:lnTo>
                    <a:pt x="787" y="352"/>
                  </a:lnTo>
                  <a:lnTo>
                    <a:pt x="787" y="350"/>
                  </a:lnTo>
                  <a:lnTo>
                    <a:pt x="787" y="348"/>
                  </a:lnTo>
                  <a:lnTo>
                    <a:pt x="789" y="348"/>
                  </a:lnTo>
                  <a:lnTo>
                    <a:pt x="789" y="346"/>
                  </a:lnTo>
                  <a:lnTo>
                    <a:pt x="791" y="346"/>
                  </a:lnTo>
                  <a:lnTo>
                    <a:pt x="791" y="344"/>
                  </a:lnTo>
                  <a:lnTo>
                    <a:pt x="791" y="342"/>
                  </a:lnTo>
                  <a:lnTo>
                    <a:pt x="791" y="341"/>
                  </a:lnTo>
                  <a:lnTo>
                    <a:pt x="793" y="341"/>
                  </a:lnTo>
                  <a:lnTo>
                    <a:pt x="793" y="339"/>
                  </a:lnTo>
                  <a:lnTo>
                    <a:pt x="793" y="337"/>
                  </a:lnTo>
                  <a:lnTo>
                    <a:pt x="794" y="335"/>
                  </a:lnTo>
                  <a:lnTo>
                    <a:pt x="796" y="335"/>
                  </a:lnTo>
                  <a:lnTo>
                    <a:pt x="798" y="335"/>
                  </a:lnTo>
                  <a:lnTo>
                    <a:pt x="798" y="333"/>
                  </a:lnTo>
                  <a:lnTo>
                    <a:pt x="800" y="333"/>
                  </a:lnTo>
                  <a:lnTo>
                    <a:pt x="802" y="333"/>
                  </a:lnTo>
                  <a:lnTo>
                    <a:pt x="802" y="331"/>
                  </a:lnTo>
                  <a:lnTo>
                    <a:pt x="804" y="331"/>
                  </a:lnTo>
                  <a:lnTo>
                    <a:pt x="804" y="329"/>
                  </a:lnTo>
                  <a:lnTo>
                    <a:pt x="806" y="329"/>
                  </a:lnTo>
                  <a:lnTo>
                    <a:pt x="807" y="329"/>
                  </a:lnTo>
                  <a:lnTo>
                    <a:pt x="809" y="329"/>
                  </a:lnTo>
                  <a:lnTo>
                    <a:pt x="809" y="331"/>
                  </a:lnTo>
                  <a:lnTo>
                    <a:pt x="811" y="331"/>
                  </a:lnTo>
                  <a:lnTo>
                    <a:pt x="813" y="331"/>
                  </a:lnTo>
                  <a:lnTo>
                    <a:pt x="813" y="329"/>
                  </a:lnTo>
                  <a:lnTo>
                    <a:pt x="813" y="328"/>
                  </a:lnTo>
                  <a:lnTo>
                    <a:pt x="813" y="326"/>
                  </a:lnTo>
                  <a:lnTo>
                    <a:pt x="815" y="326"/>
                  </a:lnTo>
                  <a:lnTo>
                    <a:pt x="815" y="324"/>
                  </a:lnTo>
                  <a:lnTo>
                    <a:pt x="815" y="322"/>
                  </a:lnTo>
                  <a:lnTo>
                    <a:pt x="817" y="322"/>
                  </a:lnTo>
                  <a:lnTo>
                    <a:pt x="819" y="320"/>
                  </a:lnTo>
                  <a:lnTo>
                    <a:pt x="819" y="318"/>
                  </a:lnTo>
                  <a:lnTo>
                    <a:pt x="819" y="316"/>
                  </a:lnTo>
                  <a:lnTo>
                    <a:pt x="820" y="316"/>
                  </a:lnTo>
                  <a:lnTo>
                    <a:pt x="822" y="315"/>
                  </a:lnTo>
                  <a:lnTo>
                    <a:pt x="824" y="315"/>
                  </a:lnTo>
                  <a:lnTo>
                    <a:pt x="824" y="313"/>
                  </a:lnTo>
                  <a:lnTo>
                    <a:pt x="831" y="320"/>
                  </a:lnTo>
                  <a:lnTo>
                    <a:pt x="833" y="322"/>
                  </a:lnTo>
                  <a:lnTo>
                    <a:pt x="835" y="324"/>
                  </a:lnTo>
                  <a:lnTo>
                    <a:pt x="835" y="326"/>
                  </a:lnTo>
                  <a:lnTo>
                    <a:pt x="835" y="328"/>
                  </a:lnTo>
                  <a:lnTo>
                    <a:pt x="837" y="329"/>
                  </a:lnTo>
                  <a:lnTo>
                    <a:pt x="843" y="335"/>
                  </a:lnTo>
                  <a:lnTo>
                    <a:pt x="844" y="335"/>
                  </a:lnTo>
                  <a:lnTo>
                    <a:pt x="846" y="337"/>
                  </a:lnTo>
                  <a:lnTo>
                    <a:pt x="848" y="337"/>
                  </a:lnTo>
                  <a:lnTo>
                    <a:pt x="848" y="339"/>
                  </a:lnTo>
                  <a:lnTo>
                    <a:pt x="850" y="339"/>
                  </a:lnTo>
                  <a:lnTo>
                    <a:pt x="850" y="341"/>
                  </a:lnTo>
                  <a:lnTo>
                    <a:pt x="852" y="339"/>
                  </a:lnTo>
                  <a:lnTo>
                    <a:pt x="852" y="337"/>
                  </a:lnTo>
                  <a:lnTo>
                    <a:pt x="854" y="337"/>
                  </a:lnTo>
                  <a:lnTo>
                    <a:pt x="855" y="337"/>
                  </a:lnTo>
                  <a:lnTo>
                    <a:pt x="855" y="335"/>
                  </a:lnTo>
                  <a:lnTo>
                    <a:pt x="857" y="335"/>
                  </a:lnTo>
                  <a:lnTo>
                    <a:pt x="857" y="333"/>
                  </a:lnTo>
                  <a:lnTo>
                    <a:pt x="859" y="333"/>
                  </a:lnTo>
                  <a:lnTo>
                    <a:pt x="859" y="331"/>
                  </a:lnTo>
                  <a:lnTo>
                    <a:pt x="861" y="331"/>
                  </a:lnTo>
                  <a:lnTo>
                    <a:pt x="863" y="331"/>
                  </a:lnTo>
                  <a:lnTo>
                    <a:pt x="865" y="331"/>
                  </a:lnTo>
                  <a:lnTo>
                    <a:pt x="868" y="331"/>
                  </a:lnTo>
                  <a:lnTo>
                    <a:pt x="870" y="331"/>
                  </a:lnTo>
                  <a:lnTo>
                    <a:pt x="870" y="333"/>
                  </a:lnTo>
                  <a:lnTo>
                    <a:pt x="872" y="333"/>
                  </a:lnTo>
                  <a:lnTo>
                    <a:pt x="874" y="333"/>
                  </a:lnTo>
                  <a:lnTo>
                    <a:pt x="876" y="335"/>
                  </a:lnTo>
                  <a:lnTo>
                    <a:pt x="878" y="335"/>
                  </a:lnTo>
                  <a:lnTo>
                    <a:pt x="880" y="335"/>
                  </a:lnTo>
                  <a:lnTo>
                    <a:pt x="880" y="333"/>
                  </a:lnTo>
                  <a:lnTo>
                    <a:pt x="881" y="333"/>
                  </a:lnTo>
                  <a:lnTo>
                    <a:pt x="881" y="331"/>
                  </a:lnTo>
                  <a:lnTo>
                    <a:pt x="883" y="331"/>
                  </a:lnTo>
                  <a:lnTo>
                    <a:pt x="885" y="331"/>
                  </a:lnTo>
                  <a:lnTo>
                    <a:pt x="887" y="331"/>
                  </a:lnTo>
                  <a:lnTo>
                    <a:pt x="889" y="331"/>
                  </a:lnTo>
                  <a:lnTo>
                    <a:pt x="892" y="333"/>
                  </a:lnTo>
                  <a:lnTo>
                    <a:pt x="894" y="333"/>
                  </a:lnTo>
                  <a:lnTo>
                    <a:pt x="896" y="333"/>
                  </a:lnTo>
                  <a:lnTo>
                    <a:pt x="898" y="333"/>
                  </a:lnTo>
                  <a:lnTo>
                    <a:pt x="900" y="333"/>
                  </a:lnTo>
                  <a:lnTo>
                    <a:pt x="902" y="333"/>
                  </a:lnTo>
                  <a:lnTo>
                    <a:pt x="904" y="333"/>
                  </a:lnTo>
                  <a:lnTo>
                    <a:pt x="907" y="333"/>
                  </a:lnTo>
                  <a:lnTo>
                    <a:pt x="909" y="333"/>
                  </a:lnTo>
                  <a:lnTo>
                    <a:pt x="911" y="333"/>
                  </a:lnTo>
                  <a:lnTo>
                    <a:pt x="913" y="335"/>
                  </a:lnTo>
                  <a:lnTo>
                    <a:pt x="915" y="335"/>
                  </a:lnTo>
                  <a:lnTo>
                    <a:pt x="915" y="337"/>
                  </a:lnTo>
                  <a:lnTo>
                    <a:pt x="916" y="339"/>
                  </a:lnTo>
                  <a:lnTo>
                    <a:pt x="918" y="339"/>
                  </a:lnTo>
                  <a:lnTo>
                    <a:pt x="918" y="341"/>
                  </a:lnTo>
                  <a:lnTo>
                    <a:pt x="920" y="341"/>
                  </a:lnTo>
                  <a:lnTo>
                    <a:pt x="920" y="342"/>
                  </a:lnTo>
                  <a:lnTo>
                    <a:pt x="922" y="342"/>
                  </a:lnTo>
                  <a:lnTo>
                    <a:pt x="926" y="342"/>
                  </a:lnTo>
                  <a:lnTo>
                    <a:pt x="928" y="342"/>
                  </a:lnTo>
                  <a:lnTo>
                    <a:pt x="929" y="342"/>
                  </a:lnTo>
                  <a:lnTo>
                    <a:pt x="931" y="344"/>
                  </a:lnTo>
                  <a:lnTo>
                    <a:pt x="931" y="342"/>
                  </a:lnTo>
                  <a:lnTo>
                    <a:pt x="933" y="341"/>
                  </a:lnTo>
                  <a:lnTo>
                    <a:pt x="935" y="341"/>
                  </a:lnTo>
                  <a:lnTo>
                    <a:pt x="937" y="341"/>
                  </a:lnTo>
                  <a:lnTo>
                    <a:pt x="939" y="341"/>
                  </a:lnTo>
                  <a:lnTo>
                    <a:pt x="941" y="341"/>
                  </a:lnTo>
                  <a:lnTo>
                    <a:pt x="942" y="341"/>
                  </a:lnTo>
                  <a:lnTo>
                    <a:pt x="944" y="341"/>
                  </a:lnTo>
                  <a:lnTo>
                    <a:pt x="946" y="339"/>
                  </a:lnTo>
                  <a:lnTo>
                    <a:pt x="948" y="341"/>
                  </a:lnTo>
                  <a:lnTo>
                    <a:pt x="950" y="341"/>
                  </a:lnTo>
                  <a:lnTo>
                    <a:pt x="950" y="339"/>
                  </a:lnTo>
                  <a:lnTo>
                    <a:pt x="953" y="342"/>
                  </a:lnTo>
                  <a:lnTo>
                    <a:pt x="957" y="348"/>
                  </a:lnTo>
                  <a:lnTo>
                    <a:pt x="957" y="346"/>
                  </a:lnTo>
                  <a:lnTo>
                    <a:pt x="959" y="346"/>
                  </a:lnTo>
                  <a:lnTo>
                    <a:pt x="961" y="344"/>
                  </a:lnTo>
                  <a:lnTo>
                    <a:pt x="963" y="344"/>
                  </a:lnTo>
                  <a:lnTo>
                    <a:pt x="965" y="344"/>
                  </a:lnTo>
                  <a:lnTo>
                    <a:pt x="966" y="344"/>
                  </a:lnTo>
                  <a:lnTo>
                    <a:pt x="968" y="346"/>
                  </a:lnTo>
                  <a:lnTo>
                    <a:pt x="968" y="344"/>
                  </a:lnTo>
                  <a:lnTo>
                    <a:pt x="970" y="344"/>
                  </a:lnTo>
                  <a:lnTo>
                    <a:pt x="970" y="346"/>
                  </a:lnTo>
                  <a:lnTo>
                    <a:pt x="974" y="346"/>
                  </a:lnTo>
                  <a:lnTo>
                    <a:pt x="979" y="348"/>
                  </a:lnTo>
                  <a:lnTo>
                    <a:pt x="981" y="348"/>
                  </a:lnTo>
                  <a:lnTo>
                    <a:pt x="983" y="348"/>
                  </a:lnTo>
                  <a:lnTo>
                    <a:pt x="987" y="348"/>
                  </a:lnTo>
                  <a:lnTo>
                    <a:pt x="989" y="350"/>
                  </a:lnTo>
                  <a:lnTo>
                    <a:pt x="989" y="348"/>
                  </a:lnTo>
                  <a:lnTo>
                    <a:pt x="990" y="348"/>
                  </a:lnTo>
                  <a:lnTo>
                    <a:pt x="994" y="348"/>
                  </a:lnTo>
                  <a:lnTo>
                    <a:pt x="996" y="348"/>
                  </a:lnTo>
                  <a:lnTo>
                    <a:pt x="1000" y="348"/>
                  </a:lnTo>
                  <a:lnTo>
                    <a:pt x="1002" y="348"/>
                  </a:lnTo>
                  <a:lnTo>
                    <a:pt x="1003" y="348"/>
                  </a:lnTo>
                  <a:lnTo>
                    <a:pt x="1005" y="348"/>
                  </a:lnTo>
                  <a:lnTo>
                    <a:pt x="1007" y="348"/>
                  </a:lnTo>
                  <a:lnTo>
                    <a:pt x="1011" y="348"/>
                  </a:lnTo>
                  <a:lnTo>
                    <a:pt x="1018" y="350"/>
                  </a:lnTo>
                  <a:lnTo>
                    <a:pt x="1020" y="350"/>
                  </a:lnTo>
                  <a:lnTo>
                    <a:pt x="1022" y="350"/>
                  </a:lnTo>
                  <a:lnTo>
                    <a:pt x="1024" y="352"/>
                  </a:lnTo>
                  <a:lnTo>
                    <a:pt x="1024" y="353"/>
                  </a:lnTo>
                  <a:lnTo>
                    <a:pt x="1026" y="353"/>
                  </a:lnTo>
                  <a:lnTo>
                    <a:pt x="1027" y="355"/>
                  </a:lnTo>
                  <a:lnTo>
                    <a:pt x="1031" y="355"/>
                  </a:lnTo>
                  <a:lnTo>
                    <a:pt x="1033" y="355"/>
                  </a:lnTo>
                  <a:lnTo>
                    <a:pt x="1033" y="357"/>
                  </a:lnTo>
                  <a:lnTo>
                    <a:pt x="1035" y="357"/>
                  </a:lnTo>
                  <a:lnTo>
                    <a:pt x="1037" y="357"/>
                  </a:lnTo>
                  <a:lnTo>
                    <a:pt x="1038" y="357"/>
                  </a:lnTo>
                  <a:lnTo>
                    <a:pt x="1042" y="357"/>
                  </a:lnTo>
                  <a:lnTo>
                    <a:pt x="1044" y="357"/>
                  </a:lnTo>
                  <a:lnTo>
                    <a:pt x="1046" y="357"/>
                  </a:lnTo>
                  <a:lnTo>
                    <a:pt x="1048" y="357"/>
                  </a:lnTo>
                  <a:lnTo>
                    <a:pt x="1050" y="357"/>
                  </a:lnTo>
                  <a:lnTo>
                    <a:pt x="1051" y="359"/>
                  </a:lnTo>
                  <a:lnTo>
                    <a:pt x="1053" y="359"/>
                  </a:lnTo>
                  <a:lnTo>
                    <a:pt x="1055" y="359"/>
                  </a:lnTo>
                  <a:lnTo>
                    <a:pt x="1057" y="359"/>
                  </a:lnTo>
                  <a:lnTo>
                    <a:pt x="1057" y="361"/>
                  </a:lnTo>
                  <a:lnTo>
                    <a:pt x="1059" y="361"/>
                  </a:lnTo>
                  <a:lnTo>
                    <a:pt x="1061" y="361"/>
                  </a:lnTo>
                  <a:lnTo>
                    <a:pt x="1061" y="363"/>
                  </a:lnTo>
                  <a:lnTo>
                    <a:pt x="1063" y="363"/>
                  </a:lnTo>
                  <a:lnTo>
                    <a:pt x="1064" y="363"/>
                  </a:lnTo>
                  <a:lnTo>
                    <a:pt x="1066" y="363"/>
                  </a:lnTo>
                  <a:lnTo>
                    <a:pt x="1066" y="365"/>
                  </a:lnTo>
                  <a:lnTo>
                    <a:pt x="1068" y="365"/>
                  </a:lnTo>
                  <a:lnTo>
                    <a:pt x="1070" y="365"/>
                  </a:lnTo>
                  <a:lnTo>
                    <a:pt x="1072" y="366"/>
                  </a:lnTo>
                  <a:lnTo>
                    <a:pt x="1075" y="370"/>
                  </a:lnTo>
                  <a:lnTo>
                    <a:pt x="1077" y="370"/>
                  </a:lnTo>
                  <a:lnTo>
                    <a:pt x="1079" y="370"/>
                  </a:lnTo>
                  <a:lnTo>
                    <a:pt x="1079" y="372"/>
                  </a:lnTo>
                  <a:lnTo>
                    <a:pt x="1081" y="372"/>
                  </a:lnTo>
                  <a:lnTo>
                    <a:pt x="1083" y="372"/>
                  </a:lnTo>
                  <a:lnTo>
                    <a:pt x="1085" y="374"/>
                  </a:lnTo>
                  <a:lnTo>
                    <a:pt x="1085" y="376"/>
                  </a:lnTo>
                  <a:lnTo>
                    <a:pt x="1085" y="374"/>
                  </a:lnTo>
                  <a:lnTo>
                    <a:pt x="1085" y="376"/>
                  </a:lnTo>
                  <a:lnTo>
                    <a:pt x="1087" y="376"/>
                  </a:lnTo>
                  <a:lnTo>
                    <a:pt x="1087" y="378"/>
                  </a:lnTo>
                  <a:lnTo>
                    <a:pt x="1088" y="378"/>
                  </a:lnTo>
                  <a:lnTo>
                    <a:pt x="1088" y="379"/>
                  </a:lnTo>
                  <a:lnTo>
                    <a:pt x="1088" y="381"/>
                  </a:lnTo>
                  <a:lnTo>
                    <a:pt x="1090" y="381"/>
                  </a:lnTo>
                  <a:lnTo>
                    <a:pt x="1092" y="383"/>
                  </a:lnTo>
                  <a:lnTo>
                    <a:pt x="1094" y="383"/>
                  </a:lnTo>
                  <a:lnTo>
                    <a:pt x="1094" y="385"/>
                  </a:lnTo>
                  <a:lnTo>
                    <a:pt x="1096" y="385"/>
                  </a:lnTo>
                  <a:lnTo>
                    <a:pt x="1096" y="387"/>
                  </a:lnTo>
                  <a:lnTo>
                    <a:pt x="1098" y="389"/>
                  </a:lnTo>
                  <a:lnTo>
                    <a:pt x="1099" y="389"/>
                  </a:lnTo>
                  <a:lnTo>
                    <a:pt x="1101" y="390"/>
                  </a:lnTo>
                  <a:lnTo>
                    <a:pt x="1103" y="392"/>
                  </a:lnTo>
                  <a:lnTo>
                    <a:pt x="1105" y="394"/>
                  </a:lnTo>
                  <a:lnTo>
                    <a:pt x="1105" y="396"/>
                  </a:lnTo>
                  <a:lnTo>
                    <a:pt x="1107" y="394"/>
                  </a:lnTo>
                  <a:lnTo>
                    <a:pt x="1109" y="392"/>
                  </a:lnTo>
                  <a:lnTo>
                    <a:pt x="1111" y="392"/>
                  </a:lnTo>
                  <a:lnTo>
                    <a:pt x="1111" y="390"/>
                  </a:lnTo>
                  <a:lnTo>
                    <a:pt x="1111" y="389"/>
                  </a:lnTo>
                  <a:lnTo>
                    <a:pt x="1112" y="387"/>
                  </a:lnTo>
                  <a:lnTo>
                    <a:pt x="1112" y="385"/>
                  </a:lnTo>
                  <a:lnTo>
                    <a:pt x="1114" y="381"/>
                  </a:lnTo>
                  <a:lnTo>
                    <a:pt x="1114" y="379"/>
                  </a:lnTo>
                  <a:lnTo>
                    <a:pt x="1114" y="378"/>
                  </a:lnTo>
                  <a:lnTo>
                    <a:pt x="1114" y="376"/>
                  </a:lnTo>
                  <a:lnTo>
                    <a:pt x="1114" y="374"/>
                  </a:lnTo>
                  <a:lnTo>
                    <a:pt x="1114" y="372"/>
                  </a:lnTo>
                  <a:lnTo>
                    <a:pt x="1112" y="372"/>
                  </a:lnTo>
                  <a:lnTo>
                    <a:pt x="1112" y="370"/>
                  </a:lnTo>
                  <a:lnTo>
                    <a:pt x="1112" y="368"/>
                  </a:lnTo>
                  <a:lnTo>
                    <a:pt x="1114" y="368"/>
                  </a:lnTo>
                  <a:lnTo>
                    <a:pt x="1114" y="366"/>
                  </a:lnTo>
                  <a:lnTo>
                    <a:pt x="1118" y="366"/>
                  </a:lnTo>
                  <a:lnTo>
                    <a:pt x="1122" y="366"/>
                  </a:lnTo>
                  <a:lnTo>
                    <a:pt x="1124" y="366"/>
                  </a:lnTo>
                  <a:lnTo>
                    <a:pt x="1125" y="366"/>
                  </a:lnTo>
                  <a:lnTo>
                    <a:pt x="1127" y="368"/>
                  </a:lnTo>
                  <a:lnTo>
                    <a:pt x="1129" y="368"/>
                  </a:lnTo>
                  <a:lnTo>
                    <a:pt x="1129" y="366"/>
                  </a:lnTo>
                  <a:lnTo>
                    <a:pt x="1131" y="365"/>
                  </a:lnTo>
                  <a:lnTo>
                    <a:pt x="1133" y="361"/>
                  </a:lnTo>
                  <a:lnTo>
                    <a:pt x="1133" y="359"/>
                  </a:lnTo>
                  <a:lnTo>
                    <a:pt x="1133" y="357"/>
                  </a:lnTo>
                  <a:lnTo>
                    <a:pt x="1133" y="353"/>
                  </a:lnTo>
                  <a:lnTo>
                    <a:pt x="1133" y="352"/>
                  </a:lnTo>
                  <a:lnTo>
                    <a:pt x="1133" y="350"/>
                  </a:lnTo>
                  <a:lnTo>
                    <a:pt x="1131" y="348"/>
                  </a:lnTo>
                  <a:lnTo>
                    <a:pt x="1131" y="346"/>
                  </a:lnTo>
                  <a:lnTo>
                    <a:pt x="1129" y="342"/>
                  </a:lnTo>
                  <a:lnTo>
                    <a:pt x="1129" y="339"/>
                  </a:lnTo>
                  <a:lnTo>
                    <a:pt x="1135" y="337"/>
                  </a:lnTo>
                  <a:lnTo>
                    <a:pt x="1135" y="333"/>
                  </a:lnTo>
                  <a:lnTo>
                    <a:pt x="1136" y="333"/>
                  </a:lnTo>
                  <a:lnTo>
                    <a:pt x="1136" y="331"/>
                  </a:lnTo>
                  <a:lnTo>
                    <a:pt x="1140" y="328"/>
                  </a:lnTo>
                  <a:lnTo>
                    <a:pt x="1140" y="326"/>
                  </a:lnTo>
                  <a:lnTo>
                    <a:pt x="1144" y="324"/>
                  </a:lnTo>
                  <a:lnTo>
                    <a:pt x="1148" y="324"/>
                  </a:lnTo>
                  <a:lnTo>
                    <a:pt x="1149" y="322"/>
                  </a:lnTo>
                  <a:lnTo>
                    <a:pt x="1155" y="316"/>
                  </a:lnTo>
                  <a:lnTo>
                    <a:pt x="1159" y="313"/>
                  </a:lnTo>
                  <a:lnTo>
                    <a:pt x="1149" y="309"/>
                  </a:lnTo>
                  <a:lnTo>
                    <a:pt x="1148" y="309"/>
                  </a:lnTo>
                  <a:lnTo>
                    <a:pt x="1148" y="307"/>
                  </a:lnTo>
                  <a:lnTo>
                    <a:pt x="1146" y="307"/>
                  </a:lnTo>
                  <a:lnTo>
                    <a:pt x="1144" y="307"/>
                  </a:lnTo>
                  <a:lnTo>
                    <a:pt x="1144" y="305"/>
                  </a:lnTo>
                  <a:lnTo>
                    <a:pt x="1144" y="302"/>
                  </a:lnTo>
                  <a:lnTo>
                    <a:pt x="1144" y="296"/>
                  </a:lnTo>
                  <a:lnTo>
                    <a:pt x="1146" y="294"/>
                  </a:lnTo>
                  <a:lnTo>
                    <a:pt x="1146" y="291"/>
                  </a:lnTo>
                  <a:lnTo>
                    <a:pt x="1148" y="285"/>
                  </a:lnTo>
                  <a:lnTo>
                    <a:pt x="1151" y="281"/>
                  </a:lnTo>
                  <a:lnTo>
                    <a:pt x="1153" y="276"/>
                  </a:lnTo>
                  <a:lnTo>
                    <a:pt x="1155" y="270"/>
                  </a:lnTo>
                  <a:lnTo>
                    <a:pt x="1155" y="267"/>
                  </a:lnTo>
                  <a:lnTo>
                    <a:pt x="1160" y="263"/>
                  </a:lnTo>
                  <a:lnTo>
                    <a:pt x="1162" y="263"/>
                  </a:lnTo>
                  <a:lnTo>
                    <a:pt x="1164" y="261"/>
                  </a:lnTo>
                  <a:lnTo>
                    <a:pt x="1164" y="259"/>
                  </a:lnTo>
                  <a:lnTo>
                    <a:pt x="1166" y="255"/>
                  </a:lnTo>
                  <a:lnTo>
                    <a:pt x="1168" y="255"/>
                  </a:lnTo>
                  <a:lnTo>
                    <a:pt x="1168" y="254"/>
                  </a:lnTo>
                  <a:lnTo>
                    <a:pt x="1168" y="252"/>
                  </a:lnTo>
                  <a:lnTo>
                    <a:pt x="1170" y="250"/>
                  </a:lnTo>
                  <a:lnTo>
                    <a:pt x="1170" y="248"/>
                  </a:lnTo>
                  <a:lnTo>
                    <a:pt x="1172" y="246"/>
                  </a:lnTo>
                  <a:lnTo>
                    <a:pt x="1170" y="246"/>
                  </a:lnTo>
                  <a:lnTo>
                    <a:pt x="1172" y="246"/>
                  </a:lnTo>
                  <a:lnTo>
                    <a:pt x="1172" y="244"/>
                  </a:lnTo>
                  <a:lnTo>
                    <a:pt x="1172" y="242"/>
                  </a:lnTo>
                  <a:lnTo>
                    <a:pt x="1172" y="241"/>
                  </a:lnTo>
                  <a:lnTo>
                    <a:pt x="1173" y="239"/>
                  </a:lnTo>
                  <a:lnTo>
                    <a:pt x="1173" y="237"/>
                  </a:lnTo>
                  <a:lnTo>
                    <a:pt x="1175" y="237"/>
                  </a:lnTo>
                  <a:lnTo>
                    <a:pt x="1177" y="237"/>
                  </a:lnTo>
                  <a:lnTo>
                    <a:pt x="1177" y="235"/>
                  </a:lnTo>
                  <a:lnTo>
                    <a:pt x="1179" y="233"/>
                  </a:lnTo>
                  <a:lnTo>
                    <a:pt x="1179" y="231"/>
                  </a:lnTo>
                  <a:lnTo>
                    <a:pt x="1179" y="230"/>
                  </a:lnTo>
                  <a:lnTo>
                    <a:pt x="1179" y="228"/>
                  </a:lnTo>
                  <a:lnTo>
                    <a:pt x="1181" y="228"/>
                  </a:lnTo>
                  <a:lnTo>
                    <a:pt x="1183" y="228"/>
                  </a:lnTo>
                  <a:lnTo>
                    <a:pt x="1185" y="226"/>
                  </a:lnTo>
                  <a:lnTo>
                    <a:pt x="1186" y="226"/>
                  </a:lnTo>
                  <a:lnTo>
                    <a:pt x="1188" y="226"/>
                  </a:lnTo>
                  <a:lnTo>
                    <a:pt x="1190" y="226"/>
                  </a:lnTo>
                  <a:lnTo>
                    <a:pt x="1192" y="226"/>
                  </a:lnTo>
                  <a:lnTo>
                    <a:pt x="1194" y="226"/>
                  </a:lnTo>
                  <a:lnTo>
                    <a:pt x="1196" y="226"/>
                  </a:lnTo>
                  <a:lnTo>
                    <a:pt x="1196" y="224"/>
                  </a:lnTo>
                  <a:lnTo>
                    <a:pt x="1197" y="224"/>
                  </a:lnTo>
                  <a:lnTo>
                    <a:pt x="1197" y="222"/>
                  </a:lnTo>
                  <a:lnTo>
                    <a:pt x="1199" y="222"/>
                  </a:lnTo>
                  <a:lnTo>
                    <a:pt x="1197" y="220"/>
                  </a:lnTo>
                  <a:lnTo>
                    <a:pt x="1197" y="218"/>
                  </a:lnTo>
                  <a:lnTo>
                    <a:pt x="1197" y="217"/>
                  </a:lnTo>
                  <a:lnTo>
                    <a:pt x="1197" y="215"/>
                  </a:lnTo>
                  <a:lnTo>
                    <a:pt x="1197" y="209"/>
                  </a:lnTo>
                  <a:lnTo>
                    <a:pt x="1197" y="207"/>
                  </a:lnTo>
                  <a:lnTo>
                    <a:pt x="1197" y="205"/>
                  </a:lnTo>
                  <a:lnTo>
                    <a:pt x="1197" y="204"/>
                  </a:lnTo>
                  <a:lnTo>
                    <a:pt x="1196" y="200"/>
                  </a:lnTo>
                  <a:lnTo>
                    <a:pt x="1196" y="198"/>
                  </a:lnTo>
                  <a:lnTo>
                    <a:pt x="1197" y="196"/>
                  </a:lnTo>
                  <a:lnTo>
                    <a:pt x="1197" y="194"/>
                  </a:lnTo>
                  <a:lnTo>
                    <a:pt x="1199" y="193"/>
                  </a:lnTo>
                  <a:lnTo>
                    <a:pt x="1201" y="193"/>
                  </a:lnTo>
                  <a:lnTo>
                    <a:pt x="1201" y="191"/>
                  </a:lnTo>
                  <a:lnTo>
                    <a:pt x="1203" y="191"/>
                  </a:lnTo>
                  <a:lnTo>
                    <a:pt x="1203" y="189"/>
                  </a:lnTo>
                  <a:lnTo>
                    <a:pt x="1205" y="189"/>
                  </a:lnTo>
                  <a:lnTo>
                    <a:pt x="1207" y="189"/>
                  </a:lnTo>
                  <a:lnTo>
                    <a:pt x="1209" y="189"/>
                  </a:lnTo>
                  <a:lnTo>
                    <a:pt x="1210" y="189"/>
                  </a:lnTo>
                  <a:lnTo>
                    <a:pt x="1210" y="187"/>
                  </a:lnTo>
                  <a:lnTo>
                    <a:pt x="1212" y="187"/>
                  </a:lnTo>
                  <a:lnTo>
                    <a:pt x="1214" y="185"/>
                  </a:lnTo>
                  <a:lnTo>
                    <a:pt x="1214" y="187"/>
                  </a:lnTo>
                  <a:lnTo>
                    <a:pt x="1216" y="187"/>
                  </a:lnTo>
                  <a:lnTo>
                    <a:pt x="1216" y="185"/>
                  </a:lnTo>
                  <a:lnTo>
                    <a:pt x="1218" y="185"/>
                  </a:lnTo>
                  <a:lnTo>
                    <a:pt x="1220" y="185"/>
                  </a:lnTo>
                  <a:lnTo>
                    <a:pt x="1221" y="185"/>
                  </a:lnTo>
                  <a:lnTo>
                    <a:pt x="1223" y="185"/>
                  </a:lnTo>
                  <a:lnTo>
                    <a:pt x="1225" y="185"/>
                  </a:lnTo>
                  <a:lnTo>
                    <a:pt x="1227" y="185"/>
                  </a:lnTo>
                  <a:lnTo>
                    <a:pt x="1229" y="185"/>
                  </a:lnTo>
                  <a:lnTo>
                    <a:pt x="1231" y="185"/>
                  </a:lnTo>
                  <a:lnTo>
                    <a:pt x="1233" y="183"/>
                  </a:lnTo>
                  <a:lnTo>
                    <a:pt x="1234" y="181"/>
                  </a:lnTo>
                  <a:lnTo>
                    <a:pt x="1234" y="180"/>
                  </a:lnTo>
                  <a:lnTo>
                    <a:pt x="1233" y="178"/>
                  </a:lnTo>
                  <a:lnTo>
                    <a:pt x="1225" y="168"/>
                  </a:lnTo>
                  <a:lnTo>
                    <a:pt x="1223" y="165"/>
                  </a:lnTo>
                  <a:lnTo>
                    <a:pt x="1214" y="156"/>
                  </a:lnTo>
                  <a:lnTo>
                    <a:pt x="1210" y="152"/>
                  </a:lnTo>
                  <a:lnTo>
                    <a:pt x="1199" y="139"/>
                  </a:lnTo>
                  <a:lnTo>
                    <a:pt x="1199" y="137"/>
                  </a:lnTo>
                  <a:lnTo>
                    <a:pt x="1197" y="133"/>
                  </a:lnTo>
                  <a:lnTo>
                    <a:pt x="1196" y="133"/>
                  </a:lnTo>
                  <a:lnTo>
                    <a:pt x="1190" y="124"/>
                  </a:lnTo>
                  <a:lnTo>
                    <a:pt x="1186" y="117"/>
                  </a:lnTo>
                  <a:lnTo>
                    <a:pt x="1185" y="117"/>
                  </a:lnTo>
                  <a:lnTo>
                    <a:pt x="1185" y="115"/>
                  </a:lnTo>
                  <a:lnTo>
                    <a:pt x="1185" y="113"/>
                  </a:lnTo>
                  <a:lnTo>
                    <a:pt x="1183" y="113"/>
                  </a:lnTo>
                  <a:lnTo>
                    <a:pt x="1183" y="111"/>
                  </a:lnTo>
                  <a:lnTo>
                    <a:pt x="1183" y="107"/>
                  </a:lnTo>
                  <a:lnTo>
                    <a:pt x="1181" y="106"/>
                  </a:lnTo>
                  <a:lnTo>
                    <a:pt x="1181" y="104"/>
                  </a:lnTo>
                  <a:lnTo>
                    <a:pt x="1181" y="102"/>
                  </a:lnTo>
                  <a:lnTo>
                    <a:pt x="1179" y="98"/>
                  </a:lnTo>
                  <a:lnTo>
                    <a:pt x="1177" y="96"/>
                  </a:lnTo>
                  <a:lnTo>
                    <a:pt x="1173" y="91"/>
                  </a:lnTo>
                  <a:lnTo>
                    <a:pt x="1164" y="78"/>
                  </a:lnTo>
                  <a:lnTo>
                    <a:pt x="1159" y="69"/>
                  </a:lnTo>
                  <a:lnTo>
                    <a:pt x="1157" y="67"/>
                  </a:lnTo>
                  <a:lnTo>
                    <a:pt x="1151" y="58"/>
                  </a:lnTo>
                  <a:lnTo>
                    <a:pt x="1148" y="52"/>
                  </a:lnTo>
                  <a:lnTo>
                    <a:pt x="1144" y="48"/>
                  </a:lnTo>
                  <a:lnTo>
                    <a:pt x="1142" y="45"/>
                  </a:lnTo>
                  <a:lnTo>
                    <a:pt x="1140" y="43"/>
                  </a:lnTo>
                  <a:lnTo>
                    <a:pt x="1138" y="39"/>
                  </a:lnTo>
                  <a:lnTo>
                    <a:pt x="1136" y="35"/>
                  </a:lnTo>
                  <a:lnTo>
                    <a:pt x="1133" y="30"/>
                  </a:lnTo>
                  <a:lnTo>
                    <a:pt x="1135" y="30"/>
                  </a:lnTo>
                  <a:lnTo>
                    <a:pt x="1135" y="26"/>
                  </a:lnTo>
                  <a:lnTo>
                    <a:pt x="1135" y="24"/>
                  </a:lnTo>
                  <a:lnTo>
                    <a:pt x="1138" y="22"/>
                  </a:lnTo>
                  <a:lnTo>
                    <a:pt x="1140" y="22"/>
                  </a:lnTo>
                  <a:lnTo>
                    <a:pt x="1140" y="21"/>
                  </a:lnTo>
                  <a:lnTo>
                    <a:pt x="1142" y="21"/>
                  </a:lnTo>
                  <a:lnTo>
                    <a:pt x="1142" y="24"/>
                  </a:lnTo>
                  <a:lnTo>
                    <a:pt x="1142" y="26"/>
                  </a:lnTo>
                  <a:lnTo>
                    <a:pt x="1142" y="28"/>
                  </a:lnTo>
                  <a:lnTo>
                    <a:pt x="1144" y="30"/>
                  </a:lnTo>
                  <a:lnTo>
                    <a:pt x="1144" y="32"/>
                  </a:lnTo>
                  <a:lnTo>
                    <a:pt x="1146" y="35"/>
                  </a:lnTo>
                  <a:lnTo>
                    <a:pt x="1148" y="35"/>
                  </a:lnTo>
                  <a:lnTo>
                    <a:pt x="1148" y="33"/>
                  </a:lnTo>
                  <a:lnTo>
                    <a:pt x="1151" y="28"/>
                  </a:lnTo>
                  <a:lnTo>
                    <a:pt x="1153" y="24"/>
                  </a:lnTo>
                  <a:lnTo>
                    <a:pt x="1153" y="22"/>
                  </a:lnTo>
                  <a:lnTo>
                    <a:pt x="1155" y="21"/>
                  </a:lnTo>
                  <a:lnTo>
                    <a:pt x="1157" y="21"/>
                  </a:lnTo>
                  <a:lnTo>
                    <a:pt x="1157" y="19"/>
                  </a:lnTo>
                  <a:lnTo>
                    <a:pt x="1159" y="21"/>
                  </a:lnTo>
                  <a:lnTo>
                    <a:pt x="1164" y="24"/>
                  </a:lnTo>
                  <a:lnTo>
                    <a:pt x="1166" y="24"/>
                  </a:lnTo>
                  <a:lnTo>
                    <a:pt x="1166" y="22"/>
                  </a:lnTo>
                  <a:lnTo>
                    <a:pt x="1166" y="21"/>
                  </a:lnTo>
                  <a:lnTo>
                    <a:pt x="1166" y="19"/>
                  </a:lnTo>
                  <a:lnTo>
                    <a:pt x="1168" y="19"/>
                  </a:lnTo>
                  <a:lnTo>
                    <a:pt x="1170" y="19"/>
                  </a:lnTo>
                  <a:lnTo>
                    <a:pt x="1172" y="21"/>
                  </a:lnTo>
                  <a:lnTo>
                    <a:pt x="1185" y="19"/>
                  </a:lnTo>
                  <a:lnTo>
                    <a:pt x="1186" y="17"/>
                  </a:lnTo>
                  <a:lnTo>
                    <a:pt x="1188" y="15"/>
                  </a:lnTo>
                  <a:lnTo>
                    <a:pt x="1190" y="13"/>
                  </a:lnTo>
                  <a:lnTo>
                    <a:pt x="1190" y="11"/>
                  </a:lnTo>
                  <a:lnTo>
                    <a:pt x="1201" y="8"/>
                  </a:lnTo>
                  <a:lnTo>
                    <a:pt x="1209" y="4"/>
                  </a:lnTo>
                  <a:lnTo>
                    <a:pt x="1209" y="6"/>
                  </a:lnTo>
                  <a:lnTo>
                    <a:pt x="1210" y="6"/>
                  </a:lnTo>
                  <a:lnTo>
                    <a:pt x="1210" y="4"/>
                  </a:lnTo>
                  <a:lnTo>
                    <a:pt x="1210" y="6"/>
                  </a:lnTo>
                  <a:lnTo>
                    <a:pt x="1212" y="6"/>
                  </a:lnTo>
                  <a:lnTo>
                    <a:pt x="1212" y="4"/>
                  </a:lnTo>
                  <a:lnTo>
                    <a:pt x="1214" y="4"/>
                  </a:lnTo>
                  <a:lnTo>
                    <a:pt x="1214" y="2"/>
                  </a:lnTo>
                  <a:lnTo>
                    <a:pt x="1216" y="2"/>
                  </a:lnTo>
                  <a:lnTo>
                    <a:pt x="1218" y="2"/>
                  </a:lnTo>
                  <a:lnTo>
                    <a:pt x="1220" y="2"/>
                  </a:lnTo>
                  <a:lnTo>
                    <a:pt x="1220" y="0"/>
                  </a:lnTo>
                  <a:lnTo>
                    <a:pt x="1221" y="0"/>
                  </a:lnTo>
                  <a:lnTo>
                    <a:pt x="1223" y="2"/>
                  </a:lnTo>
                  <a:lnTo>
                    <a:pt x="1225" y="2"/>
                  </a:lnTo>
                  <a:lnTo>
                    <a:pt x="1227" y="2"/>
                  </a:lnTo>
                  <a:lnTo>
                    <a:pt x="1227" y="4"/>
                  </a:lnTo>
                  <a:lnTo>
                    <a:pt x="1229" y="4"/>
                  </a:lnTo>
                  <a:lnTo>
                    <a:pt x="1229" y="6"/>
                  </a:lnTo>
                  <a:lnTo>
                    <a:pt x="1231" y="6"/>
                  </a:lnTo>
                  <a:lnTo>
                    <a:pt x="1233" y="8"/>
                  </a:lnTo>
                  <a:lnTo>
                    <a:pt x="1234" y="8"/>
                  </a:lnTo>
                  <a:lnTo>
                    <a:pt x="1234" y="9"/>
                  </a:lnTo>
                  <a:lnTo>
                    <a:pt x="1236" y="11"/>
                  </a:lnTo>
                  <a:lnTo>
                    <a:pt x="1238" y="11"/>
                  </a:lnTo>
                  <a:lnTo>
                    <a:pt x="1238" y="13"/>
                  </a:lnTo>
                  <a:lnTo>
                    <a:pt x="1240" y="13"/>
                  </a:lnTo>
                  <a:lnTo>
                    <a:pt x="1240" y="15"/>
                  </a:lnTo>
                  <a:lnTo>
                    <a:pt x="1242" y="17"/>
                  </a:lnTo>
                  <a:lnTo>
                    <a:pt x="1242" y="21"/>
                  </a:lnTo>
                  <a:lnTo>
                    <a:pt x="1242" y="22"/>
                  </a:lnTo>
                  <a:lnTo>
                    <a:pt x="1242" y="24"/>
                  </a:lnTo>
                  <a:lnTo>
                    <a:pt x="1242" y="26"/>
                  </a:lnTo>
                  <a:lnTo>
                    <a:pt x="1242" y="28"/>
                  </a:lnTo>
                  <a:lnTo>
                    <a:pt x="1244" y="28"/>
                  </a:lnTo>
                  <a:lnTo>
                    <a:pt x="1244" y="30"/>
                  </a:lnTo>
                  <a:lnTo>
                    <a:pt x="1246" y="30"/>
                  </a:lnTo>
                  <a:lnTo>
                    <a:pt x="1246" y="32"/>
                  </a:lnTo>
                  <a:lnTo>
                    <a:pt x="1247" y="33"/>
                  </a:lnTo>
                  <a:lnTo>
                    <a:pt x="1249" y="33"/>
                  </a:lnTo>
                  <a:lnTo>
                    <a:pt x="1251" y="33"/>
                  </a:lnTo>
                  <a:lnTo>
                    <a:pt x="1251" y="32"/>
                  </a:lnTo>
                  <a:lnTo>
                    <a:pt x="1253" y="32"/>
                  </a:lnTo>
                  <a:lnTo>
                    <a:pt x="1255" y="32"/>
                  </a:lnTo>
                  <a:lnTo>
                    <a:pt x="1255" y="30"/>
                  </a:lnTo>
                  <a:lnTo>
                    <a:pt x="1257" y="30"/>
                  </a:lnTo>
                  <a:lnTo>
                    <a:pt x="1257" y="28"/>
                  </a:lnTo>
                  <a:lnTo>
                    <a:pt x="1258" y="28"/>
                  </a:lnTo>
                  <a:lnTo>
                    <a:pt x="1260" y="28"/>
                  </a:lnTo>
                  <a:lnTo>
                    <a:pt x="1262" y="26"/>
                  </a:lnTo>
                  <a:lnTo>
                    <a:pt x="1264" y="26"/>
                  </a:lnTo>
                  <a:lnTo>
                    <a:pt x="1266" y="26"/>
                  </a:lnTo>
                  <a:lnTo>
                    <a:pt x="1268" y="26"/>
                  </a:lnTo>
                  <a:lnTo>
                    <a:pt x="1270" y="24"/>
                  </a:lnTo>
                  <a:lnTo>
                    <a:pt x="1271" y="24"/>
                  </a:lnTo>
                  <a:lnTo>
                    <a:pt x="1273" y="24"/>
                  </a:lnTo>
                  <a:lnTo>
                    <a:pt x="1273" y="22"/>
                  </a:lnTo>
                  <a:lnTo>
                    <a:pt x="1275" y="22"/>
                  </a:lnTo>
                  <a:lnTo>
                    <a:pt x="1277" y="22"/>
                  </a:lnTo>
                  <a:lnTo>
                    <a:pt x="1277" y="24"/>
                  </a:lnTo>
                  <a:lnTo>
                    <a:pt x="1279" y="24"/>
                  </a:lnTo>
                  <a:lnTo>
                    <a:pt x="1281" y="24"/>
                  </a:lnTo>
                  <a:lnTo>
                    <a:pt x="1282" y="22"/>
                  </a:lnTo>
                  <a:lnTo>
                    <a:pt x="1284" y="22"/>
                  </a:lnTo>
                  <a:lnTo>
                    <a:pt x="1284" y="21"/>
                  </a:lnTo>
                  <a:lnTo>
                    <a:pt x="1286" y="21"/>
                  </a:lnTo>
                  <a:lnTo>
                    <a:pt x="1288" y="19"/>
                  </a:lnTo>
                  <a:lnTo>
                    <a:pt x="1290" y="19"/>
                  </a:lnTo>
                  <a:lnTo>
                    <a:pt x="1292" y="17"/>
                  </a:lnTo>
                  <a:lnTo>
                    <a:pt x="1294" y="15"/>
                  </a:lnTo>
                  <a:lnTo>
                    <a:pt x="1295" y="15"/>
                  </a:lnTo>
                  <a:lnTo>
                    <a:pt x="1297" y="15"/>
                  </a:lnTo>
                  <a:lnTo>
                    <a:pt x="1297" y="13"/>
                  </a:lnTo>
                  <a:lnTo>
                    <a:pt x="1299" y="13"/>
                  </a:lnTo>
                  <a:lnTo>
                    <a:pt x="1299" y="11"/>
                  </a:lnTo>
                  <a:lnTo>
                    <a:pt x="1301" y="11"/>
                  </a:lnTo>
                  <a:lnTo>
                    <a:pt x="1303" y="11"/>
                  </a:lnTo>
                  <a:lnTo>
                    <a:pt x="1307" y="11"/>
                  </a:lnTo>
                  <a:lnTo>
                    <a:pt x="1307" y="9"/>
                  </a:lnTo>
                  <a:lnTo>
                    <a:pt x="1307" y="8"/>
                  </a:lnTo>
                  <a:lnTo>
                    <a:pt x="1308" y="8"/>
                  </a:lnTo>
                  <a:lnTo>
                    <a:pt x="1308" y="6"/>
                  </a:lnTo>
                  <a:lnTo>
                    <a:pt x="1310" y="6"/>
                  </a:lnTo>
                  <a:lnTo>
                    <a:pt x="1310" y="4"/>
                  </a:lnTo>
                  <a:lnTo>
                    <a:pt x="1312" y="4"/>
                  </a:lnTo>
                  <a:lnTo>
                    <a:pt x="1312" y="6"/>
                  </a:lnTo>
                  <a:lnTo>
                    <a:pt x="1314" y="6"/>
                  </a:lnTo>
                  <a:lnTo>
                    <a:pt x="1316" y="6"/>
                  </a:lnTo>
                  <a:lnTo>
                    <a:pt x="1316" y="8"/>
                  </a:lnTo>
                  <a:lnTo>
                    <a:pt x="1318" y="8"/>
                  </a:lnTo>
                  <a:lnTo>
                    <a:pt x="1318" y="9"/>
                  </a:lnTo>
                  <a:lnTo>
                    <a:pt x="1319" y="9"/>
                  </a:lnTo>
                  <a:lnTo>
                    <a:pt x="1319" y="11"/>
                  </a:lnTo>
                  <a:lnTo>
                    <a:pt x="1321" y="13"/>
                  </a:lnTo>
                  <a:lnTo>
                    <a:pt x="1323" y="13"/>
                  </a:lnTo>
                  <a:lnTo>
                    <a:pt x="1323" y="15"/>
                  </a:lnTo>
                  <a:lnTo>
                    <a:pt x="1325" y="15"/>
                  </a:lnTo>
                  <a:lnTo>
                    <a:pt x="1325" y="17"/>
                  </a:lnTo>
                  <a:lnTo>
                    <a:pt x="1327" y="17"/>
                  </a:lnTo>
                  <a:lnTo>
                    <a:pt x="1329" y="17"/>
                  </a:lnTo>
                  <a:lnTo>
                    <a:pt x="1329" y="19"/>
                  </a:lnTo>
                  <a:lnTo>
                    <a:pt x="1331" y="19"/>
                  </a:lnTo>
                  <a:lnTo>
                    <a:pt x="1331" y="21"/>
                  </a:lnTo>
                  <a:lnTo>
                    <a:pt x="1332" y="21"/>
                  </a:lnTo>
                  <a:lnTo>
                    <a:pt x="1334" y="21"/>
                  </a:lnTo>
                  <a:lnTo>
                    <a:pt x="1334" y="22"/>
                  </a:lnTo>
                  <a:lnTo>
                    <a:pt x="1336" y="22"/>
                  </a:lnTo>
                  <a:lnTo>
                    <a:pt x="1338" y="22"/>
                  </a:lnTo>
                  <a:lnTo>
                    <a:pt x="1340" y="22"/>
                  </a:lnTo>
                  <a:lnTo>
                    <a:pt x="1342" y="22"/>
                  </a:lnTo>
                  <a:lnTo>
                    <a:pt x="1342" y="24"/>
                  </a:lnTo>
                  <a:lnTo>
                    <a:pt x="1343" y="24"/>
                  </a:lnTo>
                  <a:lnTo>
                    <a:pt x="1345" y="24"/>
                  </a:lnTo>
                  <a:lnTo>
                    <a:pt x="1347" y="24"/>
                  </a:lnTo>
                  <a:lnTo>
                    <a:pt x="1349" y="24"/>
                  </a:lnTo>
                  <a:lnTo>
                    <a:pt x="1351" y="24"/>
                  </a:lnTo>
                  <a:lnTo>
                    <a:pt x="1353" y="24"/>
                  </a:lnTo>
                  <a:lnTo>
                    <a:pt x="1355" y="24"/>
                  </a:lnTo>
                  <a:lnTo>
                    <a:pt x="1356" y="24"/>
                  </a:lnTo>
                  <a:lnTo>
                    <a:pt x="1358" y="24"/>
                  </a:lnTo>
                  <a:lnTo>
                    <a:pt x="1358" y="22"/>
                  </a:lnTo>
                  <a:lnTo>
                    <a:pt x="1360" y="22"/>
                  </a:lnTo>
                  <a:lnTo>
                    <a:pt x="1362" y="21"/>
                  </a:lnTo>
                  <a:lnTo>
                    <a:pt x="1364" y="19"/>
                  </a:lnTo>
                  <a:lnTo>
                    <a:pt x="1364" y="17"/>
                  </a:lnTo>
                  <a:lnTo>
                    <a:pt x="1364" y="15"/>
                  </a:lnTo>
                  <a:lnTo>
                    <a:pt x="1364" y="13"/>
                  </a:lnTo>
                  <a:lnTo>
                    <a:pt x="1366" y="13"/>
                  </a:lnTo>
                  <a:lnTo>
                    <a:pt x="1366" y="11"/>
                  </a:lnTo>
                  <a:lnTo>
                    <a:pt x="1368" y="11"/>
                  </a:lnTo>
                  <a:lnTo>
                    <a:pt x="1366" y="11"/>
                  </a:lnTo>
                  <a:lnTo>
                    <a:pt x="1366" y="9"/>
                  </a:lnTo>
                  <a:lnTo>
                    <a:pt x="1368" y="9"/>
                  </a:lnTo>
                  <a:lnTo>
                    <a:pt x="1368" y="8"/>
                  </a:lnTo>
                  <a:lnTo>
                    <a:pt x="1369" y="8"/>
                  </a:lnTo>
                  <a:lnTo>
                    <a:pt x="1371" y="8"/>
                  </a:lnTo>
                  <a:lnTo>
                    <a:pt x="1373" y="8"/>
                  </a:lnTo>
                  <a:lnTo>
                    <a:pt x="1375" y="8"/>
                  </a:lnTo>
                  <a:lnTo>
                    <a:pt x="1377" y="8"/>
                  </a:lnTo>
                  <a:lnTo>
                    <a:pt x="1379" y="8"/>
                  </a:lnTo>
                  <a:lnTo>
                    <a:pt x="1379" y="9"/>
                  </a:lnTo>
                  <a:lnTo>
                    <a:pt x="1379" y="8"/>
                  </a:lnTo>
                  <a:lnTo>
                    <a:pt x="1379" y="9"/>
                  </a:lnTo>
                  <a:lnTo>
                    <a:pt x="1380" y="9"/>
                  </a:lnTo>
                  <a:lnTo>
                    <a:pt x="1382" y="9"/>
                  </a:lnTo>
                  <a:lnTo>
                    <a:pt x="1384" y="9"/>
                  </a:lnTo>
                  <a:lnTo>
                    <a:pt x="1386" y="9"/>
                  </a:lnTo>
                  <a:lnTo>
                    <a:pt x="1388" y="9"/>
                  </a:lnTo>
                  <a:lnTo>
                    <a:pt x="1390" y="9"/>
                  </a:lnTo>
                  <a:lnTo>
                    <a:pt x="1392" y="9"/>
                  </a:lnTo>
                  <a:lnTo>
                    <a:pt x="1392" y="8"/>
                  </a:lnTo>
                  <a:lnTo>
                    <a:pt x="1392" y="9"/>
                  </a:lnTo>
                  <a:lnTo>
                    <a:pt x="1392" y="8"/>
                  </a:lnTo>
                  <a:lnTo>
                    <a:pt x="1393" y="8"/>
                  </a:lnTo>
                  <a:lnTo>
                    <a:pt x="1393" y="6"/>
                  </a:lnTo>
                  <a:lnTo>
                    <a:pt x="1395" y="8"/>
                  </a:lnTo>
                  <a:lnTo>
                    <a:pt x="1395" y="6"/>
                  </a:lnTo>
                  <a:lnTo>
                    <a:pt x="1397" y="6"/>
                  </a:lnTo>
                  <a:lnTo>
                    <a:pt x="1399" y="6"/>
                  </a:lnTo>
                  <a:lnTo>
                    <a:pt x="1401" y="6"/>
                  </a:lnTo>
                  <a:lnTo>
                    <a:pt x="1401" y="8"/>
                  </a:lnTo>
                  <a:lnTo>
                    <a:pt x="1403" y="8"/>
                  </a:lnTo>
                  <a:lnTo>
                    <a:pt x="1405" y="8"/>
                  </a:lnTo>
                  <a:lnTo>
                    <a:pt x="1405" y="6"/>
                  </a:lnTo>
                  <a:lnTo>
                    <a:pt x="1406" y="6"/>
                  </a:lnTo>
                  <a:lnTo>
                    <a:pt x="1408" y="6"/>
                  </a:lnTo>
                  <a:lnTo>
                    <a:pt x="1410" y="6"/>
                  </a:lnTo>
                  <a:lnTo>
                    <a:pt x="1410" y="4"/>
                  </a:lnTo>
                  <a:lnTo>
                    <a:pt x="1412" y="4"/>
                  </a:lnTo>
                  <a:lnTo>
                    <a:pt x="1414" y="4"/>
                  </a:lnTo>
                  <a:lnTo>
                    <a:pt x="1414" y="2"/>
                  </a:lnTo>
                  <a:lnTo>
                    <a:pt x="1417" y="0"/>
                  </a:lnTo>
                  <a:lnTo>
                    <a:pt x="1419" y="0"/>
                  </a:lnTo>
                  <a:lnTo>
                    <a:pt x="1421" y="4"/>
                  </a:lnTo>
                  <a:lnTo>
                    <a:pt x="1421" y="6"/>
                  </a:lnTo>
                  <a:lnTo>
                    <a:pt x="1419" y="8"/>
                  </a:lnTo>
                  <a:lnTo>
                    <a:pt x="1421" y="8"/>
                  </a:lnTo>
                  <a:lnTo>
                    <a:pt x="1421" y="9"/>
                  </a:lnTo>
                  <a:lnTo>
                    <a:pt x="1423" y="9"/>
                  </a:lnTo>
                  <a:lnTo>
                    <a:pt x="1423" y="11"/>
                  </a:lnTo>
                  <a:lnTo>
                    <a:pt x="1425" y="11"/>
                  </a:lnTo>
                  <a:lnTo>
                    <a:pt x="1427" y="11"/>
                  </a:lnTo>
                  <a:lnTo>
                    <a:pt x="1427" y="13"/>
                  </a:lnTo>
                  <a:lnTo>
                    <a:pt x="1429" y="13"/>
                  </a:lnTo>
                  <a:lnTo>
                    <a:pt x="1429" y="15"/>
                  </a:lnTo>
                  <a:lnTo>
                    <a:pt x="1430" y="15"/>
                  </a:lnTo>
                  <a:lnTo>
                    <a:pt x="1432" y="15"/>
                  </a:lnTo>
                  <a:lnTo>
                    <a:pt x="1434" y="15"/>
                  </a:lnTo>
                  <a:lnTo>
                    <a:pt x="1436" y="17"/>
                  </a:lnTo>
                  <a:lnTo>
                    <a:pt x="1438" y="17"/>
                  </a:lnTo>
                  <a:lnTo>
                    <a:pt x="1438" y="19"/>
                  </a:lnTo>
                  <a:lnTo>
                    <a:pt x="1440" y="19"/>
                  </a:lnTo>
                  <a:lnTo>
                    <a:pt x="1441" y="19"/>
                  </a:lnTo>
                  <a:lnTo>
                    <a:pt x="1441" y="21"/>
                  </a:lnTo>
                  <a:lnTo>
                    <a:pt x="1443" y="21"/>
                  </a:lnTo>
                  <a:lnTo>
                    <a:pt x="1445" y="21"/>
                  </a:lnTo>
                  <a:lnTo>
                    <a:pt x="1447" y="21"/>
                  </a:lnTo>
                  <a:lnTo>
                    <a:pt x="1451" y="19"/>
                  </a:lnTo>
                  <a:lnTo>
                    <a:pt x="1454" y="17"/>
                  </a:lnTo>
                  <a:lnTo>
                    <a:pt x="1456" y="17"/>
                  </a:lnTo>
                  <a:lnTo>
                    <a:pt x="1456" y="19"/>
                  </a:lnTo>
                  <a:lnTo>
                    <a:pt x="1458" y="21"/>
                  </a:lnTo>
                  <a:lnTo>
                    <a:pt x="1456" y="22"/>
                  </a:lnTo>
                  <a:lnTo>
                    <a:pt x="1454" y="22"/>
                  </a:lnTo>
                  <a:lnTo>
                    <a:pt x="1454" y="24"/>
                  </a:lnTo>
                  <a:lnTo>
                    <a:pt x="1454" y="26"/>
                  </a:lnTo>
                  <a:lnTo>
                    <a:pt x="1454" y="28"/>
                  </a:lnTo>
                  <a:lnTo>
                    <a:pt x="1454" y="26"/>
                  </a:lnTo>
                  <a:lnTo>
                    <a:pt x="1454" y="28"/>
                  </a:lnTo>
                  <a:lnTo>
                    <a:pt x="1456" y="28"/>
                  </a:lnTo>
                  <a:lnTo>
                    <a:pt x="1456" y="30"/>
                  </a:lnTo>
                  <a:lnTo>
                    <a:pt x="1458" y="30"/>
                  </a:lnTo>
                  <a:lnTo>
                    <a:pt x="1460" y="30"/>
                  </a:lnTo>
                  <a:lnTo>
                    <a:pt x="1460" y="32"/>
                  </a:lnTo>
                  <a:lnTo>
                    <a:pt x="1462" y="32"/>
                  </a:lnTo>
                  <a:lnTo>
                    <a:pt x="1464" y="32"/>
                  </a:lnTo>
                  <a:lnTo>
                    <a:pt x="1464" y="33"/>
                  </a:lnTo>
                  <a:lnTo>
                    <a:pt x="1466" y="33"/>
                  </a:lnTo>
                  <a:lnTo>
                    <a:pt x="1467" y="33"/>
                  </a:lnTo>
                  <a:lnTo>
                    <a:pt x="1469" y="33"/>
                  </a:lnTo>
                  <a:lnTo>
                    <a:pt x="1469" y="35"/>
                  </a:lnTo>
                  <a:lnTo>
                    <a:pt x="1469" y="37"/>
                  </a:lnTo>
                  <a:lnTo>
                    <a:pt x="1471" y="37"/>
                  </a:lnTo>
                  <a:lnTo>
                    <a:pt x="1473" y="37"/>
                  </a:lnTo>
                  <a:lnTo>
                    <a:pt x="1475" y="37"/>
                  </a:lnTo>
                  <a:lnTo>
                    <a:pt x="1477" y="37"/>
                  </a:lnTo>
                  <a:lnTo>
                    <a:pt x="1478" y="37"/>
                  </a:lnTo>
                  <a:lnTo>
                    <a:pt x="1478" y="35"/>
                  </a:lnTo>
                  <a:lnTo>
                    <a:pt x="1478" y="37"/>
                  </a:lnTo>
                  <a:lnTo>
                    <a:pt x="1478" y="35"/>
                  </a:lnTo>
                  <a:lnTo>
                    <a:pt x="1480" y="35"/>
                  </a:lnTo>
                  <a:lnTo>
                    <a:pt x="1482" y="35"/>
                  </a:lnTo>
                  <a:lnTo>
                    <a:pt x="1482" y="37"/>
                  </a:lnTo>
                  <a:lnTo>
                    <a:pt x="1482" y="35"/>
                  </a:lnTo>
                  <a:lnTo>
                    <a:pt x="1482" y="37"/>
                  </a:lnTo>
                  <a:lnTo>
                    <a:pt x="1484" y="37"/>
                  </a:lnTo>
                  <a:lnTo>
                    <a:pt x="1486" y="37"/>
                  </a:lnTo>
                  <a:lnTo>
                    <a:pt x="1488" y="37"/>
                  </a:lnTo>
                  <a:lnTo>
                    <a:pt x="1490" y="37"/>
                  </a:lnTo>
                  <a:lnTo>
                    <a:pt x="1491" y="37"/>
                  </a:lnTo>
                  <a:lnTo>
                    <a:pt x="1493" y="39"/>
                  </a:lnTo>
                  <a:lnTo>
                    <a:pt x="1495" y="39"/>
                  </a:lnTo>
                  <a:lnTo>
                    <a:pt x="1497" y="39"/>
                  </a:lnTo>
                  <a:lnTo>
                    <a:pt x="1499" y="39"/>
                  </a:lnTo>
                  <a:lnTo>
                    <a:pt x="1501" y="39"/>
                  </a:lnTo>
                  <a:lnTo>
                    <a:pt x="1502" y="39"/>
                  </a:lnTo>
                  <a:lnTo>
                    <a:pt x="1504" y="39"/>
                  </a:lnTo>
                  <a:lnTo>
                    <a:pt x="1504" y="37"/>
                  </a:lnTo>
                  <a:lnTo>
                    <a:pt x="1504" y="39"/>
                  </a:lnTo>
                  <a:lnTo>
                    <a:pt x="1504" y="41"/>
                  </a:lnTo>
                  <a:lnTo>
                    <a:pt x="1506" y="41"/>
                  </a:lnTo>
                  <a:lnTo>
                    <a:pt x="1508" y="41"/>
                  </a:lnTo>
                  <a:lnTo>
                    <a:pt x="1510" y="41"/>
                  </a:lnTo>
                  <a:lnTo>
                    <a:pt x="1510" y="43"/>
                  </a:lnTo>
                  <a:lnTo>
                    <a:pt x="1510" y="45"/>
                  </a:lnTo>
                  <a:lnTo>
                    <a:pt x="1510" y="46"/>
                  </a:lnTo>
                  <a:lnTo>
                    <a:pt x="1512" y="46"/>
                  </a:lnTo>
                  <a:lnTo>
                    <a:pt x="1512" y="48"/>
                  </a:lnTo>
                  <a:lnTo>
                    <a:pt x="1512" y="50"/>
                  </a:lnTo>
                  <a:lnTo>
                    <a:pt x="1514" y="50"/>
                  </a:lnTo>
                  <a:lnTo>
                    <a:pt x="1515" y="50"/>
                  </a:lnTo>
                  <a:lnTo>
                    <a:pt x="1517" y="50"/>
                  </a:lnTo>
                  <a:lnTo>
                    <a:pt x="1519" y="50"/>
                  </a:lnTo>
                  <a:lnTo>
                    <a:pt x="1521" y="50"/>
                  </a:lnTo>
                  <a:lnTo>
                    <a:pt x="1523" y="48"/>
                  </a:lnTo>
                  <a:lnTo>
                    <a:pt x="1525" y="48"/>
                  </a:lnTo>
                  <a:lnTo>
                    <a:pt x="1527" y="46"/>
                  </a:lnTo>
                  <a:lnTo>
                    <a:pt x="1527" y="48"/>
                  </a:lnTo>
                  <a:lnTo>
                    <a:pt x="1527" y="46"/>
                  </a:lnTo>
                  <a:lnTo>
                    <a:pt x="1527" y="48"/>
                  </a:lnTo>
                  <a:lnTo>
                    <a:pt x="1528" y="46"/>
                  </a:lnTo>
                  <a:lnTo>
                    <a:pt x="1528" y="48"/>
                  </a:lnTo>
                  <a:lnTo>
                    <a:pt x="1530" y="48"/>
                  </a:lnTo>
                  <a:lnTo>
                    <a:pt x="1532" y="48"/>
                  </a:lnTo>
                  <a:lnTo>
                    <a:pt x="1534" y="48"/>
                  </a:lnTo>
                  <a:lnTo>
                    <a:pt x="1536" y="48"/>
                  </a:lnTo>
                  <a:lnTo>
                    <a:pt x="1536" y="46"/>
                  </a:lnTo>
                  <a:lnTo>
                    <a:pt x="1538" y="46"/>
                  </a:lnTo>
                  <a:lnTo>
                    <a:pt x="1539" y="46"/>
                  </a:lnTo>
                  <a:lnTo>
                    <a:pt x="1539" y="45"/>
                  </a:lnTo>
                  <a:lnTo>
                    <a:pt x="1541" y="45"/>
                  </a:lnTo>
                  <a:lnTo>
                    <a:pt x="1543" y="45"/>
                  </a:lnTo>
                  <a:lnTo>
                    <a:pt x="1545" y="45"/>
                  </a:lnTo>
                  <a:lnTo>
                    <a:pt x="1547" y="45"/>
                  </a:lnTo>
                  <a:lnTo>
                    <a:pt x="1549" y="45"/>
                  </a:lnTo>
                  <a:lnTo>
                    <a:pt x="1551" y="45"/>
                  </a:lnTo>
                  <a:lnTo>
                    <a:pt x="1552" y="45"/>
                  </a:lnTo>
                  <a:lnTo>
                    <a:pt x="1554" y="45"/>
                  </a:lnTo>
                  <a:lnTo>
                    <a:pt x="1556" y="45"/>
                  </a:lnTo>
                  <a:lnTo>
                    <a:pt x="1558" y="45"/>
                  </a:lnTo>
                  <a:lnTo>
                    <a:pt x="1558" y="46"/>
                  </a:lnTo>
                  <a:lnTo>
                    <a:pt x="1560" y="46"/>
                  </a:lnTo>
                  <a:lnTo>
                    <a:pt x="1562" y="45"/>
                  </a:lnTo>
                  <a:lnTo>
                    <a:pt x="1563" y="45"/>
                  </a:lnTo>
                  <a:lnTo>
                    <a:pt x="1565" y="45"/>
                  </a:lnTo>
                  <a:lnTo>
                    <a:pt x="1565" y="46"/>
                  </a:lnTo>
                  <a:lnTo>
                    <a:pt x="1565" y="48"/>
                  </a:lnTo>
                  <a:lnTo>
                    <a:pt x="1567" y="50"/>
                  </a:lnTo>
                  <a:lnTo>
                    <a:pt x="1569" y="50"/>
                  </a:lnTo>
                  <a:lnTo>
                    <a:pt x="1569" y="52"/>
                  </a:lnTo>
                  <a:lnTo>
                    <a:pt x="1571" y="52"/>
                  </a:lnTo>
                  <a:lnTo>
                    <a:pt x="1571" y="54"/>
                  </a:lnTo>
                  <a:lnTo>
                    <a:pt x="1573" y="54"/>
                  </a:lnTo>
                  <a:lnTo>
                    <a:pt x="1573" y="56"/>
                  </a:lnTo>
                  <a:lnTo>
                    <a:pt x="1575" y="58"/>
                  </a:lnTo>
                  <a:lnTo>
                    <a:pt x="1575" y="59"/>
                  </a:lnTo>
                  <a:lnTo>
                    <a:pt x="1576" y="59"/>
                  </a:lnTo>
                  <a:lnTo>
                    <a:pt x="1578" y="59"/>
                  </a:lnTo>
                  <a:lnTo>
                    <a:pt x="1580" y="59"/>
                  </a:lnTo>
                  <a:lnTo>
                    <a:pt x="1580" y="61"/>
                  </a:lnTo>
                  <a:lnTo>
                    <a:pt x="1582" y="61"/>
                  </a:lnTo>
                  <a:lnTo>
                    <a:pt x="1584" y="61"/>
                  </a:lnTo>
                  <a:lnTo>
                    <a:pt x="1584" y="63"/>
                  </a:lnTo>
                  <a:lnTo>
                    <a:pt x="1584" y="61"/>
                  </a:lnTo>
                  <a:lnTo>
                    <a:pt x="1586" y="61"/>
                  </a:lnTo>
                  <a:lnTo>
                    <a:pt x="1586" y="63"/>
                  </a:lnTo>
                  <a:lnTo>
                    <a:pt x="1588" y="63"/>
                  </a:lnTo>
                  <a:lnTo>
                    <a:pt x="1588" y="65"/>
                  </a:lnTo>
                  <a:lnTo>
                    <a:pt x="1589" y="65"/>
                  </a:lnTo>
                  <a:lnTo>
                    <a:pt x="1589" y="67"/>
                  </a:lnTo>
                  <a:lnTo>
                    <a:pt x="1591" y="67"/>
                  </a:lnTo>
                  <a:lnTo>
                    <a:pt x="1591" y="69"/>
                  </a:lnTo>
                  <a:lnTo>
                    <a:pt x="1593" y="69"/>
                  </a:lnTo>
                  <a:lnTo>
                    <a:pt x="1595" y="70"/>
                  </a:lnTo>
                  <a:lnTo>
                    <a:pt x="1595" y="72"/>
                  </a:lnTo>
                  <a:lnTo>
                    <a:pt x="1597" y="72"/>
                  </a:lnTo>
                  <a:lnTo>
                    <a:pt x="1597" y="74"/>
                  </a:lnTo>
                  <a:lnTo>
                    <a:pt x="1599" y="74"/>
                  </a:lnTo>
                  <a:lnTo>
                    <a:pt x="1600" y="74"/>
                  </a:lnTo>
                  <a:lnTo>
                    <a:pt x="1600" y="76"/>
                  </a:lnTo>
                  <a:lnTo>
                    <a:pt x="1602" y="76"/>
                  </a:lnTo>
                  <a:lnTo>
                    <a:pt x="1602" y="78"/>
                  </a:lnTo>
                  <a:lnTo>
                    <a:pt x="1604" y="78"/>
                  </a:lnTo>
                  <a:lnTo>
                    <a:pt x="1606" y="78"/>
                  </a:lnTo>
                  <a:lnTo>
                    <a:pt x="1606" y="76"/>
                  </a:lnTo>
                  <a:lnTo>
                    <a:pt x="1606" y="78"/>
                  </a:lnTo>
                  <a:lnTo>
                    <a:pt x="1608" y="78"/>
                  </a:lnTo>
                  <a:lnTo>
                    <a:pt x="1608" y="76"/>
                  </a:lnTo>
                  <a:lnTo>
                    <a:pt x="1610" y="76"/>
                  </a:lnTo>
                  <a:lnTo>
                    <a:pt x="1610" y="78"/>
                  </a:lnTo>
                  <a:lnTo>
                    <a:pt x="1612" y="78"/>
                  </a:lnTo>
                  <a:lnTo>
                    <a:pt x="1613" y="78"/>
                  </a:lnTo>
                  <a:lnTo>
                    <a:pt x="1615" y="78"/>
                  </a:lnTo>
                  <a:lnTo>
                    <a:pt x="1615" y="80"/>
                  </a:lnTo>
                  <a:lnTo>
                    <a:pt x="1617" y="80"/>
                  </a:lnTo>
                  <a:lnTo>
                    <a:pt x="1619" y="82"/>
                  </a:lnTo>
                  <a:lnTo>
                    <a:pt x="1621" y="82"/>
                  </a:lnTo>
                  <a:lnTo>
                    <a:pt x="1621" y="83"/>
                  </a:lnTo>
                  <a:lnTo>
                    <a:pt x="1623" y="85"/>
                  </a:lnTo>
                  <a:lnTo>
                    <a:pt x="1624" y="85"/>
                  </a:lnTo>
                  <a:lnTo>
                    <a:pt x="1624" y="87"/>
                  </a:lnTo>
                  <a:lnTo>
                    <a:pt x="1626" y="87"/>
                  </a:lnTo>
                  <a:lnTo>
                    <a:pt x="1628" y="87"/>
                  </a:lnTo>
                  <a:lnTo>
                    <a:pt x="1628" y="89"/>
                  </a:lnTo>
                  <a:lnTo>
                    <a:pt x="1630" y="91"/>
                  </a:lnTo>
                  <a:lnTo>
                    <a:pt x="1630" y="93"/>
                  </a:lnTo>
                  <a:lnTo>
                    <a:pt x="1632" y="93"/>
                  </a:lnTo>
                  <a:lnTo>
                    <a:pt x="1634" y="91"/>
                  </a:lnTo>
                  <a:lnTo>
                    <a:pt x="1634" y="93"/>
                  </a:lnTo>
                  <a:lnTo>
                    <a:pt x="1636" y="93"/>
                  </a:lnTo>
                  <a:lnTo>
                    <a:pt x="1634" y="93"/>
                  </a:lnTo>
                  <a:lnTo>
                    <a:pt x="1636" y="93"/>
                  </a:lnTo>
                  <a:lnTo>
                    <a:pt x="1634" y="93"/>
                  </a:lnTo>
                  <a:lnTo>
                    <a:pt x="1636" y="95"/>
                  </a:lnTo>
                  <a:lnTo>
                    <a:pt x="1637" y="95"/>
                  </a:lnTo>
                  <a:lnTo>
                    <a:pt x="1637" y="96"/>
                  </a:lnTo>
                  <a:lnTo>
                    <a:pt x="1637" y="95"/>
                  </a:lnTo>
                  <a:lnTo>
                    <a:pt x="1639" y="95"/>
                  </a:lnTo>
                  <a:lnTo>
                    <a:pt x="1641" y="96"/>
                  </a:lnTo>
                  <a:lnTo>
                    <a:pt x="1641" y="95"/>
                  </a:lnTo>
                  <a:lnTo>
                    <a:pt x="1643" y="95"/>
                  </a:lnTo>
                  <a:lnTo>
                    <a:pt x="1639" y="95"/>
                  </a:lnTo>
                  <a:lnTo>
                    <a:pt x="1641" y="93"/>
                  </a:lnTo>
                  <a:lnTo>
                    <a:pt x="1645" y="91"/>
                  </a:lnTo>
                  <a:lnTo>
                    <a:pt x="1645" y="89"/>
                  </a:lnTo>
                  <a:lnTo>
                    <a:pt x="1647" y="89"/>
                  </a:lnTo>
                  <a:lnTo>
                    <a:pt x="1649" y="89"/>
                  </a:lnTo>
                  <a:lnTo>
                    <a:pt x="1650" y="89"/>
                  </a:lnTo>
                  <a:lnTo>
                    <a:pt x="1650" y="87"/>
                  </a:lnTo>
                  <a:lnTo>
                    <a:pt x="1652" y="87"/>
                  </a:lnTo>
                  <a:lnTo>
                    <a:pt x="1654" y="87"/>
                  </a:lnTo>
                  <a:lnTo>
                    <a:pt x="1656" y="87"/>
                  </a:lnTo>
                  <a:lnTo>
                    <a:pt x="1658" y="87"/>
                  </a:lnTo>
                  <a:lnTo>
                    <a:pt x="1660" y="87"/>
                  </a:lnTo>
                  <a:lnTo>
                    <a:pt x="1661" y="87"/>
                  </a:lnTo>
                  <a:lnTo>
                    <a:pt x="1661" y="85"/>
                  </a:lnTo>
                  <a:lnTo>
                    <a:pt x="1663" y="85"/>
                  </a:lnTo>
                  <a:lnTo>
                    <a:pt x="1663" y="83"/>
                  </a:lnTo>
                  <a:lnTo>
                    <a:pt x="1665" y="83"/>
                  </a:lnTo>
                  <a:lnTo>
                    <a:pt x="1665" y="82"/>
                  </a:lnTo>
                  <a:lnTo>
                    <a:pt x="1667" y="82"/>
                  </a:lnTo>
                  <a:lnTo>
                    <a:pt x="1669" y="72"/>
                  </a:lnTo>
                  <a:lnTo>
                    <a:pt x="1671" y="72"/>
                  </a:lnTo>
                  <a:lnTo>
                    <a:pt x="1671" y="74"/>
                  </a:lnTo>
                  <a:lnTo>
                    <a:pt x="1673" y="74"/>
                  </a:lnTo>
                  <a:lnTo>
                    <a:pt x="1674" y="74"/>
                  </a:lnTo>
                  <a:lnTo>
                    <a:pt x="1676" y="74"/>
                  </a:lnTo>
                  <a:lnTo>
                    <a:pt x="1676" y="76"/>
                  </a:lnTo>
                  <a:lnTo>
                    <a:pt x="1678" y="76"/>
                  </a:lnTo>
                  <a:lnTo>
                    <a:pt x="1680" y="76"/>
                  </a:lnTo>
                  <a:lnTo>
                    <a:pt x="1682" y="76"/>
                  </a:lnTo>
                  <a:lnTo>
                    <a:pt x="1684" y="76"/>
                  </a:lnTo>
                  <a:lnTo>
                    <a:pt x="1685" y="76"/>
                  </a:lnTo>
                  <a:lnTo>
                    <a:pt x="1687" y="76"/>
                  </a:lnTo>
                  <a:lnTo>
                    <a:pt x="1689" y="76"/>
                  </a:lnTo>
                  <a:lnTo>
                    <a:pt x="1691" y="76"/>
                  </a:lnTo>
                  <a:lnTo>
                    <a:pt x="1693" y="76"/>
                  </a:lnTo>
                  <a:lnTo>
                    <a:pt x="1695" y="78"/>
                  </a:lnTo>
                  <a:lnTo>
                    <a:pt x="1697" y="78"/>
                  </a:lnTo>
                  <a:lnTo>
                    <a:pt x="1697" y="80"/>
                  </a:lnTo>
                  <a:lnTo>
                    <a:pt x="1697" y="82"/>
                  </a:lnTo>
                  <a:lnTo>
                    <a:pt x="1698" y="82"/>
                  </a:lnTo>
                  <a:lnTo>
                    <a:pt x="1697" y="82"/>
                  </a:lnTo>
                  <a:lnTo>
                    <a:pt x="1698" y="82"/>
                  </a:lnTo>
                  <a:lnTo>
                    <a:pt x="1698" y="83"/>
                  </a:lnTo>
                  <a:lnTo>
                    <a:pt x="1698" y="85"/>
                  </a:lnTo>
                  <a:lnTo>
                    <a:pt x="1697" y="85"/>
                  </a:lnTo>
                  <a:lnTo>
                    <a:pt x="1695" y="85"/>
                  </a:lnTo>
                  <a:lnTo>
                    <a:pt x="1695" y="87"/>
                  </a:lnTo>
                  <a:lnTo>
                    <a:pt x="1693" y="87"/>
                  </a:lnTo>
                  <a:lnTo>
                    <a:pt x="1695" y="87"/>
                  </a:lnTo>
                  <a:lnTo>
                    <a:pt x="1693" y="87"/>
                  </a:lnTo>
                  <a:lnTo>
                    <a:pt x="1693" y="89"/>
                  </a:lnTo>
                  <a:lnTo>
                    <a:pt x="1691" y="91"/>
                  </a:lnTo>
                  <a:lnTo>
                    <a:pt x="1689" y="91"/>
                  </a:lnTo>
                  <a:lnTo>
                    <a:pt x="1687" y="91"/>
                  </a:lnTo>
                  <a:lnTo>
                    <a:pt x="1687" y="93"/>
                  </a:lnTo>
                  <a:lnTo>
                    <a:pt x="1685" y="93"/>
                  </a:lnTo>
                  <a:lnTo>
                    <a:pt x="1685" y="95"/>
                  </a:lnTo>
                  <a:lnTo>
                    <a:pt x="1687" y="95"/>
                  </a:lnTo>
                  <a:lnTo>
                    <a:pt x="1687" y="96"/>
                  </a:lnTo>
                  <a:lnTo>
                    <a:pt x="1687" y="98"/>
                  </a:lnTo>
                  <a:lnTo>
                    <a:pt x="1687" y="100"/>
                  </a:lnTo>
                  <a:lnTo>
                    <a:pt x="1685" y="100"/>
                  </a:lnTo>
                  <a:lnTo>
                    <a:pt x="1687" y="100"/>
                  </a:lnTo>
                  <a:lnTo>
                    <a:pt x="1687" y="102"/>
                  </a:lnTo>
                  <a:lnTo>
                    <a:pt x="1689" y="102"/>
                  </a:lnTo>
                  <a:lnTo>
                    <a:pt x="1689" y="104"/>
                  </a:lnTo>
                  <a:lnTo>
                    <a:pt x="1689" y="106"/>
                  </a:lnTo>
                  <a:lnTo>
                    <a:pt x="1698" y="111"/>
                  </a:lnTo>
                  <a:lnTo>
                    <a:pt x="1700" y="111"/>
                  </a:lnTo>
                  <a:lnTo>
                    <a:pt x="1700" y="113"/>
                  </a:lnTo>
                  <a:lnTo>
                    <a:pt x="1702" y="113"/>
                  </a:lnTo>
                  <a:lnTo>
                    <a:pt x="1704" y="115"/>
                  </a:lnTo>
                  <a:lnTo>
                    <a:pt x="1706" y="115"/>
                  </a:lnTo>
                  <a:lnTo>
                    <a:pt x="1708" y="115"/>
                  </a:lnTo>
                  <a:lnTo>
                    <a:pt x="1708" y="117"/>
                  </a:lnTo>
                  <a:lnTo>
                    <a:pt x="1710" y="117"/>
                  </a:lnTo>
                  <a:lnTo>
                    <a:pt x="1708" y="117"/>
                  </a:lnTo>
                  <a:lnTo>
                    <a:pt x="1710" y="117"/>
                  </a:lnTo>
                  <a:lnTo>
                    <a:pt x="1711" y="117"/>
                  </a:lnTo>
                  <a:lnTo>
                    <a:pt x="1711" y="119"/>
                  </a:lnTo>
                  <a:lnTo>
                    <a:pt x="1711" y="120"/>
                  </a:lnTo>
                  <a:lnTo>
                    <a:pt x="1711" y="122"/>
                  </a:lnTo>
                  <a:lnTo>
                    <a:pt x="1711" y="124"/>
                  </a:lnTo>
                  <a:lnTo>
                    <a:pt x="1713" y="124"/>
                  </a:lnTo>
                  <a:lnTo>
                    <a:pt x="1713" y="126"/>
                  </a:lnTo>
                  <a:lnTo>
                    <a:pt x="1713" y="128"/>
                  </a:lnTo>
                  <a:lnTo>
                    <a:pt x="1713" y="130"/>
                  </a:lnTo>
                  <a:lnTo>
                    <a:pt x="1713" y="132"/>
                  </a:lnTo>
                  <a:lnTo>
                    <a:pt x="1713" y="133"/>
                  </a:lnTo>
                  <a:lnTo>
                    <a:pt x="1715" y="133"/>
                  </a:lnTo>
                  <a:lnTo>
                    <a:pt x="1715" y="135"/>
                  </a:lnTo>
                  <a:lnTo>
                    <a:pt x="1715" y="137"/>
                  </a:lnTo>
                  <a:lnTo>
                    <a:pt x="1717" y="137"/>
                  </a:lnTo>
                  <a:lnTo>
                    <a:pt x="1717" y="139"/>
                  </a:lnTo>
                  <a:lnTo>
                    <a:pt x="1717" y="141"/>
                  </a:lnTo>
                  <a:lnTo>
                    <a:pt x="1715" y="143"/>
                  </a:lnTo>
                  <a:lnTo>
                    <a:pt x="1713" y="143"/>
                  </a:lnTo>
                  <a:lnTo>
                    <a:pt x="1713" y="144"/>
                  </a:lnTo>
                  <a:lnTo>
                    <a:pt x="1711" y="144"/>
                  </a:lnTo>
                  <a:lnTo>
                    <a:pt x="1710" y="146"/>
                  </a:lnTo>
                  <a:lnTo>
                    <a:pt x="1710" y="148"/>
                  </a:lnTo>
                  <a:lnTo>
                    <a:pt x="1710" y="146"/>
                  </a:lnTo>
                  <a:lnTo>
                    <a:pt x="1710" y="148"/>
                  </a:lnTo>
                  <a:lnTo>
                    <a:pt x="1708" y="148"/>
                  </a:lnTo>
                  <a:lnTo>
                    <a:pt x="1708" y="150"/>
                  </a:lnTo>
                  <a:lnTo>
                    <a:pt x="1706" y="150"/>
                  </a:lnTo>
                  <a:lnTo>
                    <a:pt x="1706" y="152"/>
                  </a:lnTo>
                  <a:lnTo>
                    <a:pt x="1706" y="154"/>
                  </a:lnTo>
                  <a:lnTo>
                    <a:pt x="1704" y="154"/>
                  </a:lnTo>
                  <a:lnTo>
                    <a:pt x="1706" y="154"/>
                  </a:lnTo>
                  <a:lnTo>
                    <a:pt x="1706" y="156"/>
                  </a:lnTo>
                  <a:lnTo>
                    <a:pt x="1706" y="157"/>
                  </a:lnTo>
                  <a:lnTo>
                    <a:pt x="1708" y="157"/>
                  </a:lnTo>
                  <a:lnTo>
                    <a:pt x="1706" y="157"/>
                  </a:lnTo>
                  <a:lnTo>
                    <a:pt x="1706" y="159"/>
                  </a:lnTo>
                  <a:lnTo>
                    <a:pt x="1704" y="161"/>
                  </a:lnTo>
                  <a:lnTo>
                    <a:pt x="1704" y="163"/>
                  </a:lnTo>
                  <a:lnTo>
                    <a:pt x="1702" y="163"/>
                  </a:lnTo>
                  <a:lnTo>
                    <a:pt x="1702" y="165"/>
                  </a:lnTo>
                  <a:lnTo>
                    <a:pt x="1700" y="165"/>
                  </a:lnTo>
                  <a:lnTo>
                    <a:pt x="1700" y="167"/>
                  </a:lnTo>
                  <a:lnTo>
                    <a:pt x="1700" y="168"/>
                  </a:lnTo>
                  <a:lnTo>
                    <a:pt x="1700" y="170"/>
                  </a:lnTo>
                  <a:lnTo>
                    <a:pt x="1698" y="170"/>
                  </a:lnTo>
                  <a:lnTo>
                    <a:pt x="1697" y="170"/>
                  </a:lnTo>
                  <a:lnTo>
                    <a:pt x="1697" y="172"/>
                  </a:lnTo>
                  <a:lnTo>
                    <a:pt x="1695" y="172"/>
                  </a:lnTo>
                  <a:lnTo>
                    <a:pt x="1695" y="174"/>
                  </a:lnTo>
                  <a:lnTo>
                    <a:pt x="1695" y="176"/>
                  </a:lnTo>
                  <a:lnTo>
                    <a:pt x="1693" y="176"/>
                  </a:lnTo>
                  <a:lnTo>
                    <a:pt x="1693" y="178"/>
                  </a:lnTo>
                  <a:lnTo>
                    <a:pt x="1695" y="178"/>
                  </a:lnTo>
                  <a:lnTo>
                    <a:pt x="1695" y="180"/>
                  </a:lnTo>
                  <a:lnTo>
                    <a:pt x="1697" y="180"/>
                  </a:lnTo>
                  <a:lnTo>
                    <a:pt x="1697" y="181"/>
                  </a:lnTo>
                  <a:lnTo>
                    <a:pt x="1695" y="183"/>
                  </a:lnTo>
                  <a:lnTo>
                    <a:pt x="1695" y="185"/>
                  </a:lnTo>
                  <a:lnTo>
                    <a:pt x="1695" y="187"/>
                  </a:lnTo>
                  <a:lnTo>
                    <a:pt x="1693" y="189"/>
                  </a:lnTo>
                  <a:lnTo>
                    <a:pt x="1691" y="191"/>
                  </a:lnTo>
                  <a:lnTo>
                    <a:pt x="1691" y="193"/>
                  </a:lnTo>
                  <a:lnTo>
                    <a:pt x="1689" y="193"/>
                  </a:lnTo>
                  <a:lnTo>
                    <a:pt x="1689" y="194"/>
                  </a:lnTo>
                  <a:lnTo>
                    <a:pt x="1691" y="196"/>
                  </a:lnTo>
                  <a:lnTo>
                    <a:pt x="1691" y="198"/>
                  </a:lnTo>
                  <a:lnTo>
                    <a:pt x="1693" y="198"/>
                  </a:lnTo>
                  <a:lnTo>
                    <a:pt x="1693" y="200"/>
                  </a:lnTo>
                  <a:lnTo>
                    <a:pt x="1695" y="202"/>
                  </a:lnTo>
                  <a:lnTo>
                    <a:pt x="1697" y="202"/>
                  </a:lnTo>
                  <a:lnTo>
                    <a:pt x="1697" y="204"/>
                  </a:lnTo>
                  <a:lnTo>
                    <a:pt x="1698" y="204"/>
                  </a:lnTo>
                  <a:lnTo>
                    <a:pt x="1698" y="205"/>
                  </a:lnTo>
                  <a:lnTo>
                    <a:pt x="1700" y="205"/>
                  </a:lnTo>
                  <a:lnTo>
                    <a:pt x="1700" y="207"/>
                  </a:lnTo>
                  <a:lnTo>
                    <a:pt x="1700" y="209"/>
                  </a:lnTo>
                  <a:lnTo>
                    <a:pt x="1700" y="211"/>
                  </a:lnTo>
                  <a:lnTo>
                    <a:pt x="1698" y="211"/>
                  </a:lnTo>
                  <a:lnTo>
                    <a:pt x="1698" y="213"/>
                  </a:lnTo>
                  <a:lnTo>
                    <a:pt x="1698" y="215"/>
                  </a:lnTo>
                  <a:lnTo>
                    <a:pt x="1698" y="217"/>
                  </a:lnTo>
                  <a:lnTo>
                    <a:pt x="1698" y="218"/>
                  </a:lnTo>
                  <a:lnTo>
                    <a:pt x="1697" y="218"/>
                  </a:lnTo>
                  <a:lnTo>
                    <a:pt x="1697" y="220"/>
                  </a:lnTo>
                  <a:lnTo>
                    <a:pt x="1695" y="220"/>
                  </a:lnTo>
                  <a:lnTo>
                    <a:pt x="1695" y="222"/>
                  </a:lnTo>
                  <a:lnTo>
                    <a:pt x="1697" y="222"/>
                  </a:lnTo>
                  <a:lnTo>
                    <a:pt x="1697" y="224"/>
                  </a:lnTo>
                  <a:lnTo>
                    <a:pt x="1697" y="226"/>
                  </a:lnTo>
                  <a:lnTo>
                    <a:pt x="1698" y="226"/>
                  </a:lnTo>
                  <a:lnTo>
                    <a:pt x="1698" y="228"/>
                  </a:lnTo>
                  <a:lnTo>
                    <a:pt x="1698" y="230"/>
                  </a:lnTo>
                  <a:lnTo>
                    <a:pt x="1698" y="231"/>
                  </a:lnTo>
                  <a:lnTo>
                    <a:pt x="1698" y="233"/>
                  </a:lnTo>
                  <a:lnTo>
                    <a:pt x="1698" y="235"/>
                  </a:lnTo>
                  <a:lnTo>
                    <a:pt x="1698" y="237"/>
                  </a:lnTo>
                  <a:lnTo>
                    <a:pt x="1698" y="239"/>
                  </a:lnTo>
                  <a:lnTo>
                    <a:pt x="1698" y="241"/>
                  </a:lnTo>
                  <a:lnTo>
                    <a:pt x="1700" y="241"/>
                  </a:lnTo>
                  <a:lnTo>
                    <a:pt x="1702" y="241"/>
                  </a:lnTo>
                  <a:lnTo>
                    <a:pt x="1704" y="241"/>
                  </a:lnTo>
                  <a:lnTo>
                    <a:pt x="1704" y="242"/>
                  </a:lnTo>
                  <a:lnTo>
                    <a:pt x="1702" y="242"/>
                  </a:lnTo>
                  <a:lnTo>
                    <a:pt x="1702" y="244"/>
                  </a:lnTo>
                  <a:lnTo>
                    <a:pt x="1700" y="244"/>
                  </a:lnTo>
                  <a:lnTo>
                    <a:pt x="1700" y="246"/>
                  </a:lnTo>
                  <a:lnTo>
                    <a:pt x="1700" y="248"/>
                  </a:lnTo>
                  <a:lnTo>
                    <a:pt x="1698" y="248"/>
                  </a:lnTo>
                  <a:lnTo>
                    <a:pt x="1698" y="250"/>
                  </a:lnTo>
                  <a:lnTo>
                    <a:pt x="1698" y="252"/>
                  </a:lnTo>
                  <a:lnTo>
                    <a:pt x="1700" y="254"/>
                  </a:lnTo>
                  <a:lnTo>
                    <a:pt x="1702" y="252"/>
                  </a:lnTo>
                  <a:lnTo>
                    <a:pt x="1704" y="252"/>
                  </a:lnTo>
                  <a:lnTo>
                    <a:pt x="1706" y="252"/>
                  </a:lnTo>
                  <a:lnTo>
                    <a:pt x="1708" y="254"/>
                  </a:lnTo>
                  <a:lnTo>
                    <a:pt x="1708" y="255"/>
                  </a:lnTo>
                  <a:lnTo>
                    <a:pt x="1710" y="255"/>
                  </a:lnTo>
                  <a:lnTo>
                    <a:pt x="1711" y="255"/>
                  </a:lnTo>
                  <a:lnTo>
                    <a:pt x="1713" y="255"/>
                  </a:lnTo>
                  <a:lnTo>
                    <a:pt x="1713" y="257"/>
                  </a:lnTo>
                  <a:lnTo>
                    <a:pt x="1715" y="257"/>
                  </a:lnTo>
                  <a:lnTo>
                    <a:pt x="1717" y="257"/>
                  </a:lnTo>
                  <a:lnTo>
                    <a:pt x="1719" y="257"/>
                  </a:lnTo>
                  <a:lnTo>
                    <a:pt x="1721" y="257"/>
                  </a:lnTo>
                  <a:lnTo>
                    <a:pt x="1722" y="257"/>
                  </a:lnTo>
                  <a:lnTo>
                    <a:pt x="1724" y="257"/>
                  </a:lnTo>
                  <a:lnTo>
                    <a:pt x="1724" y="259"/>
                  </a:lnTo>
                  <a:lnTo>
                    <a:pt x="1726" y="259"/>
                  </a:lnTo>
                  <a:lnTo>
                    <a:pt x="1728" y="259"/>
                  </a:lnTo>
                  <a:lnTo>
                    <a:pt x="1728" y="261"/>
                  </a:lnTo>
                  <a:lnTo>
                    <a:pt x="1730" y="261"/>
                  </a:lnTo>
                  <a:lnTo>
                    <a:pt x="1730" y="263"/>
                  </a:lnTo>
                  <a:lnTo>
                    <a:pt x="1732" y="263"/>
                  </a:lnTo>
                  <a:lnTo>
                    <a:pt x="1732" y="265"/>
                  </a:lnTo>
                  <a:lnTo>
                    <a:pt x="1732" y="267"/>
                  </a:lnTo>
                  <a:lnTo>
                    <a:pt x="1734" y="267"/>
                  </a:lnTo>
                  <a:lnTo>
                    <a:pt x="1734" y="268"/>
                  </a:lnTo>
                  <a:lnTo>
                    <a:pt x="1734" y="267"/>
                  </a:lnTo>
                  <a:lnTo>
                    <a:pt x="1735" y="267"/>
                  </a:lnTo>
                  <a:lnTo>
                    <a:pt x="1735" y="268"/>
                  </a:lnTo>
                  <a:lnTo>
                    <a:pt x="1737" y="268"/>
                  </a:lnTo>
                  <a:lnTo>
                    <a:pt x="1739" y="268"/>
                  </a:lnTo>
                  <a:lnTo>
                    <a:pt x="1741" y="268"/>
                  </a:lnTo>
                  <a:lnTo>
                    <a:pt x="1741" y="270"/>
                  </a:lnTo>
                  <a:lnTo>
                    <a:pt x="1743" y="270"/>
                  </a:lnTo>
                  <a:lnTo>
                    <a:pt x="1745" y="270"/>
                  </a:lnTo>
                  <a:lnTo>
                    <a:pt x="1746" y="270"/>
                  </a:lnTo>
                  <a:lnTo>
                    <a:pt x="1748" y="270"/>
                  </a:lnTo>
                  <a:lnTo>
                    <a:pt x="1748" y="268"/>
                  </a:lnTo>
                  <a:lnTo>
                    <a:pt x="1750" y="268"/>
                  </a:lnTo>
                  <a:lnTo>
                    <a:pt x="1750" y="270"/>
                  </a:lnTo>
                  <a:lnTo>
                    <a:pt x="1752" y="270"/>
                  </a:lnTo>
                  <a:lnTo>
                    <a:pt x="1754" y="272"/>
                  </a:lnTo>
                  <a:lnTo>
                    <a:pt x="1754" y="274"/>
                  </a:lnTo>
                  <a:lnTo>
                    <a:pt x="1754" y="276"/>
                  </a:lnTo>
                  <a:lnTo>
                    <a:pt x="1756" y="276"/>
                  </a:lnTo>
                  <a:lnTo>
                    <a:pt x="1756" y="278"/>
                  </a:lnTo>
                  <a:lnTo>
                    <a:pt x="1758" y="278"/>
                  </a:lnTo>
                  <a:lnTo>
                    <a:pt x="1758" y="279"/>
                  </a:lnTo>
                  <a:lnTo>
                    <a:pt x="1759" y="279"/>
                  </a:lnTo>
                  <a:lnTo>
                    <a:pt x="1759" y="281"/>
                  </a:lnTo>
                  <a:lnTo>
                    <a:pt x="1761" y="281"/>
                  </a:lnTo>
                  <a:lnTo>
                    <a:pt x="1763" y="283"/>
                  </a:lnTo>
                  <a:lnTo>
                    <a:pt x="1765" y="283"/>
                  </a:lnTo>
                  <a:lnTo>
                    <a:pt x="1765" y="285"/>
                  </a:lnTo>
                  <a:lnTo>
                    <a:pt x="1767" y="285"/>
                  </a:lnTo>
                  <a:lnTo>
                    <a:pt x="1769" y="285"/>
                  </a:lnTo>
                  <a:lnTo>
                    <a:pt x="1771" y="287"/>
                  </a:lnTo>
                  <a:lnTo>
                    <a:pt x="1772" y="287"/>
                  </a:lnTo>
                  <a:lnTo>
                    <a:pt x="1774" y="287"/>
                  </a:lnTo>
                  <a:lnTo>
                    <a:pt x="1774" y="289"/>
                  </a:lnTo>
                  <a:lnTo>
                    <a:pt x="1776" y="289"/>
                  </a:lnTo>
                  <a:lnTo>
                    <a:pt x="1778" y="289"/>
                  </a:lnTo>
                  <a:lnTo>
                    <a:pt x="1778" y="291"/>
                  </a:lnTo>
                  <a:lnTo>
                    <a:pt x="1778" y="289"/>
                  </a:lnTo>
                  <a:lnTo>
                    <a:pt x="1778" y="291"/>
                  </a:lnTo>
                  <a:lnTo>
                    <a:pt x="1780" y="291"/>
                  </a:lnTo>
                  <a:lnTo>
                    <a:pt x="1782" y="291"/>
                  </a:lnTo>
                  <a:lnTo>
                    <a:pt x="1782" y="292"/>
                  </a:lnTo>
                  <a:lnTo>
                    <a:pt x="1783" y="292"/>
                  </a:lnTo>
                  <a:lnTo>
                    <a:pt x="1785" y="292"/>
                  </a:lnTo>
                  <a:lnTo>
                    <a:pt x="1785" y="294"/>
                  </a:lnTo>
                  <a:lnTo>
                    <a:pt x="1785" y="292"/>
                  </a:lnTo>
                  <a:lnTo>
                    <a:pt x="1787" y="294"/>
                  </a:lnTo>
                  <a:lnTo>
                    <a:pt x="1787" y="292"/>
                  </a:lnTo>
                  <a:lnTo>
                    <a:pt x="1787" y="294"/>
                  </a:lnTo>
                  <a:lnTo>
                    <a:pt x="1789" y="294"/>
                  </a:lnTo>
                  <a:lnTo>
                    <a:pt x="1791" y="294"/>
                  </a:lnTo>
                  <a:lnTo>
                    <a:pt x="1791" y="292"/>
                  </a:lnTo>
                  <a:lnTo>
                    <a:pt x="1793" y="292"/>
                  </a:lnTo>
                  <a:lnTo>
                    <a:pt x="1793" y="294"/>
                  </a:lnTo>
                  <a:lnTo>
                    <a:pt x="1795" y="294"/>
                  </a:lnTo>
                  <a:lnTo>
                    <a:pt x="1796" y="294"/>
                  </a:lnTo>
                  <a:lnTo>
                    <a:pt x="1798" y="294"/>
                  </a:lnTo>
                  <a:lnTo>
                    <a:pt x="1798" y="292"/>
                  </a:lnTo>
                  <a:lnTo>
                    <a:pt x="1800" y="292"/>
                  </a:lnTo>
                  <a:lnTo>
                    <a:pt x="1802" y="292"/>
                  </a:lnTo>
                  <a:lnTo>
                    <a:pt x="1802" y="291"/>
                  </a:lnTo>
                  <a:lnTo>
                    <a:pt x="1804" y="291"/>
                  </a:lnTo>
                  <a:lnTo>
                    <a:pt x="1806" y="291"/>
                  </a:lnTo>
                  <a:lnTo>
                    <a:pt x="1807" y="291"/>
                  </a:lnTo>
                  <a:lnTo>
                    <a:pt x="1807" y="289"/>
                  </a:lnTo>
                  <a:lnTo>
                    <a:pt x="1809" y="289"/>
                  </a:lnTo>
                  <a:lnTo>
                    <a:pt x="1811" y="289"/>
                  </a:lnTo>
                  <a:lnTo>
                    <a:pt x="1811" y="287"/>
                  </a:lnTo>
                  <a:lnTo>
                    <a:pt x="1813" y="287"/>
                  </a:lnTo>
                  <a:lnTo>
                    <a:pt x="1815" y="287"/>
                  </a:lnTo>
                  <a:lnTo>
                    <a:pt x="1815" y="289"/>
                  </a:lnTo>
                  <a:lnTo>
                    <a:pt x="1817" y="289"/>
                  </a:lnTo>
                  <a:lnTo>
                    <a:pt x="1819" y="289"/>
                  </a:lnTo>
                  <a:lnTo>
                    <a:pt x="1819" y="291"/>
                  </a:lnTo>
                  <a:lnTo>
                    <a:pt x="1819" y="292"/>
                  </a:lnTo>
                  <a:lnTo>
                    <a:pt x="1820" y="292"/>
                  </a:lnTo>
                  <a:lnTo>
                    <a:pt x="1820" y="294"/>
                  </a:lnTo>
                  <a:lnTo>
                    <a:pt x="1822" y="294"/>
                  </a:lnTo>
                  <a:lnTo>
                    <a:pt x="1822" y="292"/>
                  </a:lnTo>
                  <a:lnTo>
                    <a:pt x="1822" y="294"/>
                  </a:lnTo>
                  <a:lnTo>
                    <a:pt x="1824" y="294"/>
                  </a:lnTo>
                  <a:lnTo>
                    <a:pt x="1826" y="294"/>
                  </a:lnTo>
                  <a:lnTo>
                    <a:pt x="1828" y="294"/>
                  </a:lnTo>
                  <a:lnTo>
                    <a:pt x="1828" y="292"/>
                  </a:lnTo>
                  <a:lnTo>
                    <a:pt x="1830" y="292"/>
                  </a:lnTo>
                  <a:lnTo>
                    <a:pt x="1832" y="292"/>
                  </a:lnTo>
                  <a:lnTo>
                    <a:pt x="1832" y="291"/>
                  </a:lnTo>
                  <a:lnTo>
                    <a:pt x="1832" y="292"/>
                  </a:lnTo>
                  <a:lnTo>
                    <a:pt x="1832" y="291"/>
                  </a:lnTo>
                  <a:lnTo>
                    <a:pt x="1833" y="291"/>
                  </a:lnTo>
                  <a:lnTo>
                    <a:pt x="1833" y="289"/>
                  </a:lnTo>
                  <a:lnTo>
                    <a:pt x="1835" y="289"/>
                  </a:lnTo>
                  <a:lnTo>
                    <a:pt x="1835" y="287"/>
                  </a:lnTo>
                  <a:lnTo>
                    <a:pt x="1837" y="287"/>
                  </a:lnTo>
                  <a:lnTo>
                    <a:pt x="1839" y="287"/>
                  </a:lnTo>
                  <a:lnTo>
                    <a:pt x="1841" y="287"/>
                  </a:lnTo>
                  <a:lnTo>
                    <a:pt x="1843" y="287"/>
                  </a:lnTo>
                  <a:lnTo>
                    <a:pt x="1843" y="289"/>
                  </a:lnTo>
                  <a:lnTo>
                    <a:pt x="1844" y="289"/>
                  </a:lnTo>
                  <a:lnTo>
                    <a:pt x="1844" y="291"/>
                  </a:lnTo>
                  <a:lnTo>
                    <a:pt x="1844" y="292"/>
                  </a:lnTo>
                  <a:lnTo>
                    <a:pt x="1846" y="292"/>
                  </a:lnTo>
                  <a:lnTo>
                    <a:pt x="1846" y="294"/>
                  </a:lnTo>
                  <a:lnTo>
                    <a:pt x="1846" y="296"/>
                  </a:lnTo>
                  <a:lnTo>
                    <a:pt x="1846" y="298"/>
                  </a:lnTo>
                  <a:lnTo>
                    <a:pt x="1848" y="298"/>
                  </a:lnTo>
                  <a:lnTo>
                    <a:pt x="1848" y="300"/>
                  </a:lnTo>
                  <a:lnTo>
                    <a:pt x="1846" y="300"/>
                  </a:lnTo>
                  <a:lnTo>
                    <a:pt x="1846" y="302"/>
                  </a:lnTo>
                  <a:lnTo>
                    <a:pt x="1848" y="304"/>
                  </a:lnTo>
                  <a:lnTo>
                    <a:pt x="1848" y="305"/>
                  </a:lnTo>
                  <a:lnTo>
                    <a:pt x="1850" y="305"/>
                  </a:lnTo>
                  <a:lnTo>
                    <a:pt x="1852" y="305"/>
                  </a:lnTo>
                  <a:lnTo>
                    <a:pt x="1852" y="307"/>
                  </a:lnTo>
                  <a:lnTo>
                    <a:pt x="1854" y="307"/>
                  </a:lnTo>
                  <a:lnTo>
                    <a:pt x="1856" y="307"/>
                  </a:lnTo>
                  <a:lnTo>
                    <a:pt x="1856" y="309"/>
                  </a:lnTo>
                  <a:lnTo>
                    <a:pt x="1856" y="311"/>
                  </a:lnTo>
                  <a:lnTo>
                    <a:pt x="1857" y="311"/>
                  </a:lnTo>
                  <a:lnTo>
                    <a:pt x="1859" y="313"/>
                  </a:lnTo>
                  <a:lnTo>
                    <a:pt x="1861" y="313"/>
                  </a:lnTo>
                  <a:lnTo>
                    <a:pt x="1863" y="313"/>
                  </a:lnTo>
                  <a:lnTo>
                    <a:pt x="1865" y="313"/>
                  </a:lnTo>
                  <a:lnTo>
                    <a:pt x="1867" y="313"/>
                  </a:lnTo>
                  <a:lnTo>
                    <a:pt x="1868" y="313"/>
                  </a:lnTo>
                  <a:lnTo>
                    <a:pt x="1868" y="315"/>
                  </a:lnTo>
                  <a:lnTo>
                    <a:pt x="1868" y="313"/>
                  </a:lnTo>
                  <a:lnTo>
                    <a:pt x="1870" y="315"/>
                  </a:lnTo>
                  <a:lnTo>
                    <a:pt x="1872" y="315"/>
                  </a:lnTo>
                  <a:lnTo>
                    <a:pt x="1872" y="316"/>
                  </a:lnTo>
                  <a:lnTo>
                    <a:pt x="1874" y="316"/>
                  </a:lnTo>
                  <a:lnTo>
                    <a:pt x="1874" y="318"/>
                  </a:lnTo>
                  <a:lnTo>
                    <a:pt x="1876" y="318"/>
                  </a:lnTo>
                  <a:lnTo>
                    <a:pt x="1878" y="318"/>
                  </a:lnTo>
                  <a:lnTo>
                    <a:pt x="1880" y="318"/>
                  </a:lnTo>
                  <a:lnTo>
                    <a:pt x="1880" y="320"/>
                  </a:lnTo>
                  <a:lnTo>
                    <a:pt x="1881" y="320"/>
                  </a:lnTo>
                  <a:lnTo>
                    <a:pt x="1881" y="318"/>
                  </a:lnTo>
                  <a:lnTo>
                    <a:pt x="1883" y="318"/>
                  </a:lnTo>
                  <a:lnTo>
                    <a:pt x="1885" y="318"/>
                  </a:lnTo>
                  <a:lnTo>
                    <a:pt x="1885" y="316"/>
                  </a:lnTo>
                  <a:lnTo>
                    <a:pt x="1887" y="316"/>
                  </a:lnTo>
                  <a:lnTo>
                    <a:pt x="1889" y="316"/>
                  </a:lnTo>
                  <a:lnTo>
                    <a:pt x="1891" y="316"/>
                  </a:lnTo>
                  <a:lnTo>
                    <a:pt x="1893" y="316"/>
                  </a:lnTo>
                  <a:lnTo>
                    <a:pt x="1894" y="316"/>
                  </a:lnTo>
                  <a:lnTo>
                    <a:pt x="1896" y="315"/>
                  </a:lnTo>
                  <a:lnTo>
                    <a:pt x="1898" y="313"/>
                  </a:lnTo>
                  <a:lnTo>
                    <a:pt x="1898" y="315"/>
                  </a:lnTo>
                  <a:lnTo>
                    <a:pt x="1900" y="316"/>
                  </a:lnTo>
                  <a:lnTo>
                    <a:pt x="1900" y="318"/>
                  </a:lnTo>
                  <a:lnTo>
                    <a:pt x="1902" y="318"/>
                  </a:lnTo>
                  <a:lnTo>
                    <a:pt x="1902" y="320"/>
                  </a:lnTo>
                  <a:lnTo>
                    <a:pt x="1904" y="320"/>
                  </a:lnTo>
                  <a:lnTo>
                    <a:pt x="1904" y="322"/>
                  </a:lnTo>
                  <a:lnTo>
                    <a:pt x="1905" y="322"/>
                  </a:lnTo>
                  <a:lnTo>
                    <a:pt x="1905" y="324"/>
                  </a:lnTo>
                  <a:lnTo>
                    <a:pt x="1907" y="324"/>
                  </a:lnTo>
                  <a:lnTo>
                    <a:pt x="1909" y="324"/>
                  </a:lnTo>
                  <a:lnTo>
                    <a:pt x="1911" y="324"/>
                  </a:lnTo>
                  <a:lnTo>
                    <a:pt x="1911" y="326"/>
                  </a:lnTo>
                  <a:lnTo>
                    <a:pt x="1911" y="328"/>
                  </a:lnTo>
                  <a:lnTo>
                    <a:pt x="1913" y="328"/>
                  </a:lnTo>
                  <a:lnTo>
                    <a:pt x="1913" y="329"/>
                  </a:lnTo>
                  <a:lnTo>
                    <a:pt x="1913" y="331"/>
                  </a:lnTo>
                  <a:lnTo>
                    <a:pt x="1913" y="333"/>
                  </a:lnTo>
                  <a:lnTo>
                    <a:pt x="1915" y="333"/>
                  </a:lnTo>
                  <a:lnTo>
                    <a:pt x="1915" y="335"/>
                  </a:lnTo>
                  <a:lnTo>
                    <a:pt x="1917" y="335"/>
                  </a:lnTo>
                  <a:lnTo>
                    <a:pt x="1917" y="337"/>
                  </a:lnTo>
                  <a:lnTo>
                    <a:pt x="1918" y="337"/>
                  </a:lnTo>
                  <a:lnTo>
                    <a:pt x="1918" y="339"/>
                  </a:lnTo>
                  <a:lnTo>
                    <a:pt x="1918" y="341"/>
                  </a:lnTo>
                  <a:lnTo>
                    <a:pt x="1920" y="341"/>
                  </a:lnTo>
                  <a:lnTo>
                    <a:pt x="1920" y="342"/>
                  </a:lnTo>
                  <a:lnTo>
                    <a:pt x="1922" y="342"/>
                  </a:lnTo>
                  <a:lnTo>
                    <a:pt x="1924" y="342"/>
                  </a:lnTo>
                  <a:lnTo>
                    <a:pt x="1926" y="342"/>
                  </a:lnTo>
                  <a:lnTo>
                    <a:pt x="1928" y="342"/>
                  </a:lnTo>
                  <a:lnTo>
                    <a:pt x="1926" y="342"/>
                  </a:lnTo>
                  <a:lnTo>
                    <a:pt x="1928" y="342"/>
                  </a:lnTo>
                  <a:lnTo>
                    <a:pt x="1928" y="344"/>
                  </a:lnTo>
                  <a:lnTo>
                    <a:pt x="1929" y="344"/>
                  </a:lnTo>
                  <a:lnTo>
                    <a:pt x="1929" y="346"/>
                  </a:lnTo>
                  <a:lnTo>
                    <a:pt x="1929" y="348"/>
                  </a:lnTo>
                  <a:lnTo>
                    <a:pt x="1931" y="348"/>
                  </a:lnTo>
                  <a:lnTo>
                    <a:pt x="1931" y="350"/>
                  </a:lnTo>
                  <a:lnTo>
                    <a:pt x="1933" y="352"/>
                  </a:lnTo>
                  <a:lnTo>
                    <a:pt x="1933" y="353"/>
                  </a:lnTo>
                  <a:lnTo>
                    <a:pt x="1933" y="355"/>
                  </a:lnTo>
                  <a:lnTo>
                    <a:pt x="1935" y="355"/>
                  </a:lnTo>
                  <a:lnTo>
                    <a:pt x="1937" y="355"/>
                  </a:lnTo>
                  <a:lnTo>
                    <a:pt x="1939" y="355"/>
                  </a:lnTo>
                  <a:lnTo>
                    <a:pt x="1939" y="357"/>
                  </a:lnTo>
                  <a:lnTo>
                    <a:pt x="1941" y="357"/>
                  </a:lnTo>
                  <a:lnTo>
                    <a:pt x="1941" y="359"/>
                  </a:lnTo>
                  <a:lnTo>
                    <a:pt x="1942" y="359"/>
                  </a:lnTo>
                  <a:lnTo>
                    <a:pt x="1942" y="361"/>
                  </a:lnTo>
                  <a:lnTo>
                    <a:pt x="1944" y="361"/>
                  </a:lnTo>
                  <a:lnTo>
                    <a:pt x="1944" y="363"/>
                  </a:lnTo>
                  <a:lnTo>
                    <a:pt x="1946" y="363"/>
                  </a:lnTo>
                  <a:lnTo>
                    <a:pt x="1946" y="365"/>
                  </a:lnTo>
                  <a:lnTo>
                    <a:pt x="1948" y="365"/>
                  </a:lnTo>
                  <a:lnTo>
                    <a:pt x="1948" y="366"/>
                  </a:lnTo>
                  <a:lnTo>
                    <a:pt x="1948" y="368"/>
                  </a:lnTo>
                  <a:lnTo>
                    <a:pt x="1946" y="368"/>
                  </a:lnTo>
                  <a:lnTo>
                    <a:pt x="1946" y="370"/>
                  </a:lnTo>
                  <a:lnTo>
                    <a:pt x="1948" y="370"/>
                  </a:lnTo>
                  <a:lnTo>
                    <a:pt x="1948" y="372"/>
                  </a:lnTo>
                  <a:lnTo>
                    <a:pt x="1946" y="372"/>
                  </a:lnTo>
                  <a:lnTo>
                    <a:pt x="1948" y="372"/>
                  </a:lnTo>
                  <a:lnTo>
                    <a:pt x="1946" y="372"/>
                  </a:lnTo>
                  <a:lnTo>
                    <a:pt x="1946" y="374"/>
                  </a:lnTo>
                  <a:lnTo>
                    <a:pt x="1946" y="376"/>
                  </a:lnTo>
                  <a:lnTo>
                    <a:pt x="1946" y="378"/>
                  </a:lnTo>
                  <a:lnTo>
                    <a:pt x="1946" y="379"/>
                  </a:lnTo>
                  <a:lnTo>
                    <a:pt x="1946" y="381"/>
                  </a:lnTo>
                  <a:lnTo>
                    <a:pt x="1946" y="383"/>
                  </a:lnTo>
                  <a:lnTo>
                    <a:pt x="1946" y="385"/>
                  </a:lnTo>
                  <a:lnTo>
                    <a:pt x="1946" y="387"/>
                  </a:lnTo>
                  <a:lnTo>
                    <a:pt x="1946" y="389"/>
                  </a:lnTo>
                  <a:lnTo>
                    <a:pt x="1948" y="389"/>
                  </a:lnTo>
                  <a:lnTo>
                    <a:pt x="1950" y="390"/>
                  </a:lnTo>
                  <a:lnTo>
                    <a:pt x="1952" y="392"/>
                  </a:lnTo>
                  <a:lnTo>
                    <a:pt x="1954" y="392"/>
                  </a:lnTo>
                  <a:lnTo>
                    <a:pt x="1955" y="392"/>
                  </a:lnTo>
                  <a:lnTo>
                    <a:pt x="1957" y="392"/>
                  </a:lnTo>
                  <a:lnTo>
                    <a:pt x="1957" y="394"/>
                  </a:lnTo>
                  <a:lnTo>
                    <a:pt x="1959" y="394"/>
                  </a:lnTo>
                  <a:lnTo>
                    <a:pt x="1961" y="394"/>
                  </a:lnTo>
                  <a:lnTo>
                    <a:pt x="1965" y="392"/>
                  </a:lnTo>
                  <a:lnTo>
                    <a:pt x="1966" y="392"/>
                  </a:lnTo>
                  <a:lnTo>
                    <a:pt x="1968" y="392"/>
                  </a:lnTo>
                  <a:lnTo>
                    <a:pt x="1970" y="392"/>
                  </a:lnTo>
                  <a:lnTo>
                    <a:pt x="1972" y="394"/>
                  </a:lnTo>
                  <a:lnTo>
                    <a:pt x="1972" y="392"/>
                  </a:lnTo>
                  <a:lnTo>
                    <a:pt x="1974" y="392"/>
                  </a:lnTo>
                  <a:lnTo>
                    <a:pt x="1976" y="392"/>
                  </a:lnTo>
                  <a:lnTo>
                    <a:pt x="1979" y="392"/>
                  </a:lnTo>
                  <a:lnTo>
                    <a:pt x="1981" y="392"/>
                  </a:lnTo>
                  <a:lnTo>
                    <a:pt x="1983" y="392"/>
                  </a:lnTo>
                  <a:lnTo>
                    <a:pt x="1985" y="392"/>
                  </a:lnTo>
                  <a:lnTo>
                    <a:pt x="1987" y="392"/>
                  </a:lnTo>
                  <a:lnTo>
                    <a:pt x="1987" y="394"/>
                  </a:lnTo>
                  <a:lnTo>
                    <a:pt x="1989" y="394"/>
                  </a:lnTo>
                  <a:lnTo>
                    <a:pt x="1990" y="394"/>
                  </a:lnTo>
                  <a:lnTo>
                    <a:pt x="1992" y="394"/>
                  </a:lnTo>
                  <a:lnTo>
                    <a:pt x="1994" y="394"/>
                  </a:lnTo>
                  <a:lnTo>
                    <a:pt x="1996" y="394"/>
                  </a:lnTo>
                  <a:lnTo>
                    <a:pt x="1996" y="392"/>
                  </a:lnTo>
                  <a:lnTo>
                    <a:pt x="1998" y="392"/>
                  </a:lnTo>
                  <a:lnTo>
                    <a:pt x="1998" y="394"/>
                  </a:lnTo>
                  <a:lnTo>
                    <a:pt x="2000" y="394"/>
                  </a:lnTo>
                  <a:lnTo>
                    <a:pt x="2000" y="396"/>
                  </a:lnTo>
                  <a:lnTo>
                    <a:pt x="2002" y="396"/>
                  </a:lnTo>
                  <a:lnTo>
                    <a:pt x="2003" y="396"/>
                  </a:lnTo>
                  <a:lnTo>
                    <a:pt x="2003" y="398"/>
                  </a:lnTo>
                  <a:lnTo>
                    <a:pt x="2005" y="398"/>
                  </a:lnTo>
                  <a:lnTo>
                    <a:pt x="2005" y="400"/>
                  </a:lnTo>
                  <a:lnTo>
                    <a:pt x="2005" y="402"/>
                  </a:lnTo>
                  <a:lnTo>
                    <a:pt x="2005" y="403"/>
                  </a:lnTo>
                  <a:lnTo>
                    <a:pt x="2003" y="403"/>
                  </a:lnTo>
                  <a:lnTo>
                    <a:pt x="2003" y="405"/>
                  </a:lnTo>
                  <a:lnTo>
                    <a:pt x="2003" y="407"/>
                  </a:lnTo>
                  <a:lnTo>
                    <a:pt x="2005" y="407"/>
                  </a:lnTo>
                  <a:lnTo>
                    <a:pt x="2005" y="409"/>
                  </a:lnTo>
                  <a:lnTo>
                    <a:pt x="2005" y="411"/>
                  </a:lnTo>
                  <a:lnTo>
                    <a:pt x="2005" y="413"/>
                  </a:lnTo>
                  <a:lnTo>
                    <a:pt x="2007" y="415"/>
                  </a:lnTo>
                  <a:lnTo>
                    <a:pt x="2009" y="415"/>
                  </a:lnTo>
                  <a:lnTo>
                    <a:pt x="2011" y="415"/>
                  </a:lnTo>
                  <a:lnTo>
                    <a:pt x="2009" y="415"/>
                  </a:lnTo>
                  <a:lnTo>
                    <a:pt x="2011" y="415"/>
                  </a:lnTo>
                  <a:lnTo>
                    <a:pt x="2011" y="416"/>
                  </a:lnTo>
                  <a:lnTo>
                    <a:pt x="2013" y="418"/>
                  </a:lnTo>
                  <a:lnTo>
                    <a:pt x="2013" y="420"/>
                  </a:lnTo>
                  <a:lnTo>
                    <a:pt x="2015" y="420"/>
                  </a:lnTo>
                  <a:lnTo>
                    <a:pt x="2016" y="422"/>
                  </a:lnTo>
                  <a:lnTo>
                    <a:pt x="2018" y="424"/>
                  </a:lnTo>
                  <a:lnTo>
                    <a:pt x="2018" y="426"/>
                  </a:lnTo>
                  <a:lnTo>
                    <a:pt x="2020" y="426"/>
                  </a:lnTo>
                  <a:lnTo>
                    <a:pt x="2020" y="427"/>
                  </a:lnTo>
                  <a:lnTo>
                    <a:pt x="2020" y="429"/>
                  </a:lnTo>
                  <a:lnTo>
                    <a:pt x="2022" y="429"/>
                  </a:lnTo>
                  <a:lnTo>
                    <a:pt x="2022" y="431"/>
                  </a:lnTo>
                  <a:lnTo>
                    <a:pt x="2024" y="431"/>
                  </a:lnTo>
                  <a:lnTo>
                    <a:pt x="2024" y="433"/>
                  </a:lnTo>
                  <a:lnTo>
                    <a:pt x="2026" y="433"/>
                  </a:lnTo>
                  <a:lnTo>
                    <a:pt x="2026" y="431"/>
                  </a:lnTo>
                  <a:lnTo>
                    <a:pt x="2027" y="431"/>
                  </a:lnTo>
                  <a:lnTo>
                    <a:pt x="2029" y="431"/>
                  </a:lnTo>
                  <a:lnTo>
                    <a:pt x="2031" y="431"/>
                  </a:lnTo>
                  <a:lnTo>
                    <a:pt x="2033" y="431"/>
                  </a:lnTo>
                  <a:lnTo>
                    <a:pt x="2033" y="429"/>
                  </a:lnTo>
                  <a:lnTo>
                    <a:pt x="2035" y="429"/>
                  </a:lnTo>
                  <a:lnTo>
                    <a:pt x="2037" y="429"/>
                  </a:lnTo>
                  <a:lnTo>
                    <a:pt x="2037" y="427"/>
                  </a:lnTo>
                  <a:lnTo>
                    <a:pt x="2039" y="427"/>
                  </a:lnTo>
                  <a:lnTo>
                    <a:pt x="2039" y="426"/>
                  </a:lnTo>
                  <a:lnTo>
                    <a:pt x="2039" y="427"/>
                  </a:lnTo>
                  <a:lnTo>
                    <a:pt x="2039" y="426"/>
                  </a:lnTo>
                  <a:lnTo>
                    <a:pt x="2040" y="427"/>
                  </a:lnTo>
                  <a:lnTo>
                    <a:pt x="2040" y="426"/>
                  </a:lnTo>
                  <a:lnTo>
                    <a:pt x="2042" y="426"/>
                  </a:lnTo>
                  <a:lnTo>
                    <a:pt x="2044" y="426"/>
                  </a:lnTo>
                  <a:lnTo>
                    <a:pt x="2044" y="424"/>
                  </a:lnTo>
                  <a:lnTo>
                    <a:pt x="2044" y="422"/>
                  </a:lnTo>
                  <a:lnTo>
                    <a:pt x="2044" y="420"/>
                  </a:lnTo>
                  <a:lnTo>
                    <a:pt x="2044" y="418"/>
                  </a:lnTo>
                  <a:lnTo>
                    <a:pt x="2046" y="420"/>
                  </a:lnTo>
                  <a:lnTo>
                    <a:pt x="2048" y="418"/>
                  </a:lnTo>
                  <a:lnTo>
                    <a:pt x="2048" y="416"/>
                  </a:lnTo>
                  <a:lnTo>
                    <a:pt x="2050" y="418"/>
                  </a:lnTo>
                  <a:lnTo>
                    <a:pt x="2050" y="416"/>
                  </a:lnTo>
                  <a:lnTo>
                    <a:pt x="2051" y="418"/>
                  </a:lnTo>
                  <a:lnTo>
                    <a:pt x="2053" y="418"/>
                  </a:lnTo>
                  <a:lnTo>
                    <a:pt x="2055" y="418"/>
                  </a:lnTo>
                  <a:lnTo>
                    <a:pt x="2057" y="418"/>
                  </a:lnTo>
                  <a:lnTo>
                    <a:pt x="2059" y="418"/>
                  </a:lnTo>
                  <a:lnTo>
                    <a:pt x="2061" y="418"/>
                  </a:lnTo>
                  <a:lnTo>
                    <a:pt x="2063" y="418"/>
                  </a:lnTo>
                  <a:lnTo>
                    <a:pt x="2064" y="418"/>
                  </a:lnTo>
                  <a:lnTo>
                    <a:pt x="2066" y="418"/>
                  </a:lnTo>
                  <a:lnTo>
                    <a:pt x="2068" y="418"/>
                  </a:lnTo>
                  <a:lnTo>
                    <a:pt x="2070" y="418"/>
                  </a:lnTo>
                  <a:lnTo>
                    <a:pt x="2072" y="418"/>
                  </a:lnTo>
                  <a:lnTo>
                    <a:pt x="2074" y="416"/>
                  </a:lnTo>
                  <a:lnTo>
                    <a:pt x="2076" y="416"/>
                  </a:lnTo>
                  <a:lnTo>
                    <a:pt x="2076" y="415"/>
                  </a:lnTo>
                  <a:lnTo>
                    <a:pt x="2077" y="415"/>
                  </a:lnTo>
                  <a:lnTo>
                    <a:pt x="2077" y="413"/>
                  </a:lnTo>
                  <a:lnTo>
                    <a:pt x="2079" y="413"/>
                  </a:lnTo>
                  <a:lnTo>
                    <a:pt x="2077" y="413"/>
                  </a:lnTo>
                  <a:lnTo>
                    <a:pt x="2079" y="411"/>
                  </a:lnTo>
                  <a:lnTo>
                    <a:pt x="2081" y="411"/>
                  </a:lnTo>
                  <a:lnTo>
                    <a:pt x="2081" y="409"/>
                  </a:lnTo>
                  <a:lnTo>
                    <a:pt x="2083" y="409"/>
                  </a:lnTo>
                  <a:lnTo>
                    <a:pt x="2083" y="411"/>
                  </a:lnTo>
                  <a:lnTo>
                    <a:pt x="2083" y="409"/>
                  </a:lnTo>
                  <a:lnTo>
                    <a:pt x="2085" y="411"/>
                  </a:lnTo>
                  <a:lnTo>
                    <a:pt x="2087" y="411"/>
                  </a:lnTo>
                  <a:lnTo>
                    <a:pt x="2088" y="411"/>
                  </a:lnTo>
                  <a:lnTo>
                    <a:pt x="2090" y="411"/>
                  </a:lnTo>
                  <a:lnTo>
                    <a:pt x="2092" y="411"/>
                  </a:lnTo>
                  <a:lnTo>
                    <a:pt x="2094" y="413"/>
                  </a:lnTo>
                  <a:lnTo>
                    <a:pt x="2094" y="415"/>
                  </a:lnTo>
                  <a:lnTo>
                    <a:pt x="2094" y="416"/>
                  </a:lnTo>
                  <a:lnTo>
                    <a:pt x="2096" y="416"/>
                  </a:lnTo>
                  <a:lnTo>
                    <a:pt x="2098" y="415"/>
                  </a:lnTo>
                  <a:lnTo>
                    <a:pt x="2100" y="415"/>
                  </a:lnTo>
                  <a:lnTo>
                    <a:pt x="2101" y="411"/>
                  </a:lnTo>
                  <a:lnTo>
                    <a:pt x="2103" y="411"/>
                  </a:lnTo>
                  <a:lnTo>
                    <a:pt x="2103" y="409"/>
                  </a:lnTo>
                  <a:lnTo>
                    <a:pt x="2105" y="409"/>
                  </a:lnTo>
                  <a:lnTo>
                    <a:pt x="2111" y="411"/>
                  </a:lnTo>
                  <a:lnTo>
                    <a:pt x="2112" y="411"/>
                  </a:lnTo>
                  <a:lnTo>
                    <a:pt x="2112" y="409"/>
                  </a:lnTo>
                  <a:lnTo>
                    <a:pt x="2114" y="409"/>
                  </a:lnTo>
                  <a:lnTo>
                    <a:pt x="2114" y="407"/>
                  </a:lnTo>
                  <a:lnTo>
                    <a:pt x="2114" y="405"/>
                  </a:lnTo>
                  <a:lnTo>
                    <a:pt x="2116" y="405"/>
                  </a:lnTo>
                  <a:lnTo>
                    <a:pt x="2116" y="403"/>
                  </a:lnTo>
                  <a:lnTo>
                    <a:pt x="2118" y="403"/>
                  </a:lnTo>
                  <a:lnTo>
                    <a:pt x="2120" y="403"/>
                  </a:lnTo>
                  <a:lnTo>
                    <a:pt x="2122" y="403"/>
                  </a:lnTo>
                  <a:lnTo>
                    <a:pt x="2124" y="403"/>
                  </a:lnTo>
                  <a:lnTo>
                    <a:pt x="2125" y="403"/>
                  </a:lnTo>
                  <a:lnTo>
                    <a:pt x="2125" y="402"/>
                  </a:lnTo>
                  <a:lnTo>
                    <a:pt x="2127" y="402"/>
                  </a:lnTo>
                  <a:lnTo>
                    <a:pt x="2127" y="400"/>
                  </a:lnTo>
                  <a:lnTo>
                    <a:pt x="2129" y="400"/>
                  </a:lnTo>
                  <a:lnTo>
                    <a:pt x="2131" y="400"/>
                  </a:lnTo>
                  <a:lnTo>
                    <a:pt x="2129" y="400"/>
                  </a:lnTo>
                  <a:lnTo>
                    <a:pt x="2131" y="400"/>
                  </a:lnTo>
                  <a:lnTo>
                    <a:pt x="2131" y="398"/>
                  </a:lnTo>
                  <a:lnTo>
                    <a:pt x="2131" y="396"/>
                  </a:lnTo>
                  <a:lnTo>
                    <a:pt x="2131" y="394"/>
                  </a:lnTo>
                  <a:lnTo>
                    <a:pt x="2131" y="392"/>
                  </a:lnTo>
                  <a:lnTo>
                    <a:pt x="2133" y="392"/>
                  </a:lnTo>
                  <a:lnTo>
                    <a:pt x="2133" y="390"/>
                  </a:lnTo>
                  <a:lnTo>
                    <a:pt x="2135" y="390"/>
                  </a:lnTo>
                  <a:lnTo>
                    <a:pt x="2135" y="389"/>
                  </a:lnTo>
                  <a:lnTo>
                    <a:pt x="2137" y="389"/>
                  </a:lnTo>
                  <a:lnTo>
                    <a:pt x="2138" y="387"/>
                  </a:lnTo>
                  <a:lnTo>
                    <a:pt x="2140" y="387"/>
                  </a:lnTo>
                  <a:lnTo>
                    <a:pt x="2140" y="385"/>
                  </a:lnTo>
                  <a:lnTo>
                    <a:pt x="2142" y="385"/>
                  </a:lnTo>
                  <a:lnTo>
                    <a:pt x="2142" y="383"/>
                  </a:lnTo>
                  <a:lnTo>
                    <a:pt x="2144" y="383"/>
                  </a:lnTo>
                  <a:lnTo>
                    <a:pt x="2144" y="381"/>
                  </a:lnTo>
                  <a:lnTo>
                    <a:pt x="2144" y="379"/>
                  </a:lnTo>
                  <a:lnTo>
                    <a:pt x="2146" y="378"/>
                  </a:lnTo>
                  <a:lnTo>
                    <a:pt x="2146" y="376"/>
                  </a:lnTo>
                  <a:lnTo>
                    <a:pt x="2146" y="378"/>
                  </a:lnTo>
                  <a:lnTo>
                    <a:pt x="2146" y="376"/>
                  </a:lnTo>
                  <a:lnTo>
                    <a:pt x="2148" y="376"/>
                  </a:lnTo>
                  <a:lnTo>
                    <a:pt x="2149" y="376"/>
                  </a:lnTo>
                  <a:lnTo>
                    <a:pt x="2151" y="376"/>
                  </a:lnTo>
                  <a:lnTo>
                    <a:pt x="2153" y="376"/>
                  </a:lnTo>
                  <a:lnTo>
                    <a:pt x="2155" y="376"/>
                  </a:lnTo>
                  <a:lnTo>
                    <a:pt x="2155" y="378"/>
                  </a:lnTo>
                  <a:lnTo>
                    <a:pt x="2157" y="378"/>
                  </a:lnTo>
                  <a:lnTo>
                    <a:pt x="2157" y="379"/>
                  </a:lnTo>
                  <a:lnTo>
                    <a:pt x="2159" y="378"/>
                  </a:lnTo>
                  <a:lnTo>
                    <a:pt x="2159" y="379"/>
                  </a:lnTo>
                  <a:lnTo>
                    <a:pt x="2161" y="379"/>
                  </a:lnTo>
                  <a:lnTo>
                    <a:pt x="2162" y="379"/>
                  </a:lnTo>
                  <a:lnTo>
                    <a:pt x="2164" y="379"/>
                  </a:lnTo>
                  <a:lnTo>
                    <a:pt x="2166" y="379"/>
                  </a:lnTo>
                  <a:lnTo>
                    <a:pt x="2168" y="379"/>
                  </a:lnTo>
                  <a:lnTo>
                    <a:pt x="2172" y="378"/>
                  </a:lnTo>
                  <a:lnTo>
                    <a:pt x="2173" y="378"/>
                  </a:lnTo>
                  <a:lnTo>
                    <a:pt x="2175" y="378"/>
                  </a:lnTo>
                  <a:lnTo>
                    <a:pt x="2175" y="376"/>
                  </a:lnTo>
                  <a:lnTo>
                    <a:pt x="2177" y="376"/>
                  </a:lnTo>
                  <a:lnTo>
                    <a:pt x="2179" y="374"/>
                  </a:lnTo>
                  <a:lnTo>
                    <a:pt x="2181" y="374"/>
                  </a:lnTo>
                  <a:lnTo>
                    <a:pt x="2183" y="374"/>
                  </a:lnTo>
                  <a:lnTo>
                    <a:pt x="2185" y="374"/>
                  </a:lnTo>
                  <a:lnTo>
                    <a:pt x="2185" y="376"/>
                  </a:lnTo>
                  <a:lnTo>
                    <a:pt x="2186" y="376"/>
                  </a:lnTo>
                  <a:lnTo>
                    <a:pt x="2188" y="376"/>
                  </a:lnTo>
                  <a:lnTo>
                    <a:pt x="2190" y="376"/>
                  </a:lnTo>
                  <a:lnTo>
                    <a:pt x="2192" y="376"/>
                  </a:lnTo>
                  <a:lnTo>
                    <a:pt x="2194" y="376"/>
                  </a:lnTo>
                  <a:lnTo>
                    <a:pt x="2196" y="376"/>
                  </a:lnTo>
                  <a:lnTo>
                    <a:pt x="2198" y="376"/>
                  </a:lnTo>
                  <a:lnTo>
                    <a:pt x="2199" y="376"/>
                  </a:lnTo>
                  <a:lnTo>
                    <a:pt x="2199" y="374"/>
                  </a:lnTo>
                  <a:lnTo>
                    <a:pt x="2199" y="372"/>
                  </a:lnTo>
                  <a:lnTo>
                    <a:pt x="2198" y="372"/>
                  </a:lnTo>
                  <a:lnTo>
                    <a:pt x="2198" y="370"/>
                  </a:lnTo>
                  <a:lnTo>
                    <a:pt x="2198" y="368"/>
                  </a:lnTo>
                  <a:lnTo>
                    <a:pt x="2199" y="366"/>
                  </a:lnTo>
                  <a:lnTo>
                    <a:pt x="2199" y="365"/>
                  </a:lnTo>
                  <a:lnTo>
                    <a:pt x="2199" y="363"/>
                  </a:lnTo>
                  <a:lnTo>
                    <a:pt x="2199" y="361"/>
                  </a:lnTo>
                  <a:lnTo>
                    <a:pt x="2199" y="359"/>
                  </a:lnTo>
                  <a:lnTo>
                    <a:pt x="2199" y="357"/>
                  </a:lnTo>
                  <a:lnTo>
                    <a:pt x="2198" y="355"/>
                  </a:lnTo>
                  <a:lnTo>
                    <a:pt x="2199" y="355"/>
                  </a:lnTo>
                  <a:lnTo>
                    <a:pt x="2199" y="353"/>
                  </a:lnTo>
                  <a:lnTo>
                    <a:pt x="2201" y="352"/>
                  </a:lnTo>
                  <a:lnTo>
                    <a:pt x="2201" y="350"/>
                  </a:lnTo>
                  <a:lnTo>
                    <a:pt x="2201" y="348"/>
                  </a:lnTo>
                  <a:lnTo>
                    <a:pt x="2201" y="346"/>
                  </a:lnTo>
                  <a:lnTo>
                    <a:pt x="2201" y="344"/>
                  </a:lnTo>
                  <a:lnTo>
                    <a:pt x="2201" y="342"/>
                  </a:lnTo>
                  <a:lnTo>
                    <a:pt x="2201" y="341"/>
                  </a:lnTo>
                  <a:lnTo>
                    <a:pt x="2201" y="339"/>
                  </a:lnTo>
                  <a:lnTo>
                    <a:pt x="2201" y="337"/>
                  </a:lnTo>
                  <a:lnTo>
                    <a:pt x="2201" y="335"/>
                  </a:lnTo>
                  <a:lnTo>
                    <a:pt x="2199" y="335"/>
                  </a:lnTo>
                  <a:lnTo>
                    <a:pt x="2199" y="333"/>
                  </a:lnTo>
                  <a:lnTo>
                    <a:pt x="2198" y="333"/>
                  </a:lnTo>
                  <a:lnTo>
                    <a:pt x="2198" y="331"/>
                  </a:lnTo>
                  <a:lnTo>
                    <a:pt x="2198" y="329"/>
                  </a:lnTo>
                  <a:lnTo>
                    <a:pt x="2196" y="329"/>
                  </a:lnTo>
                  <a:lnTo>
                    <a:pt x="2194" y="329"/>
                  </a:lnTo>
                  <a:lnTo>
                    <a:pt x="2194" y="328"/>
                  </a:lnTo>
                  <a:lnTo>
                    <a:pt x="2192" y="328"/>
                  </a:lnTo>
                  <a:lnTo>
                    <a:pt x="2192" y="326"/>
                  </a:lnTo>
                  <a:lnTo>
                    <a:pt x="2190" y="326"/>
                  </a:lnTo>
                  <a:lnTo>
                    <a:pt x="2190" y="324"/>
                  </a:lnTo>
                  <a:lnTo>
                    <a:pt x="2190" y="322"/>
                  </a:lnTo>
                  <a:lnTo>
                    <a:pt x="2190" y="320"/>
                  </a:lnTo>
                  <a:lnTo>
                    <a:pt x="2190" y="318"/>
                  </a:lnTo>
                  <a:lnTo>
                    <a:pt x="2190" y="316"/>
                  </a:lnTo>
                  <a:lnTo>
                    <a:pt x="2188" y="315"/>
                  </a:lnTo>
                  <a:lnTo>
                    <a:pt x="2188" y="313"/>
                  </a:lnTo>
                  <a:lnTo>
                    <a:pt x="2190" y="313"/>
                  </a:lnTo>
                  <a:lnTo>
                    <a:pt x="2192" y="313"/>
                  </a:lnTo>
                  <a:lnTo>
                    <a:pt x="2192" y="311"/>
                  </a:lnTo>
                  <a:lnTo>
                    <a:pt x="2194" y="311"/>
                  </a:lnTo>
                  <a:lnTo>
                    <a:pt x="2194" y="309"/>
                  </a:lnTo>
                  <a:lnTo>
                    <a:pt x="2196" y="309"/>
                  </a:lnTo>
                  <a:lnTo>
                    <a:pt x="2196" y="307"/>
                  </a:lnTo>
                  <a:lnTo>
                    <a:pt x="2196" y="305"/>
                  </a:lnTo>
                  <a:lnTo>
                    <a:pt x="2198" y="305"/>
                  </a:lnTo>
                  <a:lnTo>
                    <a:pt x="2198" y="304"/>
                  </a:lnTo>
                  <a:lnTo>
                    <a:pt x="2199" y="302"/>
                  </a:lnTo>
                  <a:lnTo>
                    <a:pt x="2199" y="300"/>
                  </a:lnTo>
                  <a:lnTo>
                    <a:pt x="2199" y="298"/>
                  </a:lnTo>
                  <a:lnTo>
                    <a:pt x="2199" y="296"/>
                  </a:lnTo>
                  <a:lnTo>
                    <a:pt x="2199" y="294"/>
                  </a:lnTo>
                  <a:lnTo>
                    <a:pt x="2199" y="292"/>
                  </a:lnTo>
                  <a:lnTo>
                    <a:pt x="2199" y="291"/>
                  </a:lnTo>
                  <a:lnTo>
                    <a:pt x="2199" y="289"/>
                  </a:lnTo>
                  <a:lnTo>
                    <a:pt x="2201" y="289"/>
                  </a:lnTo>
                  <a:lnTo>
                    <a:pt x="2201" y="287"/>
                  </a:lnTo>
                  <a:lnTo>
                    <a:pt x="2201" y="285"/>
                  </a:lnTo>
                  <a:lnTo>
                    <a:pt x="2201" y="283"/>
                  </a:lnTo>
                  <a:lnTo>
                    <a:pt x="2201" y="281"/>
                  </a:lnTo>
                  <a:lnTo>
                    <a:pt x="2203" y="281"/>
                  </a:lnTo>
                  <a:lnTo>
                    <a:pt x="2201" y="281"/>
                  </a:lnTo>
                  <a:lnTo>
                    <a:pt x="2201" y="279"/>
                  </a:lnTo>
                  <a:lnTo>
                    <a:pt x="2201" y="278"/>
                  </a:lnTo>
                  <a:lnTo>
                    <a:pt x="2203" y="278"/>
                  </a:lnTo>
                  <a:lnTo>
                    <a:pt x="2203" y="276"/>
                  </a:lnTo>
                  <a:lnTo>
                    <a:pt x="2203" y="274"/>
                  </a:lnTo>
                  <a:lnTo>
                    <a:pt x="2205" y="274"/>
                  </a:lnTo>
                  <a:lnTo>
                    <a:pt x="2205" y="272"/>
                  </a:lnTo>
                  <a:lnTo>
                    <a:pt x="2207" y="272"/>
                  </a:lnTo>
                  <a:lnTo>
                    <a:pt x="2207" y="270"/>
                  </a:lnTo>
                  <a:lnTo>
                    <a:pt x="2209" y="270"/>
                  </a:lnTo>
                  <a:lnTo>
                    <a:pt x="2209" y="268"/>
                  </a:lnTo>
                  <a:lnTo>
                    <a:pt x="2209" y="267"/>
                  </a:lnTo>
                  <a:lnTo>
                    <a:pt x="2209" y="265"/>
                  </a:lnTo>
                  <a:lnTo>
                    <a:pt x="2209" y="263"/>
                  </a:lnTo>
                  <a:lnTo>
                    <a:pt x="2207" y="263"/>
                  </a:lnTo>
                  <a:lnTo>
                    <a:pt x="2207" y="261"/>
                  </a:lnTo>
                  <a:lnTo>
                    <a:pt x="2207" y="259"/>
                  </a:lnTo>
                  <a:lnTo>
                    <a:pt x="2207" y="257"/>
                  </a:lnTo>
                  <a:lnTo>
                    <a:pt x="2207" y="255"/>
                  </a:lnTo>
                  <a:lnTo>
                    <a:pt x="2207" y="254"/>
                  </a:lnTo>
                  <a:lnTo>
                    <a:pt x="2207" y="252"/>
                  </a:lnTo>
                  <a:lnTo>
                    <a:pt x="2209" y="252"/>
                  </a:lnTo>
                  <a:lnTo>
                    <a:pt x="2209" y="250"/>
                  </a:lnTo>
                  <a:lnTo>
                    <a:pt x="2209" y="248"/>
                  </a:lnTo>
                  <a:lnTo>
                    <a:pt x="2209" y="246"/>
                  </a:lnTo>
                  <a:lnTo>
                    <a:pt x="2207" y="246"/>
                  </a:lnTo>
                  <a:lnTo>
                    <a:pt x="2207" y="244"/>
                  </a:lnTo>
                  <a:lnTo>
                    <a:pt x="2207" y="242"/>
                  </a:lnTo>
                  <a:lnTo>
                    <a:pt x="2207" y="241"/>
                  </a:lnTo>
                  <a:lnTo>
                    <a:pt x="2209" y="241"/>
                  </a:lnTo>
                  <a:lnTo>
                    <a:pt x="2223" y="242"/>
                  </a:lnTo>
                  <a:lnTo>
                    <a:pt x="2229" y="244"/>
                  </a:lnTo>
                  <a:lnTo>
                    <a:pt x="2231" y="244"/>
                  </a:lnTo>
                  <a:lnTo>
                    <a:pt x="2233" y="244"/>
                  </a:lnTo>
                  <a:lnTo>
                    <a:pt x="2236" y="244"/>
                  </a:lnTo>
                  <a:lnTo>
                    <a:pt x="2240" y="246"/>
                  </a:lnTo>
                  <a:lnTo>
                    <a:pt x="2244" y="246"/>
                  </a:lnTo>
                  <a:lnTo>
                    <a:pt x="2247" y="248"/>
                  </a:lnTo>
                  <a:lnTo>
                    <a:pt x="2251" y="248"/>
                  </a:lnTo>
                  <a:lnTo>
                    <a:pt x="2262" y="252"/>
                  </a:lnTo>
                  <a:lnTo>
                    <a:pt x="2275" y="257"/>
                  </a:lnTo>
                  <a:lnTo>
                    <a:pt x="2277" y="255"/>
                  </a:lnTo>
                  <a:lnTo>
                    <a:pt x="2279" y="257"/>
                  </a:lnTo>
                  <a:lnTo>
                    <a:pt x="2281" y="259"/>
                  </a:lnTo>
                  <a:lnTo>
                    <a:pt x="2286" y="263"/>
                  </a:lnTo>
                  <a:lnTo>
                    <a:pt x="2286" y="261"/>
                  </a:lnTo>
                  <a:lnTo>
                    <a:pt x="2286" y="259"/>
                  </a:lnTo>
                  <a:lnTo>
                    <a:pt x="2288" y="259"/>
                  </a:lnTo>
                  <a:lnTo>
                    <a:pt x="2288" y="257"/>
                  </a:lnTo>
                  <a:lnTo>
                    <a:pt x="2288" y="255"/>
                  </a:lnTo>
                  <a:lnTo>
                    <a:pt x="2290" y="255"/>
                  </a:lnTo>
                  <a:lnTo>
                    <a:pt x="2290" y="254"/>
                  </a:lnTo>
                  <a:lnTo>
                    <a:pt x="2294" y="252"/>
                  </a:lnTo>
                  <a:lnTo>
                    <a:pt x="2295" y="252"/>
                  </a:lnTo>
                  <a:lnTo>
                    <a:pt x="2297" y="252"/>
                  </a:lnTo>
                  <a:lnTo>
                    <a:pt x="2299" y="252"/>
                  </a:lnTo>
                  <a:lnTo>
                    <a:pt x="2301" y="250"/>
                  </a:lnTo>
                  <a:lnTo>
                    <a:pt x="2303" y="250"/>
                  </a:lnTo>
                  <a:lnTo>
                    <a:pt x="2305" y="250"/>
                  </a:lnTo>
                  <a:lnTo>
                    <a:pt x="2307" y="250"/>
                  </a:lnTo>
                  <a:lnTo>
                    <a:pt x="2308" y="250"/>
                  </a:lnTo>
                  <a:lnTo>
                    <a:pt x="2308" y="252"/>
                  </a:lnTo>
                  <a:lnTo>
                    <a:pt x="2310" y="250"/>
                  </a:lnTo>
                  <a:lnTo>
                    <a:pt x="2312" y="250"/>
                  </a:lnTo>
                  <a:lnTo>
                    <a:pt x="2312" y="252"/>
                  </a:lnTo>
                  <a:lnTo>
                    <a:pt x="2312" y="250"/>
                  </a:lnTo>
                  <a:lnTo>
                    <a:pt x="2314" y="250"/>
                  </a:lnTo>
                  <a:lnTo>
                    <a:pt x="2314" y="248"/>
                  </a:lnTo>
                  <a:lnTo>
                    <a:pt x="2312" y="248"/>
                  </a:lnTo>
                  <a:lnTo>
                    <a:pt x="2314" y="248"/>
                  </a:lnTo>
                  <a:lnTo>
                    <a:pt x="2314" y="246"/>
                  </a:lnTo>
                  <a:lnTo>
                    <a:pt x="2312" y="246"/>
                  </a:lnTo>
                  <a:lnTo>
                    <a:pt x="2312" y="244"/>
                  </a:lnTo>
                  <a:lnTo>
                    <a:pt x="2312" y="242"/>
                  </a:lnTo>
                  <a:lnTo>
                    <a:pt x="2312" y="241"/>
                  </a:lnTo>
                  <a:lnTo>
                    <a:pt x="2314" y="241"/>
                  </a:lnTo>
                  <a:lnTo>
                    <a:pt x="2314" y="239"/>
                  </a:lnTo>
                  <a:lnTo>
                    <a:pt x="2312" y="239"/>
                  </a:lnTo>
                  <a:lnTo>
                    <a:pt x="2312" y="237"/>
                  </a:lnTo>
                  <a:lnTo>
                    <a:pt x="2310" y="237"/>
                  </a:lnTo>
                  <a:lnTo>
                    <a:pt x="2310" y="235"/>
                  </a:lnTo>
                  <a:lnTo>
                    <a:pt x="2308" y="235"/>
                  </a:lnTo>
                  <a:lnTo>
                    <a:pt x="2308" y="233"/>
                  </a:lnTo>
                  <a:lnTo>
                    <a:pt x="2307" y="233"/>
                  </a:lnTo>
                  <a:lnTo>
                    <a:pt x="2307" y="231"/>
                  </a:lnTo>
                  <a:lnTo>
                    <a:pt x="2305" y="231"/>
                  </a:lnTo>
                  <a:lnTo>
                    <a:pt x="2303" y="231"/>
                  </a:lnTo>
                  <a:lnTo>
                    <a:pt x="2303" y="230"/>
                  </a:lnTo>
                  <a:lnTo>
                    <a:pt x="2303" y="228"/>
                  </a:lnTo>
                  <a:lnTo>
                    <a:pt x="2301" y="226"/>
                  </a:lnTo>
                  <a:lnTo>
                    <a:pt x="2299" y="226"/>
                  </a:lnTo>
                  <a:lnTo>
                    <a:pt x="2299" y="224"/>
                  </a:lnTo>
                  <a:lnTo>
                    <a:pt x="2297" y="222"/>
                  </a:lnTo>
                  <a:lnTo>
                    <a:pt x="2297" y="220"/>
                  </a:lnTo>
                  <a:lnTo>
                    <a:pt x="2297" y="218"/>
                  </a:lnTo>
                  <a:lnTo>
                    <a:pt x="2297" y="217"/>
                  </a:lnTo>
                  <a:lnTo>
                    <a:pt x="2299" y="217"/>
                  </a:lnTo>
                  <a:lnTo>
                    <a:pt x="2299" y="215"/>
                  </a:lnTo>
                  <a:lnTo>
                    <a:pt x="2301" y="215"/>
                  </a:lnTo>
                  <a:lnTo>
                    <a:pt x="2299" y="211"/>
                  </a:lnTo>
                  <a:lnTo>
                    <a:pt x="2299" y="209"/>
                  </a:lnTo>
                  <a:lnTo>
                    <a:pt x="2299" y="207"/>
                  </a:lnTo>
                  <a:lnTo>
                    <a:pt x="2299" y="205"/>
                  </a:lnTo>
                  <a:lnTo>
                    <a:pt x="2299" y="204"/>
                  </a:lnTo>
                  <a:lnTo>
                    <a:pt x="2301" y="202"/>
                  </a:lnTo>
                  <a:lnTo>
                    <a:pt x="2301" y="200"/>
                  </a:lnTo>
                  <a:lnTo>
                    <a:pt x="2303" y="200"/>
                  </a:lnTo>
                  <a:lnTo>
                    <a:pt x="2305" y="198"/>
                  </a:lnTo>
                  <a:lnTo>
                    <a:pt x="2307" y="198"/>
                  </a:lnTo>
                  <a:lnTo>
                    <a:pt x="2308" y="198"/>
                  </a:lnTo>
                  <a:lnTo>
                    <a:pt x="2310" y="198"/>
                  </a:lnTo>
                  <a:lnTo>
                    <a:pt x="2310" y="196"/>
                  </a:lnTo>
                  <a:lnTo>
                    <a:pt x="2310" y="198"/>
                  </a:lnTo>
                  <a:lnTo>
                    <a:pt x="2312" y="196"/>
                  </a:lnTo>
                  <a:lnTo>
                    <a:pt x="2314" y="196"/>
                  </a:lnTo>
                  <a:lnTo>
                    <a:pt x="2316" y="196"/>
                  </a:lnTo>
                  <a:lnTo>
                    <a:pt x="2320" y="196"/>
                  </a:lnTo>
                  <a:lnTo>
                    <a:pt x="2321" y="196"/>
                  </a:lnTo>
                  <a:lnTo>
                    <a:pt x="2321" y="194"/>
                  </a:lnTo>
                  <a:lnTo>
                    <a:pt x="2323" y="194"/>
                  </a:lnTo>
                  <a:lnTo>
                    <a:pt x="2323" y="193"/>
                  </a:lnTo>
                  <a:lnTo>
                    <a:pt x="2325" y="193"/>
                  </a:lnTo>
                  <a:lnTo>
                    <a:pt x="2327" y="193"/>
                  </a:lnTo>
                  <a:lnTo>
                    <a:pt x="2327" y="191"/>
                  </a:lnTo>
                  <a:lnTo>
                    <a:pt x="2327" y="189"/>
                  </a:lnTo>
                  <a:lnTo>
                    <a:pt x="2327" y="187"/>
                  </a:lnTo>
                  <a:lnTo>
                    <a:pt x="2327" y="185"/>
                  </a:lnTo>
                  <a:lnTo>
                    <a:pt x="2329" y="183"/>
                  </a:lnTo>
                  <a:lnTo>
                    <a:pt x="2329" y="181"/>
                  </a:lnTo>
                  <a:lnTo>
                    <a:pt x="2329" y="180"/>
                  </a:lnTo>
                  <a:lnTo>
                    <a:pt x="2329" y="178"/>
                  </a:lnTo>
                  <a:lnTo>
                    <a:pt x="2327" y="176"/>
                  </a:lnTo>
                  <a:lnTo>
                    <a:pt x="2327" y="174"/>
                  </a:lnTo>
                  <a:lnTo>
                    <a:pt x="2327" y="172"/>
                  </a:lnTo>
                  <a:lnTo>
                    <a:pt x="2329" y="170"/>
                  </a:lnTo>
                  <a:lnTo>
                    <a:pt x="2327" y="170"/>
                  </a:lnTo>
                  <a:lnTo>
                    <a:pt x="2329" y="170"/>
                  </a:lnTo>
                  <a:lnTo>
                    <a:pt x="2329" y="168"/>
                  </a:lnTo>
                  <a:lnTo>
                    <a:pt x="2329" y="167"/>
                  </a:lnTo>
                  <a:lnTo>
                    <a:pt x="2331" y="165"/>
                  </a:lnTo>
                  <a:lnTo>
                    <a:pt x="2331" y="163"/>
                  </a:lnTo>
                  <a:lnTo>
                    <a:pt x="2332" y="163"/>
                  </a:lnTo>
                  <a:lnTo>
                    <a:pt x="2332" y="161"/>
                  </a:lnTo>
                  <a:lnTo>
                    <a:pt x="2334" y="159"/>
                  </a:lnTo>
                  <a:lnTo>
                    <a:pt x="2334" y="156"/>
                  </a:lnTo>
                  <a:lnTo>
                    <a:pt x="2334" y="154"/>
                  </a:lnTo>
                  <a:lnTo>
                    <a:pt x="2336" y="152"/>
                  </a:lnTo>
                  <a:lnTo>
                    <a:pt x="2338" y="150"/>
                  </a:lnTo>
                  <a:lnTo>
                    <a:pt x="2340" y="146"/>
                  </a:lnTo>
                  <a:lnTo>
                    <a:pt x="2342" y="144"/>
                  </a:lnTo>
                  <a:lnTo>
                    <a:pt x="2342" y="143"/>
                  </a:lnTo>
                  <a:lnTo>
                    <a:pt x="2342" y="141"/>
                  </a:lnTo>
                  <a:lnTo>
                    <a:pt x="2342" y="139"/>
                  </a:lnTo>
                  <a:lnTo>
                    <a:pt x="2342" y="137"/>
                  </a:lnTo>
                  <a:lnTo>
                    <a:pt x="2342" y="135"/>
                  </a:lnTo>
                  <a:lnTo>
                    <a:pt x="2342" y="133"/>
                  </a:lnTo>
                  <a:lnTo>
                    <a:pt x="2344" y="133"/>
                  </a:lnTo>
                  <a:lnTo>
                    <a:pt x="2345" y="133"/>
                  </a:lnTo>
                  <a:lnTo>
                    <a:pt x="2347" y="133"/>
                  </a:lnTo>
                  <a:lnTo>
                    <a:pt x="2347" y="132"/>
                  </a:lnTo>
                  <a:lnTo>
                    <a:pt x="2347" y="130"/>
                  </a:lnTo>
                  <a:lnTo>
                    <a:pt x="2349" y="130"/>
                  </a:lnTo>
                  <a:lnTo>
                    <a:pt x="2349" y="128"/>
                  </a:lnTo>
                  <a:lnTo>
                    <a:pt x="2349" y="126"/>
                  </a:lnTo>
                  <a:lnTo>
                    <a:pt x="2349" y="124"/>
                  </a:lnTo>
                  <a:lnTo>
                    <a:pt x="2349" y="122"/>
                  </a:lnTo>
                  <a:lnTo>
                    <a:pt x="2349" y="120"/>
                  </a:lnTo>
                  <a:lnTo>
                    <a:pt x="2349" y="119"/>
                  </a:lnTo>
                  <a:lnTo>
                    <a:pt x="2351" y="119"/>
                  </a:lnTo>
                  <a:lnTo>
                    <a:pt x="2353" y="119"/>
                  </a:lnTo>
                  <a:lnTo>
                    <a:pt x="2353" y="117"/>
                  </a:lnTo>
                  <a:lnTo>
                    <a:pt x="2353" y="115"/>
                  </a:lnTo>
                  <a:lnTo>
                    <a:pt x="2355" y="115"/>
                  </a:lnTo>
                  <a:lnTo>
                    <a:pt x="2353" y="115"/>
                  </a:lnTo>
                  <a:lnTo>
                    <a:pt x="2355" y="115"/>
                  </a:lnTo>
                  <a:lnTo>
                    <a:pt x="2357" y="115"/>
                  </a:lnTo>
                  <a:lnTo>
                    <a:pt x="2358" y="115"/>
                  </a:lnTo>
                  <a:lnTo>
                    <a:pt x="2358" y="113"/>
                  </a:lnTo>
                  <a:lnTo>
                    <a:pt x="2360" y="113"/>
                  </a:lnTo>
                  <a:lnTo>
                    <a:pt x="2362" y="111"/>
                  </a:lnTo>
                  <a:lnTo>
                    <a:pt x="2362" y="113"/>
                  </a:lnTo>
                  <a:lnTo>
                    <a:pt x="2364" y="113"/>
                  </a:lnTo>
                  <a:lnTo>
                    <a:pt x="2366" y="113"/>
                  </a:lnTo>
                  <a:lnTo>
                    <a:pt x="2368" y="113"/>
                  </a:lnTo>
                  <a:lnTo>
                    <a:pt x="2369" y="113"/>
                  </a:lnTo>
                  <a:lnTo>
                    <a:pt x="2371" y="113"/>
                  </a:lnTo>
                  <a:lnTo>
                    <a:pt x="2373" y="113"/>
                  </a:lnTo>
                  <a:lnTo>
                    <a:pt x="2375" y="115"/>
                  </a:lnTo>
                  <a:lnTo>
                    <a:pt x="2375" y="113"/>
                  </a:lnTo>
                  <a:lnTo>
                    <a:pt x="2377" y="113"/>
                  </a:lnTo>
                  <a:lnTo>
                    <a:pt x="2379" y="113"/>
                  </a:lnTo>
                  <a:lnTo>
                    <a:pt x="2379" y="115"/>
                  </a:lnTo>
                  <a:lnTo>
                    <a:pt x="2381" y="115"/>
                  </a:lnTo>
                  <a:lnTo>
                    <a:pt x="2382" y="115"/>
                  </a:lnTo>
                  <a:lnTo>
                    <a:pt x="2384" y="115"/>
                  </a:lnTo>
                  <a:lnTo>
                    <a:pt x="2386" y="115"/>
                  </a:lnTo>
                  <a:lnTo>
                    <a:pt x="2386" y="113"/>
                  </a:lnTo>
                  <a:lnTo>
                    <a:pt x="2386" y="111"/>
                  </a:lnTo>
                  <a:lnTo>
                    <a:pt x="2388" y="111"/>
                  </a:lnTo>
                  <a:lnTo>
                    <a:pt x="2388" y="109"/>
                  </a:lnTo>
                  <a:lnTo>
                    <a:pt x="2390" y="109"/>
                  </a:lnTo>
                  <a:lnTo>
                    <a:pt x="2392" y="107"/>
                  </a:lnTo>
                  <a:lnTo>
                    <a:pt x="2393" y="106"/>
                  </a:lnTo>
                  <a:lnTo>
                    <a:pt x="2395" y="104"/>
                  </a:lnTo>
                  <a:lnTo>
                    <a:pt x="2393" y="104"/>
                  </a:lnTo>
                  <a:lnTo>
                    <a:pt x="2395" y="104"/>
                  </a:lnTo>
                  <a:lnTo>
                    <a:pt x="2395" y="102"/>
                  </a:lnTo>
                  <a:lnTo>
                    <a:pt x="2397" y="102"/>
                  </a:lnTo>
                  <a:lnTo>
                    <a:pt x="2397" y="100"/>
                  </a:lnTo>
                  <a:lnTo>
                    <a:pt x="2399" y="100"/>
                  </a:lnTo>
                  <a:lnTo>
                    <a:pt x="2399" y="98"/>
                  </a:lnTo>
                  <a:lnTo>
                    <a:pt x="2399" y="96"/>
                  </a:lnTo>
                  <a:lnTo>
                    <a:pt x="2401" y="96"/>
                  </a:lnTo>
                  <a:lnTo>
                    <a:pt x="2403" y="95"/>
                  </a:lnTo>
                  <a:lnTo>
                    <a:pt x="2405" y="95"/>
                  </a:lnTo>
                  <a:lnTo>
                    <a:pt x="2406" y="95"/>
                  </a:lnTo>
                  <a:lnTo>
                    <a:pt x="2408" y="95"/>
                  </a:lnTo>
                  <a:lnTo>
                    <a:pt x="2412" y="95"/>
                  </a:lnTo>
                  <a:lnTo>
                    <a:pt x="2416" y="96"/>
                  </a:lnTo>
                  <a:lnTo>
                    <a:pt x="2416" y="98"/>
                  </a:lnTo>
                  <a:lnTo>
                    <a:pt x="2421" y="100"/>
                  </a:lnTo>
                  <a:lnTo>
                    <a:pt x="2423" y="106"/>
                  </a:lnTo>
                  <a:lnTo>
                    <a:pt x="2425" y="109"/>
                  </a:lnTo>
                  <a:lnTo>
                    <a:pt x="2427" y="113"/>
                  </a:lnTo>
                  <a:lnTo>
                    <a:pt x="2432" y="117"/>
                  </a:lnTo>
                  <a:lnTo>
                    <a:pt x="2434" y="117"/>
                  </a:lnTo>
                  <a:lnTo>
                    <a:pt x="2434" y="119"/>
                  </a:lnTo>
                  <a:lnTo>
                    <a:pt x="2436" y="119"/>
                  </a:lnTo>
                  <a:lnTo>
                    <a:pt x="2436" y="120"/>
                  </a:lnTo>
                  <a:lnTo>
                    <a:pt x="2436" y="122"/>
                  </a:lnTo>
                  <a:lnTo>
                    <a:pt x="2438" y="122"/>
                  </a:lnTo>
                  <a:lnTo>
                    <a:pt x="2438" y="124"/>
                  </a:lnTo>
                  <a:lnTo>
                    <a:pt x="2440" y="124"/>
                  </a:lnTo>
                  <a:lnTo>
                    <a:pt x="2440" y="126"/>
                  </a:lnTo>
                  <a:lnTo>
                    <a:pt x="2442" y="126"/>
                  </a:lnTo>
                  <a:lnTo>
                    <a:pt x="2442" y="128"/>
                  </a:lnTo>
                  <a:lnTo>
                    <a:pt x="2442" y="130"/>
                  </a:lnTo>
                  <a:lnTo>
                    <a:pt x="2443" y="130"/>
                  </a:lnTo>
                  <a:lnTo>
                    <a:pt x="2445" y="130"/>
                  </a:lnTo>
                  <a:lnTo>
                    <a:pt x="2445" y="132"/>
                  </a:lnTo>
                  <a:lnTo>
                    <a:pt x="2447" y="132"/>
                  </a:lnTo>
                  <a:lnTo>
                    <a:pt x="2449" y="132"/>
                  </a:lnTo>
                  <a:lnTo>
                    <a:pt x="2451" y="132"/>
                  </a:lnTo>
                  <a:lnTo>
                    <a:pt x="2451" y="133"/>
                  </a:lnTo>
                  <a:lnTo>
                    <a:pt x="2453" y="133"/>
                  </a:lnTo>
                  <a:lnTo>
                    <a:pt x="2454" y="133"/>
                  </a:lnTo>
                  <a:lnTo>
                    <a:pt x="2454" y="135"/>
                  </a:lnTo>
                  <a:lnTo>
                    <a:pt x="2456" y="135"/>
                  </a:lnTo>
                  <a:lnTo>
                    <a:pt x="2456" y="137"/>
                  </a:lnTo>
                  <a:lnTo>
                    <a:pt x="2458" y="137"/>
                  </a:lnTo>
                  <a:lnTo>
                    <a:pt x="2458" y="139"/>
                  </a:lnTo>
                  <a:lnTo>
                    <a:pt x="2460" y="139"/>
                  </a:lnTo>
                  <a:lnTo>
                    <a:pt x="2460" y="141"/>
                  </a:lnTo>
                  <a:lnTo>
                    <a:pt x="2462" y="141"/>
                  </a:lnTo>
                  <a:lnTo>
                    <a:pt x="2462" y="143"/>
                  </a:lnTo>
                  <a:lnTo>
                    <a:pt x="2464" y="144"/>
                  </a:lnTo>
                  <a:lnTo>
                    <a:pt x="2464" y="146"/>
                  </a:lnTo>
                  <a:lnTo>
                    <a:pt x="2464" y="148"/>
                  </a:lnTo>
                  <a:lnTo>
                    <a:pt x="2464" y="150"/>
                  </a:lnTo>
                  <a:lnTo>
                    <a:pt x="2464" y="152"/>
                  </a:lnTo>
                  <a:lnTo>
                    <a:pt x="2462" y="152"/>
                  </a:lnTo>
                  <a:lnTo>
                    <a:pt x="2462" y="154"/>
                  </a:lnTo>
                  <a:lnTo>
                    <a:pt x="2462" y="156"/>
                  </a:lnTo>
                  <a:lnTo>
                    <a:pt x="2462" y="157"/>
                  </a:lnTo>
                  <a:lnTo>
                    <a:pt x="2460" y="157"/>
                  </a:lnTo>
                  <a:lnTo>
                    <a:pt x="2460" y="159"/>
                  </a:lnTo>
                  <a:lnTo>
                    <a:pt x="2460" y="161"/>
                  </a:lnTo>
                  <a:lnTo>
                    <a:pt x="2458" y="161"/>
                  </a:lnTo>
                  <a:lnTo>
                    <a:pt x="2458" y="163"/>
                  </a:lnTo>
                  <a:lnTo>
                    <a:pt x="2458" y="165"/>
                  </a:lnTo>
                  <a:lnTo>
                    <a:pt x="2458" y="167"/>
                  </a:lnTo>
                  <a:lnTo>
                    <a:pt x="2458" y="168"/>
                  </a:lnTo>
                  <a:lnTo>
                    <a:pt x="2458" y="170"/>
                  </a:lnTo>
                  <a:lnTo>
                    <a:pt x="2458" y="172"/>
                  </a:lnTo>
                  <a:lnTo>
                    <a:pt x="2456" y="172"/>
                  </a:lnTo>
                  <a:lnTo>
                    <a:pt x="2456" y="174"/>
                  </a:lnTo>
                  <a:lnTo>
                    <a:pt x="2458" y="174"/>
                  </a:lnTo>
                  <a:lnTo>
                    <a:pt x="2458" y="176"/>
                  </a:lnTo>
                  <a:lnTo>
                    <a:pt x="2460" y="176"/>
                  </a:lnTo>
                  <a:lnTo>
                    <a:pt x="2460" y="178"/>
                  </a:lnTo>
                  <a:lnTo>
                    <a:pt x="2462" y="178"/>
                  </a:lnTo>
                  <a:lnTo>
                    <a:pt x="2462" y="180"/>
                  </a:lnTo>
                  <a:lnTo>
                    <a:pt x="2464" y="180"/>
                  </a:lnTo>
                  <a:lnTo>
                    <a:pt x="2466" y="181"/>
                  </a:lnTo>
                  <a:lnTo>
                    <a:pt x="2467" y="181"/>
                  </a:lnTo>
                  <a:lnTo>
                    <a:pt x="2469" y="181"/>
                  </a:lnTo>
                  <a:lnTo>
                    <a:pt x="2471" y="181"/>
                  </a:lnTo>
                  <a:lnTo>
                    <a:pt x="2473" y="181"/>
                  </a:lnTo>
                  <a:lnTo>
                    <a:pt x="2475" y="181"/>
                  </a:lnTo>
                  <a:lnTo>
                    <a:pt x="2477" y="181"/>
                  </a:lnTo>
                  <a:lnTo>
                    <a:pt x="2479" y="181"/>
                  </a:lnTo>
                  <a:lnTo>
                    <a:pt x="2479" y="183"/>
                  </a:lnTo>
                  <a:lnTo>
                    <a:pt x="2480" y="183"/>
                  </a:lnTo>
                  <a:lnTo>
                    <a:pt x="2480" y="185"/>
                  </a:lnTo>
                  <a:lnTo>
                    <a:pt x="2482" y="185"/>
                  </a:lnTo>
                  <a:lnTo>
                    <a:pt x="2484" y="185"/>
                  </a:lnTo>
                  <a:lnTo>
                    <a:pt x="2486" y="185"/>
                  </a:lnTo>
                  <a:lnTo>
                    <a:pt x="2488" y="187"/>
                  </a:lnTo>
                  <a:lnTo>
                    <a:pt x="2488" y="185"/>
                  </a:lnTo>
                  <a:lnTo>
                    <a:pt x="2490" y="185"/>
                  </a:lnTo>
                  <a:lnTo>
                    <a:pt x="2490" y="187"/>
                  </a:lnTo>
                  <a:lnTo>
                    <a:pt x="2491" y="187"/>
                  </a:lnTo>
                  <a:lnTo>
                    <a:pt x="2493" y="187"/>
                  </a:lnTo>
                  <a:lnTo>
                    <a:pt x="2495" y="187"/>
                  </a:lnTo>
                  <a:lnTo>
                    <a:pt x="2495" y="189"/>
                  </a:lnTo>
                  <a:lnTo>
                    <a:pt x="2497" y="189"/>
                  </a:lnTo>
                  <a:lnTo>
                    <a:pt x="2499" y="189"/>
                  </a:lnTo>
                  <a:lnTo>
                    <a:pt x="2501" y="189"/>
                  </a:lnTo>
                  <a:lnTo>
                    <a:pt x="2501" y="187"/>
                  </a:lnTo>
                  <a:lnTo>
                    <a:pt x="2501" y="189"/>
                  </a:lnTo>
                  <a:lnTo>
                    <a:pt x="2501" y="187"/>
                  </a:lnTo>
                  <a:lnTo>
                    <a:pt x="2503" y="187"/>
                  </a:lnTo>
                  <a:lnTo>
                    <a:pt x="2504" y="187"/>
                  </a:lnTo>
                  <a:lnTo>
                    <a:pt x="2504" y="189"/>
                  </a:lnTo>
                  <a:lnTo>
                    <a:pt x="2506" y="189"/>
                  </a:lnTo>
                  <a:lnTo>
                    <a:pt x="2506" y="191"/>
                  </a:lnTo>
                  <a:lnTo>
                    <a:pt x="2508" y="191"/>
                  </a:lnTo>
                  <a:lnTo>
                    <a:pt x="2508" y="193"/>
                  </a:lnTo>
                  <a:lnTo>
                    <a:pt x="2510" y="193"/>
                  </a:lnTo>
                  <a:lnTo>
                    <a:pt x="2512" y="193"/>
                  </a:lnTo>
                  <a:lnTo>
                    <a:pt x="2512" y="194"/>
                  </a:lnTo>
                  <a:lnTo>
                    <a:pt x="2512" y="193"/>
                  </a:lnTo>
                  <a:lnTo>
                    <a:pt x="2512" y="194"/>
                  </a:lnTo>
                  <a:lnTo>
                    <a:pt x="2514" y="194"/>
                  </a:lnTo>
                  <a:lnTo>
                    <a:pt x="2514" y="196"/>
                  </a:lnTo>
                  <a:lnTo>
                    <a:pt x="2515" y="196"/>
                  </a:lnTo>
                  <a:lnTo>
                    <a:pt x="2517" y="196"/>
                  </a:lnTo>
                  <a:lnTo>
                    <a:pt x="2519" y="196"/>
                  </a:lnTo>
                  <a:lnTo>
                    <a:pt x="2519" y="198"/>
                  </a:lnTo>
                  <a:lnTo>
                    <a:pt x="2521" y="198"/>
                  </a:lnTo>
                  <a:lnTo>
                    <a:pt x="2523" y="198"/>
                  </a:lnTo>
                  <a:lnTo>
                    <a:pt x="2523" y="200"/>
                  </a:lnTo>
                  <a:lnTo>
                    <a:pt x="2525" y="200"/>
                  </a:lnTo>
                  <a:lnTo>
                    <a:pt x="2525" y="202"/>
                  </a:lnTo>
                  <a:lnTo>
                    <a:pt x="2527" y="202"/>
                  </a:lnTo>
                  <a:lnTo>
                    <a:pt x="2528" y="202"/>
                  </a:lnTo>
                  <a:lnTo>
                    <a:pt x="2528" y="204"/>
                  </a:lnTo>
                  <a:lnTo>
                    <a:pt x="2528" y="205"/>
                  </a:lnTo>
                  <a:lnTo>
                    <a:pt x="2530" y="205"/>
                  </a:lnTo>
                  <a:lnTo>
                    <a:pt x="2530" y="207"/>
                  </a:lnTo>
                  <a:lnTo>
                    <a:pt x="2532" y="207"/>
                  </a:lnTo>
                  <a:lnTo>
                    <a:pt x="2534" y="207"/>
                  </a:lnTo>
                  <a:lnTo>
                    <a:pt x="2534" y="209"/>
                  </a:lnTo>
                  <a:lnTo>
                    <a:pt x="2534" y="211"/>
                  </a:lnTo>
                  <a:lnTo>
                    <a:pt x="2534" y="209"/>
                  </a:lnTo>
                  <a:lnTo>
                    <a:pt x="2534" y="211"/>
                  </a:lnTo>
                  <a:lnTo>
                    <a:pt x="2536" y="211"/>
                  </a:lnTo>
                  <a:lnTo>
                    <a:pt x="2538" y="211"/>
                  </a:lnTo>
                  <a:lnTo>
                    <a:pt x="2540" y="211"/>
                  </a:lnTo>
                  <a:lnTo>
                    <a:pt x="2541" y="211"/>
                  </a:lnTo>
                  <a:lnTo>
                    <a:pt x="2541" y="213"/>
                  </a:lnTo>
                  <a:lnTo>
                    <a:pt x="2543" y="213"/>
                  </a:lnTo>
                  <a:lnTo>
                    <a:pt x="2545" y="215"/>
                  </a:lnTo>
                  <a:lnTo>
                    <a:pt x="2545" y="213"/>
                  </a:lnTo>
                  <a:lnTo>
                    <a:pt x="2545" y="215"/>
                  </a:lnTo>
                  <a:lnTo>
                    <a:pt x="2545" y="213"/>
                  </a:lnTo>
                  <a:lnTo>
                    <a:pt x="2545" y="215"/>
                  </a:lnTo>
                  <a:lnTo>
                    <a:pt x="2547" y="215"/>
                  </a:lnTo>
                  <a:lnTo>
                    <a:pt x="2549" y="215"/>
                  </a:lnTo>
                  <a:lnTo>
                    <a:pt x="2551" y="215"/>
                  </a:lnTo>
                  <a:lnTo>
                    <a:pt x="2552" y="215"/>
                  </a:lnTo>
                  <a:lnTo>
                    <a:pt x="2552" y="217"/>
                  </a:lnTo>
                  <a:lnTo>
                    <a:pt x="2551" y="220"/>
                  </a:lnTo>
                  <a:lnTo>
                    <a:pt x="2549" y="222"/>
                  </a:lnTo>
                  <a:lnTo>
                    <a:pt x="2551" y="222"/>
                  </a:lnTo>
                  <a:lnTo>
                    <a:pt x="2551" y="224"/>
                  </a:lnTo>
                  <a:lnTo>
                    <a:pt x="2549" y="224"/>
                  </a:lnTo>
                  <a:lnTo>
                    <a:pt x="2549" y="226"/>
                  </a:lnTo>
                  <a:lnTo>
                    <a:pt x="2547" y="228"/>
                  </a:lnTo>
                  <a:lnTo>
                    <a:pt x="2547" y="230"/>
                  </a:lnTo>
                  <a:lnTo>
                    <a:pt x="2547" y="231"/>
                  </a:lnTo>
                  <a:lnTo>
                    <a:pt x="2549" y="233"/>
                  </a:lnTo>
                  <a:lnTo>
                    <a:pt x="2551" y="233"/>
                  </a:lnTo>
                  <a:lnTo>
                    <a:pt x="2551" y="235"/>
                  </a:lnTo>
                  <a:lnTo>
                    <a:pt x="2552" y="237"/>
                  </a:lnTo>
                  <a:lnTo>
                    <a:pt x="2552" y="239"/>
                  </a:lnTo>
                  <a:lnTo>
                    <a:pt x="2552" y="241"/>
                  </a:lnTo>
                  <a:lnTo>
                    <a:pt x="2552" y="242"/>
                  </a:lnTo>
                  <a:lnTo>
                    <a:pt x="2551" y="242"/>
                  </a:lnTo>
                  <a:lnTo>
                    <a:pt x="2551" y="244"/>
                  </a:lnTo>
                  <a:lnTo>
                    <a:pt x="2551" y="246"/>
                  </a:lnTo>
                  <a:lnTo>
                    <a:pt x="2551" y="248"/>
                  </a:lnTo>
                  <a:lnTo>
                    <a:pt x="2551" y="250"/>
                  </a:lnTo>
                  <a:lnTo>
                    <a:pt x="2551" y="252"/>
                  </a:lnTo>
                  <a:lnTo>
                    <a:pt x="2549" y="254"/>
                  </a:lnTo>
                  <a:lnTo>
                    <a:pt x="2549" y="255"/>
                  </a:lnTo>
                  <a:lnTo>
                    <a:pt x="2549" y="257"/>
                  </a:lnTo>
                  <a:lnTo>
                    <a:pt x="2551" y="257"/>
                  </a:lnTo>
                  <a:lnTo>
                    <a:pt x="2551" y="259"/>
                  </a:lnTo>
                  <a:lnTo>
                    <a:pt x="2551" y="261"/>
                  </a:lnTo>
                  <a:lnTo>
                    <a:pt x="2551" y="263"/>
                  </a:lnTo>
                  <a:lnTo>
                    <a:pt x="2549" y="263"/>
                  </a:lnTo>
                  <a:lnTo>
                    <a:pt x="2549" y="265"/>
                  </a:lnTo>
                  <a:lnTo>
                    <a:pt x="2547" y="267"/>
                  </a:lnTo>
                  <a:lnTo>
                    <a:pt x="2547" y="268"/>
                  </a:lnTo>
                  <a:lnTo>
                    <a:pt x="2545" y="268"/>
                  </a:lnTo>
                  <a:lnTo>
                    <a:pt x="2543" y="270"/>
                  </a:lnTo>
                  <a:lnTo>
                    <a:pt x="2541" y="270"/>
                  </a:lnTo>
                  <a:lnTo>
                    <a:pt x="2541" y="272"/>
                  </a:lnTo>
                  <a:lnTo>
                    <a:pt x="2540" y="272"/>
                  </a:lnTo>
                  <a:lnTo>
                    <a:pt x="2540" y="274"/>
                  </a:lnTo>
                  <a:lnTo>
                    <a:pt x="2540" y="276"/>
                  </a:lnTo>
                  <a:lnTo>
                    <a:pt x="2540" y="278"/>
                  </a:lnTo>
                  <a:lnTo>
                    <a:pt x="2540" y="279"/>
                  </a:lnTo>
                  <a:lnTo>
                    <a:pt x="2540" y="281"/>
                  </a:lnTo>
                  <a:lnTo>
                    <a:pt x="2540" y="283"/>
                  </a:lnTo>
                  <a:lnTo>
                    <a:pt x="2540" y="285"/>
                  </a:lnTo>
                  <a:lnTo>
                    <a:pt x="2540" y="287"/>
                  </a:lnTo>
                  <a:lnTo>
                    <a:pt x="2538" y="289"/>
                  </a:lnTo>
                  <a:lnTo>
                    <a:pt x="2538" y="291"/>
                  </a:lnTo>
                  <a:lnTo>
                    <a:pt x="2536" y="291"/>
                  </a:lnTo>
                  <a:lnTo>
                    <a:pt x="2536" y="292"/>
                  </a:lnTo>
                  <a:lnTo>
                    <a:pt x="2536" y="294"/>
                  </a:lnTo>
                  <a:lnTo>
                    <a:pt x="2536" y="296"/>
                  </a:lnTo>
                  <a:lnTo>
                    <a:pt x="2536" y="298"/>
                  </a:lnTo>
                  <a:lnTo>
                    <a:pt x="2538" y="298"/>
                  </a:lnTo>
                  <a:lnTo>
                    <a:pt x="2538" y="300"/>
                  </a:lnTo>
                  <a:lnTo>
                    <a:pt x="2536" y="300"/>
                  </a:lnTo>
                  <a:lnTo>
                    <a:pt x="2536" y="302"/>
                  </a:lnTo>
                  <a:lnTo>
                    <a:pt x="2536" y="304"/>
                  </a:lnTo>
                  <a:lnTo>
                    <a:pt x="2536" y="305"/>
                  </a:lnTo>
                  <a:lnTo>
                    <a:pt x="2536" y="307"/>
                  </a:lnTo>
                  <a:lnTo>
                    <a:pt x="2534" y="307"/>
                  </a:lnTo>
                  <a:lnTo>
                    <a:pt x="2534" y="309"/>
                  </a:lnTo>
                  <a:lnTo>
                    <a:pt x="2532" y="309"/>
                  </a:lnTo>
                  <a:lnTo>
                    <a:pt x="2532" y="311"/>
                  </a:lnTo>
                  <a:lnTo>
                    <a:pt x="2532" y="313"/>
                  </a:lnTo>
                  <a:lnTo>
                    <a:pt x="2530" y="313"/>
                  </a:lnTo>
                  <a:lnTo>
                    <a:pt x="2530" y="315"/>
                  </a:lnTo>
                  <a:lnTo>
                    <a:pt x="2528" y="316"/>
                  </a:lnTo>
                  <a:lnTo>
                    <a:pt x="2527" y="318"/>
                  </a:lnTo>
                  <a:lnTo>
                    <a:pt x="2525" y="322"/>
                  </a:lnTo>
                  <a:lnTo>
                    <a:pt x="2523" y="326"/>
                  </a:lnTo>
                  <a:lnTo>
                    <a:pt x="2523" y="328"/>
                  </a:lnTo>
                  <a:lnTo>
                    <a:pt x="2525" y="328"/>
                  </a:lnTo>
                  <a:lnTo>
                    <a:pt x="2527" y="329"/>
                  </a:lnTo>
                  <a:lnTo>
                    <a:pt x="2528" y="331"/>
                  </a:lnTo>
                  <a:lnTo>
                    <a:pt x="2528" y="333"/>
                  </a:lnTo>
                  <a:lnTo>
                    <a:pt x="2530" y="335"/>
                  </a:lnTo>
                  <a:lnTo>
                    <a:pt x="2530" y="341"/>
                  </a:lnTo>
                  <a:lnTo>
                    <a:pt x="2532" y="350"/>
                  </a:lnTo>
                  <a:lnTo>
                    <a:pt x="2532" y="352"/>
                  </a:lnTo>
                  <a:lnTo>
                    <a:pt x="2532" y="355"/>
                  </a:lnTo>
                  <a:lnTo>
                    <a:pt x="2532" y="363"/>
                  </a:lnTo>
                  <a:lnTo>
                    <a:pt x="2528" y="372"/>
                  </a:lnTo>
                  <a:lnTo>
                    <a:pt x="2530" y="376"/>
                  </a:lnTo>
                  <a:lnTo>
                    <a:pt x="2532" y="387"/>
                  </a:lnTo>
                  <a:lnTo>
                    <a:pt x="2534" y="398"/>
                  </a:lnTo>
                  <a:lnTo>
                    <a:pt x="2536" y="398"/>
                  </a:lnTo>
                  <a:lnTo>
                    <a:pt x="2534" y="400"/>
                  </a:lnTo>
                  <a:lnTo>
                    <a:pt x="2532" y="400"/>
                  </a:lnTo>
                  <a:lnTo>
                    <a:pt x="2530" y="400"/>
                  </a:lnTo>
                  <a:lnTo>
                    <a:pt x="2530" y="402"/>
                  </a:lnTo>
                  <a:lnTo>
                    <a:pt x="2530" y="403"/>
                  </a:lnTo>
                  <a:lnTo>
                    <a:pt x="2530" y="405"/>
                  </a:lnTo>
                  <a:lnTo>
                    <a:pt x="2528" y="405"/>
                  </a:lnTo>
                  <a:lnTo>
                    <a:pt x="2528" y="407"/>
                  </a:lnTo>
                  <a:lnTo>
                    <a:pt x="2528" y="409"/>
                  </a:lnTo>
                  <a:lnTo>
                    <a:pt x="2527" y="409"/>
                  </a:lnTo>
                  <a:lnTo>
                    <a:pt x="2527" y="411"/>
                  </a:lnTo>
                  <a:lnTo>
                    <a:pt x="2525" y="413"/>
                  </a:lnTo>
                  <a:lnTo>
                    <a:pt x="2525" y="415"/>
                  </a:lnTo>
                  <a:lnTo>
                    <a:pt x="2525" y="416"/>
                  </a:lnTo>
                  <a:lnTo>
                    <a:pt x="2527" y="416"/>
                  </a:lnTo>
                  <a:lnTo>
                    <a:pt x="2528" y="416"/>
                  </a:lnTo>
                  <a:lnTo>
                    <a:pt x="2528" y="418"/>
                  </a:lnTo>
                  <a:lnTo>
                    <a:pt x="2528" y="420"/>
                  </a:lnTo>
                  <a:lnTo>
                    <a:pt x="2528" y="422"/>
                  </a:lnTo>
                  <a:lnTo>
                    <a:pt x="2528" y="424"/>
                  </a:lnTo>
                  <a:lnTo>
                    <a:pt x="2528" y="426"/>
                  </a:lnTo>
                  <a:lnTo>
                    <a:pt x="2527" y="426"/>
                  </a:lnTo>
                  <a:lnTo>
                    <a:pt x="2527" y="427"/>
                  </a:lnTo>
                  <a:lnTo>
                    <a:pt x="2525" y="427"/>
                  </a:lnTo>
                  <a:lnTo>
                    <a:pt x="2525" y="429"/>
                  </a:lnTo>
                  <a:lnTo>
                    <a:pt x="2523" y="427"/>
                  </a:lnTo>
                  <a:lnTo>
                    <a:pt x="2521" y="427"/>
                  </a:lnTo>
                  <a:lnTo>
                    <a:pt x="2519" y="427"/>
                  </a:lnTo>
                  <a:lnTo>
                    <a:pt x="2521" y="429"/>
                  </a:lnTo>
                  <a:lnTo>
                    <a:pt x="2519" y="429"/>
                  </a:lnTo>
                  <a:lnTo>
                    <a:pt x="2519" y="431"/>
                  </a:lnTo>
                  <a:lnTo>
                    <a:pt x="2519" y="433"/>
                  </a:lnTo>
                  <a:lnTo>
                    <a:pt x="2519" y="435"/>
                  </a:lnTo>
                  <a:lnTo>
                    <a:pt x="2517" y="435"/>
                  </a:lnTo>
                  <a:lnTo>
                    <a:pt x="2517" y="437"/>
                  </a:lnTo>
                  <a:lnTo>
                    <a:pt x="2515" y="437"/>
                  </a:lnTo>
                  <a:lnTo>
                    <a:pt x="2515" y="439"/>
                  </a:lnTo>
                  <a:lnTo>
                    <a:pt x="2517" y="440"/>
                  </a:lnTo>
                  <a:lnTo>
                    <a:pt x="2517" y="442"/>
                  </a:lnTo>
                  <a:lnTo>
                    <a:pt x="2519" y="442"/>
                  </a:lnTo>
                  <a:lnTo>
                    <a:pt x="2519" y="444"/>
                  </a:lnTo>
                  <a:lnTo>
                    <a:pt x="2519" y="446"/>
                  </a:lnTo>
                  <a:lnTo>
                    <a:pt x="2521" y="448"/>
                  </a:lnTo>
                  <a:lnTo>
                    <a:pt x="2519" y="450"/>
                  </a:lnTo>
                  <a:lnTo>
                    <a:pt x="2517" y="452"/>
                  </a:lnTo>
                  <a:lnTo>
                    <a:pt x="2515" y="453"/>
                  </a:lnTo>
                  <a:lnTo>
                    <a:pt x="2515" y="455"/>
                  </a:lnTo>
                  <a:lnTo>
                    <a:pt x="2515" y="457"/>
                  </a:lnTo>
                  <a:lnTo>
                    <a:pt x="2515" y="459"/>
                  </a:lnTo>
                  <a:lnTo>
                    <a:pt x="2515" y="461"/>
                  </a:lnTo>
                  <a:lnTo>
                    <a:pt x="2515" y="463"/>
                  </a:lnTo>
                  <a:lnTo>
                    <a:pt x="2517" y="463"/>
                  </a:lnTo>
                  <a:lnTo>
                    <a:pt x="2517" y="464"/>
                  </a:lnTo>
                  <a:lnTo>
                    <a:pt x="2517" y="466"/>
                  </a:lnTo>
                  <a:lnTo>
                    <a:pt x="2517" y="468"/>
                  </a:lnTo>
                  <a:lnTo>
                    <a:pt x="2517" y="470"/>
                  </a:lnTo>
                  <a:lnTo>
                    <a:pt x="2515" y="470"/>
                  </a:lnTo>
                  <a:lnTo>
                    <a:pt x="2515" y="472"/>
                  </a:lnTo>
                  <a:lnTo>
                    <a:pt x="2514" y="472"/>
                  </a:lnTo>
                  <a:lnTo>
                    <a:pt x="2514" y="474"/>
                  </a:lnTo>
                  <a:lnTo>
                    <a:pt x="2514" y="476"/>
                  </a:lnTo>
                  <a:lnTo>
                    <a:pt x="2514" y="477"/>
                  </a:lnTo>
                  <a:lnTo>
                    <a:pt x="2514" y="479"/>
                  </a:lnTo>
                  <a:lnTo>
                    <a:pt x="2514" y="481"/>
                  </a:lnTo>
                  <a:lnTo>
                    <a:pt x="2512" y="481"/>
                  </a:lnTo>
                  <a:lnTo>
                    <a:pt x="2512" y="483"/>
                  </a:lnTo>
                  <a:lnTo>
                    <a:pt x="2512" y="485"/>
                  </a:lnTo>
                  <a:lnTo>
                    <a:pt x="2510" y="487"/>
                  </a:lnTo>
                  <a:lnTo>
                    <a:pt x="2510" y="488"/>
                  </a:lnTo>
                  <a:lnTo>
                    <a:pt x="2510" y="490"/>
                  </a:lnTo>
                  <a:lnTo>
                    <a:pt x="2508" y="490"/>
                  </a:lnTo>
                  <a:lnTo>
                    <a:pt x="2508" y="492"/>
                  </a:lnTo>
                  <a:lnTo>
                    <a:pt x="2506" y="492"/>
                  </a:lnTo>
                  <a:lnTo>
                    <a:pt x="2506" y="494"/>
                  </a:lnTo>
                  <a:lnTo>
                    <a:pt x="2506" y="496"/>
                  </a:lnTo>
                  <a:lnTo>
                    <a:pt x="2504" y="496"/>
                  </a:lnTo>
                  <a:lnTo>
                    <a:pt x="2503" y="498"/>
                  </a:lnTo>
                  <a:lnTo>
                    <a:pt x="2501" y="500"/>
                  </a:lnTo>
                  <a:lnTo>
                    <a:pt x="2499" y="501"/>
                  </a:lnTo>
                  <a:lnTo>
                    <a:pt x="2493" y="503"/>
                  </a:lnTo>
                  <a:lnTo>
                    <a:pt x="2488" y="505"/>
                  </a:lnTo>
                  <a:lnTo>
                    <a:pt x="2484" y="505"/>
                  </a:lnTo>
                  <a:lnTo>
                    <a:pt x="2480" y="505"/>
                  </a:lnTo>
                  <a:lnTo>
                    <a:pt x="2480" y="507"/>
                  </a:lnTo>
                  <a:lnTo>
                    <a:pt x="2480" y="509"/>
                  </a:lnTo>
                  <a:lnTo>
                    <a:pt x="2480" y="511"/>
                  </a:lnTo>
                  <a:lnTo>
                    <a:pt x="2479" y="513"/>
                  </a:lnTo>
                  <a:lnTo>
                    <a:pt x="2477" y="513"/>
                  </a:lnTo>
                  <a:lnTo>
                    <a:pt x="2477" y="516"/>
                  </a:lnTo>
                  <a:lnTo>
                    <a:pt x="2479" y="518"/>
                  </a:lnTo>
                  <a:lnTo>
                    <a:pt x="2477" y="522"/>
                  </a:lnTo>
                  <a:lnTo>
                    <a:pt x="2475" y="522"/>
                  </a:lnTo>
                  <a:lnTo>
                    <a:pt x="2473" y="524"/>
                  </a:lnTo>
                  <a:lnTo>
                    <a:pt x="2471" y="524"/>
                  </a:lnTo>
                  <a:lnTo>
                    <a:pt x="2471" y="525"/>
                  </a:lnTo>
                  <a:lnTo>
                    <a:pt x="2473" y="525"/>
                  </a:lnTo>
                  <a:lnTo>
                    <a:pt x="2473" y="527"/>
                  </a:lnTo>
                  <a:lnTo>
                    <a:pt x="2475" y="527"/>
                  </a:lnTo>
                  <a:lnTo>
                    <a:pt x="2477" y="529"/>
                  </a:lnTo>
                  <a:lnTo>
                    <a:pt x="2479" y="529"/>
                  </a:lnTo>
                  <a:lnTo>
                    <a:pt x="2480" y="529"/>
                  </a:lnTo>
                  <a:lnTo>
                    <a:pt x="2480" y="531"/>
                  </a:lnTo>
                  <a:lnTo>
                    <a:pt x="2482" y="533"/>
                  </a:lnTo>
                  <a:lnTo>
                    <a:pt x="2484" y="535"/>
                  </a:lnTo>
                  <a:lnTo>
                    <a:pt x="2486" y="537"/>
                  </a:lnTo>
                  <a:lnTo>
                    <a:pt x="2488" y="537"/>
                  </a:lnTo>
                  <a:lnTo>
                    <a:pt x="2488" y="538"/>
                  </a:lnTo>
                  <a:lnTo>
                    <a:pt x="2488" y="540"/>
                  </a:lnTo>
                  <a:lnTo>
                    <a:pt x="2488" y="542"/>
                  </a:lnTo>
                  <a:lnTo>
                    <a:pt x="2490" y="546"/>
                  </a:lnTo>
                  <a:lnTo>
                    <a:pt x="2493" y="548"/>
                  </a:lnTo>
                  <a:lnTo>
                    <a:pt x="2495" y="550"/>
                  </a:lnTo>
                  <a:lnTo>
                    <a:pt x="2497" y="555"/>
                  </a:lnTo>
                  <a:lnTo>
                    <a:pt x="2499" y="555"/>
                  </a:lnTo>
                  <a:lnTo>
                    <a:pt x="2499" y="557"/>
                  </a:lnTo>
                  <a:lnTo>
                    <a:pt x="2499" y="559"/>
                  </a:lnTo>
                  <a:lnTo>
                    <a:pt x="2499" y="562"/>
                  </a:lnTo>
                  <a:lnTo>
                    <a:pt x="2501" y="564"/>
                  </a:lnTo>
                  <a:lnTo>
                    <a:pt x="2499" y="566"/>
                  </a:lnTo>
                  <a:lnTo>
                    <a:pt x="2501" y="568"/>
                  </a:lnTo>
                  <a:lnTo>
                    <a:pt x="2501" y="570"/>
                  </a:lnTo>
                  <a:lnTo>
                    <a:pt x="2501" y="572"/>
                  </a:lnTo>
                  <a:lnTo>
                    <a:pt x="2503" y="572"/>
                  </a:lnTo>
                  <a:lnTo>
                    <a:pt x="2503" y="574"/>
                  </a:lnTo>
                  <a:lnTo>
                    <a:pt x="2503" y="575"/>
                  </a:lnTo>
                  <a:lnTo>
                    <a:pt x="2503" y="577"/>
                  </a:lnTo>
                  <a:lnTo>
                    <a:pt x="2504" y="581"/>
                  </a:lnTo>
                  <a:lnTo>
                    <a:pt x="2503" y="583"/>
                  </a:lnTo>
                  <a:lnTo>
                    <a:pt x="2504" y="585"/>
                  </a:lnTo>
                  <a:lnTo>
                    <a:pt x="2503" y="587"/>
                  </a:lnTo>
                  <a:lnTo>
                    <a:pt x="2503" y="590"/>
                  </a:lnTo>
                  <a:lnTo>
                    <a:pt x="2503" y="592"/>
                  </a:lnTo>
                  <a:lnTo>
                    <a:pt x="2503" y="594"/>
                  </a:lnTo>
                  <a:lnTo>
                    <a:pt x="2501" y="598"/>
                  </a:lnTo>
                  <a:lnTo>
                    <a:pt x="2501" y="596"/>
                  </a:lnTo>
                  <a:lnTo>
                    <a:pt x="2499" y="596"/>
                  </a:lnTo>
                  <a:lnTo>
                    <a:pt x="2497" y="596"/>
                  </a:lnTo>
                  <a:lnTo>
                    <a:pt x="2491" y="596"/>
                  </a:lnTo>
                  <a:lnTo>
                    <a:pt x="2490" y="599"/>
                  </a:lnTo>
                  <a:lnTo>
                    <a:pt x="2488" y="601"/>
                  </a:lnTo>
                  <a:lnTo>
                    <a:pt x="2482" y="605"/>
                  </a:lnTo>
                  <a:lnTo>
                    <a:pt x="2475" y="612"/>
                  </a:lnTo>
                  <a:lnTo>
                    <a:pt x="2462" y="622"/>
                  </a:lnTo>
                  <a:lnTo>
                    <a:pt x="2460" y="624"/>
                  </a:lnTo>
                  <a:lnTo>
                    <a:pt x="2460" y="625"/>
                  </a:lnTo>
                  <a:lnTo>
                    <a:pt x="2460" y="627"/>
                  </a:lnTo>
                  <a:lnTo>
                    <a:pt x="2458" y="627"/>
                  </a:lnTo>
                  <a:lnTo>
                    <a:pt x="2456" y="629"/>
                  </a:lnTo>
                  <a:lnTo>
                    <a:pt x="2454" y="629"/>
                  </a:lnTo>
                  <a:lnTo>
                    <a:pt x="2453" y="631"/>
                  </a:lnTo>
                  <a:lnTo>
                    <a:pt x="2451" y="633"/>
                  </a:lnTo>
                  <a:lnTo>
                    <a:pt x="2449" y="633"/>
                  </a:lnTo>
                  <a:lnTo>
                    <a:pt x="2449" y="635"/>
                  </a:lnTo>
                  <a:lnTo>
                    <a:pt x="2447" y="635"/>
                  </a:lnTo>
                  <a:lnTo>
                    <a:pt x="2445" y="635"/>
                  </a:lnTo>
                  <a:lnTo>
                    <a:pt x="2445" y="636"/>
                  </a:lnTo>
                  <a:lnTo>
                    <a:pt x="2443" y="638"/>
                  </a:lnTo>
                  <a:lnTo>
                    <a:pt x="2445" y="638"/>
                  </a:lnTo>
                  <a:lnTo>
                    <a:pt x="2445" y="640"/>
                  </a:lnTo>
                  <a:lnTo>
                    <a:pt x="2447" y="640"/>
                  </a:lnTo>
                  <a:lnTo>
                    <a:pt x="2449" y="642"/>
                  </a:lnTo>
                  <a:lnTo>
                    <a:pt x="2451" y="644"/>
                  </a:lnTo>
                  <a:lnTo>
                    <a:pt x="2454" y="646"/>
                  </a:lnTo>
                  <a:lnTo>
                    <a:pt x="2456" y="646"/>
                  </a:lnTo>
                  <a:lnTo>
                    <a:pt x="2456" y="648"/>
                  </a:lnTo>
                  <a:lnTo>
                    <a:pt x="2458" y="648"/>
                  </a:lnTo>
                  <a:lnTo>
                    <a:pt x="2458" y="649"/>
                  </a:lnTo>
                  <a:lnTo>
                    <a:pt x="2458" y="651"/>
                  </a:lnTo>
                  <a:lnTo>
                    <a:pt x="2458" y="653"/>
                  </a:lnTo>
                  <a:lnTo>
                    <a:pt x="2458" y="655"/>
                  </a:lnTo>
                  <a:lnTo>
                    <a:pt x="2460" y="655"/>
                  </a:lnTo>
                  <a:lnTo>
                    <a:pt x="2460" y="657"/>
                  </a:lnTo>
                  <a:lnTo>
                    <a:pt x="2462" y="657"/>
                  </a:lnTo>
                  <a:lnTo>
                    <a:pt x="2464" y="659"/>
                  </a:lnTo>
                  <a:lnTo>
                    <a:pt x="2464" y="661"/>
                  </a:lnTo>
                  <a:lnTo>
                    <a:pt x="2466" y="662"/>
                  </a:lnTo>
                  <a:lnTo>
                    <a:pt x="2467" y="664"/>
                  </a:lnTo>
                  <a:lnTo>
                    <a:pt x="2469" y="664"/>
                  </a:lnTo>
                  <a:lnTo>
                    <a:pt x="2471" y="666"/>
                  </a:lnTo>
                  <a:lnTo>
                    <a:pt x="2469" y="668"/>
                  </a:lnTo>
                  <a:lnTo>
                    <a:pt x="2469" y="670"/>
                  </a:lnTo>
                  <a:lnTo>
                    <a:pt x="2469" y="672"/>
                  </a:lnTo>
                  <a:lnTo>
                    <a:pt x="2469" y="673"/>
                  </a:lnTo>
                  <a:lnTo>
                    <a:pt x="2471" y="675"/>
                  </a:lnTo>
                  <a:lnTo>
                    <a:pt x="2469" y="675"/>
                  </a:lnTo>
                  <a:lnTo>
                    <a:pt x="2469" y="677"/>
                  </a:lnTo>
                  <a:lnTo>
                    <a:pt x="2467" y="677"/>
                  </a:lnTo>
                  <a:lnTo>
                    <a:pt x="2467" y="679"/>
                  </a:lnTo>
                  <a:lnTo>
                    <a:pt x="2467" y="681"/>
                  </a:lnTo>
                  <a:lnTo>
                    <a:pt x="2467" y="683"/>
                  </a:lnTo>
                  <a:lnTo>
                    <a:pt x="2467" y="685"/>
                  </a:lnTo>
                  <a:lnTo>
                    <a:pt x="2467" y="686"/>
                  </a:lnTo>
                  <a:lnTo>
                    <a:pt x="2466" y="686"/>
                  </a:lnTo>
                  <a:lnTo>
                    <a:pt x="2466" y="688"/>
                  </a:lnTo>
                  <a:lnTo>
                    <a:pt x="2462" y="692"/>
                  </a:lnTo>
                  <a:lnTo>
                    <a:pt x="2460" y="692"/>
                  </a:lnTo>
                  <a:lnTo>
                    <a:pt x="2460" y="694"/>
                  </a:lnTo>
                  <a:lnTo>
                    <a:pt x="2458" y="694"/>
                  </a:lnTo>
                  <a:lnTo>
                    <a:pt x="2456" y="694"/>
                  </a:lnTo>
                  <a:lnTo>
                    <a:pt x="2453" y="694"/>
                  </a:lnTo>
                  <a:lnTo>
                    <a:pt x="2451" y="694"/>
                  </a:lnTo>
                  <a:lnTo>
                    <a:pt x="2443" y="709"/>
                  </a:lnTo>
                  <a:lnTo>
                    <a:pt x="2443" y="714"/>
                  </a:lnTo>
                  <a:lnTo>
                    <a:pt x="2442" y="714"/>
                  </a:lnTo>
                  <a:lnTo>
                    <a:pt x="2442" y="716"/>
                  </a:lnTo>
                  <a:lnTo>
                    <a:pt x="2442" y="718"/>
                  </a:lnTo>
                  <a:lnTo>
                    <a:pt x="2442" y="720"/>
                  </a:lnTo>
                  <a:lnTo>
                    <a:pt x="2440" y="723"/>
                  </a:lnTo>
                  <a:lnTo>
                    <a:pt x="2438" y="725"/>
                  </a:lnTo>
                  <a:lnTo>
                    <a:pt x="2438" y="727"/>
                  </a:lnTo>
                  <a:lnTo>
                    <a:pt x="2436" y="727"/>
                  </a:lnTo>
                  <a:lnTo>
                    <a:pt x="2436" y="729"/>
                  </a:lnTo>
                  <a:lnTo>
                    <a:pt x="2434" y="729"/>
                  </a:lnTo>
                  <a:lnTo>
                    <a:pt x="2432" y="729"/>
                  </a:lnTo>
                  <a:lnTo>
                    <a:pt x="2430" y="729"/>
                  </a:lnTo>
                  <a:lnTo>
                    <a:pt x="2430" y="731"/>
                  </a:lnTo>
                  <a:lnTo>
                    <a:pt x="2430" y="733"/>
                  </a:lnTo>
                  <a:lnTo>
                    <a:pt x="2429" y="733"/>
                  </a:lnTo>
                  <a:lnTo>
                    <a:pt x="2427" y="733"/>
                  </a:lnTo>
                  <a:lnTo>
                    <a:pt x="2425" y="733"/>
                  </a:lnTo>
                  <a:lnTo>
                    <a:pt x="2423" y="733"/>
                  </a:lnTo>
                  <a:lnTo>
                    <a:pt x="2421" y="736"/>
                  </a:lnTo>
                  <a:lnTo>
                    <a:pt x="2421" y="738"/>
                  </a:lnTo>
                  <a:lnTo>
                    <a:pt x="2425" y="740"/>
                  </a:lnTo>
                  <a:lnTo>
                    <a:pt x="2427" y="740"/>
                  </a:lnTo>
                  <a:lnTo>
                    <a:pt x="2427" y="744"/>
                  </a:lnTo>
                  <a:lnTo>
                    <a:pt x="2429" y="744"/>
                  </a:lnTo>
                  <a:lnTo>
                    <a:pt x="2429" y="746"/>
                  </a:lnTo>
                  <a:lnTo>
                    <a:pt x="2429" y="747"/>
                  </a:lnTo>
                  <a:lnTo>
                    <a:pt x="2430" y="749"/>
                  </a:lnTo>
                  <a:lnTo>
                    <a:pt x="2430" y="751"/>
                  </a:lnTo>
                  <a:lnTo>
                    <a:pt x="2432" y="751"/>
                  </a:lnTo>
                  <a:lnTo>
                    <a:pt x="2434" y="753"/>
                  </a:lnTo>
                  <a:lnTo>
                    <a:pt x="2434" y="757"/>
                  </a:lnTo>
                  <a:lnTo>
                    <a:pt x="2434" y="759"/>
                  </a:lnTo>
                  <a:lnTo>
                    <a:pt x="2436" y="760"/>
                  </a:lnTo>
                  <a:lnTo>
                    <a:pt x="2436" y="762"/>
                  </a:lnTo>
                  <a:lnTo>
                    <a:pt x="2438" y="762"/>
                  </a:lnTo>
                  <a:lnTo>
                    <a:pt x="2438" y="764"/>
                  </a:lnTo>
                  <a:lnTo>
                    <a:pt x="2436" y="770"/>
                  </a:lnTo>
                  <a:lnTo>
                    <a:pt x="2436" y="772"/>
                  </a:lnTo>
                  <a:lnTo>
                    <a:pt x="2438" y="773"/>
                  </a:lnTo>
                  <a:lnTo>
                    <a:pt x="2438" y="775"/>
                  </a:lnTo>
                  <a:lnTo>
                    <a:pt x="2438" y="777"/>
                  </a:lnTo>
                  <a:lnTo>
                    <a:pt x="2438" y="779"/>
                  </a:lnTo>
                  <a:lnTo>
                    <a:pt x="2440" y="781"/>
                  </a:lnTo>
                  <a:lnTo>
                    <a:pt x="2440" y="784"/>
                  </a:lnTo>
                  <a:lnTo>
                    <a:pt x="2440" y="786"/>
                  </a:lnTo>
                  <a:lnTo>
                    <a:pt x="2438" y="786"/>
                  </a:lnTo>
                  <a:lnTo>
                    <a:pt x="2438" y="788"/>
                  </a:lnTo>
                  <a:lnTo>
                    <a:pt x="2438" y="790"/>
                  </a:lnTo>
                  <a:lnTo>
                    <a:pt x="2438" y="794"/>
                  </a:lnTo>
                  <a:lnTo>
                    <a:pt x="2438" y="796"/>
                  </a:lnTo>
                  <a:lnTo>
                    <a:pt x="2438" y="797"/>
                  </a:lnTo>
                  <a:lnTo>
                    <a:pt x="2442" y="797"/>
                  </a:lnTo>
                  <a:lnTo>
                    <a:pt x="2442" y="799"/>
                  </a:lnTo>
                  <a:lnTo>
                    <a:pt x="2443" y="801"/>
                  </a:lnTo>
                  <a:lnTo>
                    <a:pt x="2445" y="801"/>
                  </a:lnTo>
                  <a:lnTo>
                    <a:pt x="2445" y="803"/>
                  </a:lnTo>
                  <a:lnTo>
                    <a:pt x="2445" y="805"/>
                  </a:lnTo>
                  <a:lnTo>
                    <a:pt x="2445" y="807"/>
                  </a:lnTo>
                  <a:lnTo>
                    <a:pt x="2445" y="808"/>
                  </a:lnTo>
                  <a:lnTo>
                    <a:pt x="2447" y="808"/>
                  </a:lnTo>
                  <a:lnTo>
                    <a:pt x="2447" y="810"/>
                  </a:lnTo>
                  <a:lnTo>
                    <a:pt x="2449" y="810"/>
                  </a:lnTo>
                  <a:lnTo>
                    <a:pt x="2449" y="812"/>
                  </a:lnTo>
                  <a:lnTo>
                    <a:pt x="2451" y="814"/>
                  </a:lnTo>
                  <a:lnTo>
                    <a:pt x="2451" y="816"/>
                  </a:lnTo>
                  <a:lnTo>
                    <a:pt x="2451" y="818"/>
                  </a:lnTo>
                  <a:lnTo>
                    <a:pt x="2453" y="820"/>
                  </a:lnTo>
                  <a:lnTo>
                    <a:pt x="2453" y="821"/>
                  </a:lnTo>
                  <a:lnTo>
                    <a:pt x="2453" y="823"/>
                  </a:lnTo>
                  <a:lnTo>
                    <a:pt x="2453" y="825"/>
                  </a:lnTo>
                  <a:lnTo>
                    <a:pt x="2453" y="827"/>
                  </a:lnTo>
                  <a:lnTo>
                    <a:pt x="2451" y="831"/>
                  </a:lnTo>
                  <a:lnTo>
                    <a:pt x="2454" y="834"/>
                  </a:lnTo>
                  <a:lnTo>
                    <a:pt x="2460" y="836"/>
                  </a:lnTo>
                  <a:lnTo>
                    <a:pt x="2464" y="836"/>
                  </a:lnTo>
                  <a:lnTo>
                    <a:pt x="2466" y="836"/>
                  </a:lnTo>
                  <a:lnTo>
                    <a:pt x="2471" y="834"/>
                  </a:lnTo>
                  <a:lnTo>
                    <a:pt x="2473" y="833"/>
                  </a:lnTo>
                  <a:lnTo>
                    <a:pt x="2480" y="829"/>
                  </a:lnTo>
                  <a:lnTo>
                    <a:pt x="2482" y="831"/>
                  </a:lnTo>
                  <a:lnTo>
                    <a:pt x="2482" y="829"/>
                  </a:lnTo>
                  <a:lnTo>
                    <a:pt x="2484" y="829"/>
                  </a:lnTo>
                  <a:lnTo>
                    <a:pt x="2486" y="829"/>
                  </a:lnTo>
                  <a:lnTo>
                    <a:pt x="2488" y="829"/>
                  </a:lnTo>
                  <a:lnTo>
                    <a:pt x="2491" y="829"/>
                  </a:lnTo>
                  <a:lnTo>
                    <a:pt x="2493" y="829"/>
                  </a:lnTo>
                  <a:lnTo>
                    <a:pt x="2495" y="827"/>
                  </a:lnTo>
                  <a:lnTo>
                    <a:pt x="2499" y="827"/>
                  </a:lnTo>
                  <a:lnTo>
                    <a:pt x="2501" y="827"/>
                  </a:lnTo>
                  <a:lnTo>
                    <a:pt x="2503" y="827"/>
                  </a:lnTo>
                  <a:lnTo>
                    <a:pt x="2508" y="827"/>
                  </a:lnTo>
                  <a:lnTo>
                    <a:pt x="2512" y="827"/>
                  </a:lnTo>
                  <a:lnTo>
                    <a:pt x="2514" y="823"/>
                  </a:lnTo>
                  <a:lnTo>
                    <a:pt x="2515" y="821"/>
                  </a:lnTo>
                  <a:lnTo>
                    <a:pt x="2523" y="827"/>
                  </a:lnTo>
                  <a:lnTo>
                    <a:pt x="2528" y="829"/>
                  </a:lnTo>
                  <a:lnTo>
                    <a:pt x="2532" y="833"/>
                  </a:lnTo>
                  <a:lnTo>
                    <a:pt x="2534" y="833"/>
                  </a:lnTo>
                  <a:lnTo>
                    <a:pt x="2540" y="838"/>
                  </a:lnTo>
                  <a:lnTo>
                    <a:pt x="2543" y="842"/>
                  </a:lnTo>
                  <a:lnTo>
                    <a:pt x="2547" y="845"/>
                  </a:lnTo>
                  <a:lnTo>
                    <a:pt x="2551" y="849"/>
                  </a:lnTo>
                  <a:lnTo>
                    <a:pt x="2562" y="858"/>
                  </a:lnTo>
                  <a:lnTo>
                    <a:pt x="2565" y="862"/>
                  </a:lnTo>
                  <a:lnTo>
                    <a:pt x="2567" y="864"/>
                  </a:lnTo>
                  <a:lnTo>
                    <a:pt x="2569" y="866"/>
                  </a:lnTo>
                  <a:lnTo>
                    <a:pt x="2571" y="870"/>
                  </a:lnTo>
                  <a:lnTo>
                    <a:pt x="2576" y="873"/>
                  </a:lnTo>
                  <a:lnTo>
                    <a:pt x="2578" y="873"/>
                  </a:lnTo>
                  <a:lnTo>
                    <a:pt x="2580" y="873"/>
                  </a:lnTo>
                  <a:lnTo>
                    <a:pt x="2582" y="873"/>
                  </a:lnTo>
                  <a:lnTo>
                    <a:pt x="2582" y="877"/>
                  </a:lnTo>
                  <a:lnTo>
                    <a:pt x="2582" y="879"/>
                  </a:lnTo>
                  <a:lnTo>
                    <a:pt x="2582" y="881"/>
                  </a:lnTo>
                  <a:lnTo>
                    <a:pt x="2580" y="881"/>
                  </a:lnTo>
                  <a:lnTo>
                    <a:pt x="2580" y="882"/>
                  </a:lnTo>
                  <a:lnTo>
                    <a:pt x="2578" y="882"/>
                  </a:lnTo>
                  <a:lnTo>
                    <a:pt x="2578" y="884"/>
                  </a:lnTo>
                  <a:lnTo>
                    <a:pt x="2576" y="886"/>
                  </a:lnTo>
                  <a:lnTo>
                    <a:pt x="2576" y="888"/>
                  </a:lnTo>
                  <a:lnTo>
                    <a:pt x="2575" y="888"/>
                  </a:lnTo>
                  <a:lnTo>
                    <a:pt x="2575" y="890"/>
                  </a:lnTo>
                  <a:lnTo>
                    <a:pt x="2575" y="892"/>
                  </a:lnTo>
                  <a:lnTo>
                    <a:pt x="2573" y="892"/>
                  </a:lnTo>
                  <a:lnTo>
                    <a:pt x="2573" y="894"/>
                  </a:lnTo>
                  <a:lnTo>
                    <a:pt x="2573" y="895"/>
                  </a:lnTo>
                  <a:lnTo>
                    <a:pt x="2573" y="897"/>
                  </a:lnTo>
                  <a:lnTo>
                    <a:pt x="2573" y="899"/>
                  </a:lnTo>
                  <a:lnTo>
                    <a:pt x="2573" y="901"/>
                  </a:lnTo>
                  <a:lnTo>
                    <a:pt x="2575" y="901"/>
                  </a:lnTo>
                  <a:lnTo>
                    <a:pt x="2576" y="903"/>
                  </a:lnTo>
                  <a:lnTo>
                    <a:pt x="2576" y="907"/>
                  </a:lnTo>
                  <a:lnTo>
                    <a:pt x="2576" y="908"/>
                  </a:lnTo>
                  <a:lnTo>
                    <a:pt x="2576" y="910"/>
                  </a:lnTo>
                  <a:lnTo>
                    <a:pt x="2576" y="912"/>
                  </a:lnTo>
                  <a:lnTo>
                    <a:pt x="2575" y="912"/>
                  </a:lnTo>
                  <a:lnTo>
                    <a:pt x="2575" y="914"/>
                  </a:lnTo>
                  <a:lnTo>
                    <a:pt x="2573" y="914"/>
                  </a:lnTo>
                  <a:lnTo>
                    <a:pt x="2573" y="916"/>
                  </a:lnTo>
                  <a:lnTo>
                    <a:pt x="2573" y="918"/>
                  </a:lnTo>
                  <a:lnTo>
                    <a:pt x="2573" y="919"/>
                  </a:lnTo>
                  <a:lnTo>
                    <a:pt x="2573" y="921"/>
                  </a:lnTo>
                  <a:lnTo>
                    <a:pt x="2573" y="923"/>
                  </a:lnTo>
                  <a:lnTo>
                    <a:pt x="2575" y="923"/>
                  </a:lnTo>
                  <a:lnTo>
                    <a:pt x="2576" y="923"/>
                  </a:lnTo>
                  <a:lnTo>
                    <a:pt x="2576" y="925"/>
                  </a:lnTo>
                  <a:lnTo>
                    <a:pt x="2578" y="925"/>
                  </a:lnTo>
                  <a:lnTo>
                    <a:pt x="2578" y="927"/>
                  </a:lnTo>
                  <a:lnTo>
                    <a:pt x="2576" y="927"/>
                  </a:lnTo>
                  <a:lnTo>
                    <a:pt x="2576" y="929"/>
                  </a:lnTo>
                  <a:lnTo>
                    <a:pt x="2576" y="931"/>
                  </a:lnTo>
                  <a:lnTo>
                    <a:pt x="2576" y="932"/>
                  </a:lnTo>
                  <a:lnTo>
                    <a:pt x="2576" y="934"/>
                  </a:lnTo>
                  <a:lnTo>
                    <a:pt x="2575" y="936"/>
                  </a:lnTo>
                  <a:lnTo>
                    <a:pt x="2575" y="938"/>
                  </a:lnTo>
                  <a:lnTo>
                    <a:pt x="2575" y="940"/>
                  </a:lnTo>
                  <a:lnTo>
                    <a:pt x="2573" y="940"/>
                  </a:lnTo>
                  <a:lnTo>
                    <a:pt x="2573" y="942"/>
                  </a:lnTo>
                  <a:lnTo>
                    <a:pt x="2573" y="944"/>
                  </a:lnTo>
                  <a:lnTo>
                    <a:pt x="2573" y="945"/>
                  </a:lnTo>
                  <a:lnTo>
                    <a:pt x="2575" y="945"/>
                  </a:lnTo>
                  <a:lnTo>
                    <a:pt x="2575" y="947"/>
                  </a:lnTo>
                  <a:lnTo>
                    <a:pt x="2575" y="949"/>
                  </a:lnTo>
                  <a:lnTo>
                    <a:pt x="2575" y="951"/>
                  </a:lnTo>
                  <a:lnTo>
                    <a:pt x="2573" y="951"/>
                  </a:lnTo>
                  <a:lnTo>
                    <a:pt x="2573" y="953"/>
                  </a:lnTo>
                  <a:lnTo>
                    <a:pt x="2571" y="953"/>
                  </a:lnTo>
                  <a:lnTo>
                    <a:pt x="2571" y="955"/>
                  </a:lnTo>
                  <a:lnTo>
                    <a:pt x="2569" y="955"/>
                  </a:lnTo>
                  <a:lnTo>
                    <a:pt x="2569" y="956"/>
                  </a:lnTo>
                  <a:lnTo>
                    <a:pt x="2569" y="958"/>
                  </a:lnTo>
                  <a:lnTo>
                    <a:pt x="2567" y="960"/>
                  </a:lnTo>
                  <a:lnTo>
                    <a:pt x="2567" y="962"/>
                  </a:lnTo>
                  <a:lnTo>
                    <a:pt x="2565" y="962"/>
                  </a:lnTo>
                  <a:lnTo>
                    <a:pt x="2565" y="964"/>
                  </a:lnTo>
                  <a:lnTo>
                    <a:pt x="2565" y="966"/>
                  </a:lnTo>
                  <a:lnTo>
                    <a:pt x="2565" y="968"/>
                  </a:lnTo>
                  <a:lnTo>
                    <a:pt x="2565" y="969"/>
                  </a:lnTo>
                  <a:lnTo>
                    <a:pt x="2564" y="969"/>
                  </a:lnTo>
                  <a:lnTo>
                    <a:pt x="2564" y="971"/>
                  </a:lnTo>
                  <a:lnTo>
                    <a:pt x="2562" y="971"/>
                  </a:lnTo>
                  <a:lnTo>
                    <a:pt x="2562" y="973"/>
                  </a:lnTo>
                  <a:lnTo>
                    <a:pt x="2562" y="975"/>
                  </a:lnTo>
                  <a:lnTo>
                    <a:pt x="2562" y="977"/>
                  </a:lnTo>
                  <a:lnTo>
                    <a:pt x="2562" y="979"/>
                  </a:lnTo>
                  <a:lnTo>
                    <a:pt x="2562" y="981"/>
                  </a:lnTo>
                  <a:lnTo>
                    <a:pt x="2562" y="982"/>
                  </a:lnTo>
                  <a:lnTo>
                    <a:pt x="2564" y="984"/>
                  </a:lnTo>
                  <a:lnTo>
                    <a:pt x="2564" y="986"/>
                  </a:lnTo>
                  <a:lnTo>
                    <a:pt x="2565" y="988"/>
                  </a:lnTo>
                  <a:lnTo>
                    <a:pt x="2565" y="990"/>
                  </a:lnTo>
                  <a:lnTo>
                    <a:pt x="2567" y="990"/>
                  </a:lnTo>
                  <a:lnTo>
                    <a:pt x="2567" y="992"/>
                  </a:lnTo>
                  <a:lnTo>
                    <a:pt x="2565" y="992"/>
                  </a:lnTo>
                  <a:lnTo>
                    <a:pt x="2565" y="993"/>
                  </a:lnTo>
                  <a:lnTo>
                    <a:pt x="2565" y="995"/>
                  </a:lnTo>
                  <a:lnTo>
                    <a:pt x="2564" y="995"/>
                  </a:lnTo>
                  <a:lnTo>
                    <a:pt x="2564" y="997"/>
                  </a:lnTo>
                  <a:lnTo>
                    <a:pt x="2564" y="999"/>
                  </a:lnTo>
                  <a:lnTo>
                    <a:pt x="2564" y="1001"/>
                  </a:lnTo>
                  <a:lnTo>
                    <a:pt x="2564" y="1003"/>
                  </a:lnTo>
                  <a:lnTo>
                    <a:pt x="2562" y="1003"/>
                  </a:lnTo>
                  <a:lnTo>
                    <a:pt x="2562" y="1005"/>
                  </a:lnTo>
                  <a:lnTo>
                    <a:pt x="2560" y="1006"/>
                  </a:lnTo>
                  <a:lnTo>
                    <a:pt x="2560" y="1008"/>
                  </a:lnTo>
                  <a:lnTo>
                    <a:pt x="2558" y="1008"/>
                  </a:lnTo>
                  <a:lnTo>
                    <a:pt x="2558" y="1010"/>
                  </a:lnTo>
                  <a:lnTo>
                    <a:pt x="2558" y="1012"/>
                  </a:lnTo>
                  <a:lnTo>
                    <a:pt x="2558" y="1014"/>
                  </a:lnTo>
                  <a:lnTo>
                    <a:pt x="2560" y="1016"/>
                  </a:lnTo>
                  <a:lnTo>
                    <a:pt x="2560" y="1018"/>
                  </a:lnTo>
                  <a:lnTo>
                    <a:pt x="2560" y="1019"/>
                  </a:lnTo>
                  <a:lnTo>
                    <a:pt x="2560" y="1021"/>
                  </a:lnTo>
                  <a:lnTo>
                    <a:pt x="2558" y="1021"/>
                  </a:lnTo>
                  <a:lnTo>
                    <a:pt x="2558" y="1023"/>
                  </a:lnTo>
                  <a:lnTo>
                    <a:pt x="2556" y="1023"/>
                  </a:lnTo>
                  <a:lnTo>
                    <a:pt x="2554" y="1023"/>
                  </a:lnTo>
                  <a:lnTo>
                    <a:pt x="2552" y="1023"/>
                  </a:lnTo>
                  <a:lnTo>
                    <a:pt x="2551" y="1025"/>
                  </a:lnTo>
                  <a:lnTo>
                    <a:pt x="2549" y="1025"/>
                  </a:lnTo>
                  <a:lnTo>
                    <a:pt x="2547" y="1025"/>
                  </a:lnTo>
                  <a:lnTo>
                    <a:pt x="2545" y="1025"/>
                  </a:lnTo>
                  <a:lnTo>
                    <a:pt x="2543" y="1025"/>
                  </a:lnTo>
                  <a:lnTo>
                    <a:pt x="2541" y="1025"/>
                  </a:lnTo>
                  <a:lnTo>
                    <a:pt x="2541" y="1027"/>
                  </a:lnTo>
                  <a:lnTo>
                    <a:pt x="2541" y="1029"/>
                  </a:lnTo>
                  <a:lnTo>
                    <a:pt x="2541" y="1030"/>
                  </a:lnTo>
                  <a:lnTo>
                    <a:pt x="2541" y="1032"/>
                  </a:lnTo>
                  <a:lnTo>
                    <a:pt x="2541" y="1034"/>
                  </a:lnTo>
                  <a:lnTo>
                    <a:pt x="2538" y="1038"/>
                  </a:lnTo>
                  <a:lnTo>
                    <a:pt x="2536" y="1042"/>
                  </a:lnTo>
                  <a:lnTo>
                    <a:pt x="2534" y="1047"/>
                  </a:lnTo>
                  <a:lnTo>
                    <a:pt x="2532" y="1045"/>
                  </a:lnTo>
                  <a:lnTo>
                    <a:pt x="2527" y="1042"/>
                  </a:lnTo>
                  <a:lnTo>
                    <a:pt x="2523" y="1042"/>
                  </a:lnTo>
                  <a:lnTo>
                    <a:pt x="2515" y="1038"/>
                  </a:lnTo>
                  <a:lnTo>
                    <a:pt x="2510" y="1034"/>
                  </a:lnTo>
                  <a:lnTo>
                    <a:pt x="2506" y="1027"/>
                  </a:lnTo>
                  <a:lnTo>
                    <a:pt x="2499" y="1021"/>
                  </a:lnTo>
                  <a:lnTo>
                    <a:pt x="2493" y="1016"/>
                  </a:lnTo>
                  <a:lnTo>
                    <a:pt x="2491" y="1016"/>
                  </a:lnTo>
                  <a:lnTo>
                    <a:pt x="2490" y="1014"/>
                  </a:lnTo>
                  <a:lnTo>
                    <a:pt x="2490" y="1012"/>
                  </a:lnTo>
                  <a:lnTo>
                    <a:pt x="2488" y="1012"/>
                  </a:lnTo>
                  <a:lnTo>
                    <a:pt x="2488" y="1010"/>
                  </a:lnTo>
                  <a:lnTo>
                    <a:pt x="2486" y="1010"/>
                  </a:lnTo>
                  <a:lnTo>
                    <a:pt x="2486" y="1008"/>
                  </a:lnTo>
                  <a:lnTo>
                    <a:pt x="2484" y="1008"/>
                  </a:lnTo>
                  <a:lnTo>
                    <a:pt x="2484" y="1006"/>
                  </a:lnTo>
                  <a:lnTo>
                    <a:pt x="2482" y="1006"/>
                  </a:lnTo>
                  <a:lnTo>
                    <a:pt x="2480" y="1008"/>
                  </a:lnTo>
                  <a:lnTo>
                    <a:pt x="2479" y="1008"/>
                  </a:lnTo>
                  <a:lnTo>
                    <a:pt x="2477" y="1008"/>
                  </a:lnTo>
                  <a:lnTo>
                    <a:pt x="2475" y="1008"/>
                  </a:lnTo>
                  <a:lnTo>
                    <a:pt x="2475" y="1010"/>
                  </a:lnTo>
                  <a:lnTo>
                    <a:pt x="2473" y="1010"/>
                  </a:lnTo>
                  <a:lnTo>
                    <a:pt x="2473" y="1012"/>
                  </a:lnTo>
                  <a:lnTo>
                    <a:pt x="2471" y="1012"/>
                  </a:lnTo>
                  <a:lnTo>
                    <a:pt x="2469" y="1012"/>
                  </a:lnTo>
                  <a:lnTo>
                    <a:pt x="2469" y="1014"/>
                  </a:lnTo>
                  <a:lnTo>
                    <a:pt x="2467" y="1014"/>
                  </a:lnTo>
                  <a:lnTo>
                    <a:pt x="2467" y="1016"/>
                  </a:lnTo>
                  <a:lnTo>
                    <a:pt x="2466" y="1016"/>
                  </a:lnTo>
                  <a:lnTo>
                    <a:pt x="2464" y="1018"/>
                  </a:lnTo>
                  <a:lnTo>
                    <a:pt x="2462" y="1018"/>
                  </a:lnTo>
                  <a:lnTo>
                    <a:pt x="2462" y="1019"/>
                  </a:lnTo>
                  <a:lnTo>
                    <a:pt x="2460" y="1019"/>
                  </a:lnTo>
                  <a:lnTo>
                    <a:pt x="2458" y="1019"/>
                  </a:lnTo>
                  <a:lnTo>
                    <a:pt x="2458" y="1021"/>
                  </a:lnTo>
                  <a:lnTo>
                    <a:pt x="2456" y="1023"/>
                  </a:lnTo>
                  <a:lnTo>
                    <a:pt x="2454" y="1023"/>
                  </a:lnTo>
                  <a:lnTo>
                    <a:pt x="2453" y="1023"/>
                  </a:lnTo>
                  <a:lnTo>
                    <a:pt x="2453" y="1021"/>
                  </a:lnTo>
                  <a:lnTo>
                    <a:pt x="2451" y="1021"/>
                  </a:lnTo>
                  <a:lnTo>
                    <a:pt x="2449" y="1021"/>
                  </a:lnTo>
                  <a:lnTo>
                    <a:pt x="2447" y="1019"/>
                  </a:lnTo>
                  <a:lnTo>
                    <a:pt x="2445" y="1019"/>
                  </a:lnTo>
                  <a:lnTo>
                    <a:pt x="2445" y="1018"/>
                  </a:lnTo>
                  <a:lnTo>
                    <a:pt x="2443" y="1018"/>
                  </a:lnTo>
                  <a:lnTo>
                    <a:pt x="2442" y="1018"/>
                  </a:lnTo>
                  <a:lnTo>
                    <a:pt x="2442" y="1016"/>
                  </a:lnTo>
                  <a:lnTo>
                    <a:pt x="2440" y="1016"/>
                  </a:lnTo>
                  <a:lnTo>
                    <a:pt x="2438" y="1014"/>
                  </a:lnTo>
                  <a:lnTo>
                    <a:pt x="2438" y="1012"/>
                  </a:lnTo>
                  <a:lnTo>
                    <a:pt x="2436" y="1012"/>
                  </a:lnTo>
                  <a:lnTo>
                    <a:pt x="2434" y="1012"/>
                  </a:lnTo>
                  <a:lnTo>
                    <a:pt x="2432" y="1012"/>
                  </a:lnTo>
                  <a:lnTo>
                    <a:pt x="2430" y="1012"/>
                  </a:lnTo>
                  <a:lnTo>
                    <a:pt x="2429" y="1012"/>
                  </a:lnTo>
                  <a:lnTo>
                    <a:pt x="2429" y="1010"/>
                  </a:lnTo>
                  <a:lnTo>
                    <a:pt x="2427" y="1010"/>
                  </a:lnTo>
                  <a:lnTo>
                    <a:pt x="2427" y="1008"/>
                  </a:lnTo>
                  <a:lnTo>
                    <a:pt x="2425" y="1008"/>
                  </a:lnTo>
                  <a:lnTo>
                    <a:pt x="2425" y="1006"/>
                  </a:lnTo>
                  <a:lnTo>
                    <a:pt x="2423" y="1006"/>
                  </a:lnTo>
                  <a:lnTo>
                    <a:pt x="2419" y="1006"/>
                  </a:lnTo>
                  <a:lnTo>
                    <a:pt x="2418" y="1006"/>
                  </a:lnTo>
                  <a:lnTo>
                    <a:pt x="2418" y="1005"/>
                  </a:lnTo>
                  <a:lnTo>
                    <a:pt x="2416" y="1005"/>
                  </a:lnTo>
                  <a:lnTo>
                    <a:pt x="2414" y="1005"/>
                  </a:lnTo>
                  <a:lnTo>
                    <a:pt x="2414" y="1003"/>
                  </a:lnTo>
                  <a:lnTo>
                    <a:pt x="2412" y="1003"/>
                  </a:lnTo>
                  <a:lnTo>
                    <a:pt x="2412" y="1005"/>
                  </a:lnTo>
                  <a:lnTo>
                    <a:pt x="2412" y="1003"/>
                  </a:lnTo>
                  <a:lnTo>
                    <a:pt x="2410" y="1003"/>
                  </a:lnTo>
                  <a:lnTo>
                    <a:pt x="2408" y="1003"/>
                  </a:lnTo>
                  <a:lnTo>
                    <a:pt x="2408" y="1001"/>
                  </a:lnTo>
                  <a:lnTo>
                    <a:pt x="2406" y="1001"/>
                  </a:lnTo>
                  <a:lnTo>
                    <a:pt x="2405" y="1001"/>
                  </a:lnTo>
                  <a:lnTo>
                    <a:pt x="2403" y="1001"/>
                  </a:lnTo>
                  <a:lnTo>
                    <a:pt x="2401" y="1001"/>
                  </a:lnTo>
                  <a:lnTo>
                    <a:pt x="2399" y="1001"/>
                  </a:lnTo>
                  <a:lnTo>
                    <a:pt x="2397" y="1001"/>
                  </a:lnTo>
                  <a:lnTo>
                    <a:pt x="2397" y="1003"/>
                  </a:lnTo>
                  <a:lnTo>
                    <a:pt x="2395" y="1003"/>
                  </a:lnTo>
                  <a:lnTo>
                    <a:pt x="2393" y="1003"/>
                  </a:lnTo>
                  <a:lnTo>
                    <a:pt x="2393" y="1001"/>
                  </a:lnTo>
                  <a:lnTo>
                    <a:pt x="2392" y="1001"/>
                  </a:lnTo>
                  <a:lnTo>
                    <a:pt x="2390" y="1001"/>
                  </a:lnTo>
                  <a:lnTo>
                    <a:pt x="2390" y="1003"/>
                  </a:lnTo>
                  <a:lnTo>
                    <a:pt x="2388" y="1003"/>
                  </a:lnTo>
                  <a:lnTo>
                    <a:pt x="2388" y="1005"/>
                  </a:lnTo>
                  <a:lnTo>
                    <a:pt x="2388" y="1006"/>
                  </a:lnTo>
                  <a:lnTo>
                    <a:pt x="2388" y="1008"/>
                  </a:lnTo>
                  <a:lnTo>
                    <a:pt x="2388" y="1010"/>
                  </a:lnTo>
                  <a:lnTo>
                    <a:pt x="2388" y="1012"/>
                  </a:lnTo>
                  <a:lnTo>
                    <a:pt x="2388" y="1014"/>
                  </a:lnTo>
                  <a:lnTo>
                    <a:pt x="2386" y="1014"/>
                  </a:lnTo>
                  <a:lnTo>
                    <a:pt x="2386" y="1016"/>
                  </a:lnTo>
                  <a:lnTo>
                    <a:pt x="2384" y="1016"/>
                  </a:lnTo>
                  <a:lnTo>
                    <a:pt x="2384" y="1018"/>
                  </a:lnTo>
                  <a:lnTo>
                    <a:pt x="2382" y="1018"/>
                  </a:lnTo>
                  <a:lnTo>
                    <a:pt x="2382" y="1019"/>
                  </a:lnTo>
                  <a:lnTo>
                    <a:pt x="2381" y="1019"/>
                  </a:lnTo>
                  <a:lnTo>
                    <a:pt x="2381" y="1021"/>
                  </a:lnTo>
                  <a:lnTo>
                    <a:pt x="2379" y="1023"/>
                  </a:lnTo>
                  <a:lnTo>
                    <a:pt x="2379" y="1025"/>
                  </a:lnTo>
                  <a:lnTo>
                    <a:pt x="2377" y="1025"/>
                  </a:lnTo>
                  <a:lnTo>
                    <a:pt x="2377" y="1027"/>
                  </a:lnTo>
                  <a:lnTo>
                    <a:pt x="2375" y="1027"/>
                  </a:lnTo>
                  <a:lnTo>
                    <a:pt x="2373" y="1027"/>
                  </a:lnTo>
                  <a:lnTo>
                    <a:pt x="2373" y="1029"/>
                  </a:lnTo>
                  <a:lnTo>
                    <a:pt x="2371" y="1029"/>
                  </a:lnTo>
                  <a:lnTo>
                    <a:pt x="2369" y="1027"/>
                  </a:lnTo>
                  <a:lnTo>
                    <a:pt x="2368" y="1025"/>
                  </a:lnTo>
                  <a:lnTo>
                    <a:pt x="2368" y="1023"/>
                  </a:lnTo>
                  <a:lnTo>
                    <a:pt x="2366" y="1023"/>
                  </a:lnTo>
                  <a:lnTo>
                    <a:pt x="2366" y="1021"/>
                  </a:lnTo>
                  <a:lnTo>
                    <a:pt x="2364" y="1019"/>
                  </a:lnTo>
                  <a:lnTo>
                    <a:pt x="2362" y="1018"/>
                  </a:lnTo>
                  <a:lnTo>
                    <a:pt x="2360" y="1016"/>
                  </a:lnTo>
                  <a:lnTo>
                    <a:pt x="2358" y="1014"/>
                  </a:lnTo>
                  <a:lnTo>
                    <a:pt x="2357" y="1014"/>
                  </a:lnTo>
                  <a:lnTo>
                    <a:pt x="2353" y="1010"/>
                  </a:lnTo>
                  <a:lnTo>
                    <a:pt x="2353" y="1012"/>
                  </a:lnTo>
                  <a:lnTo>
                    <a:pt x="2351" y="1014"/>
                  </a:lnTo>
                  <a:lnTo>
                    <a:pt x="2349" y="1014"/>
                  </a:lnTo>
                  <a:lnTo>
                    <a:pt x="2347" y="1016"/>
                  </a:lnTo>
                  <a:lnTo>
                    <a:pt x="2345" y="1016"/>
                  </a:lnTo>
                  <a:lnTo>
                    <a:pt x="2345" y="1018"/>
                  </a:lnTo>
                  <a:lnTo>
                    <a:pt x="2344" y="1018"/>
                  </a:lnTo>
                  <a:lnTo>
                    <a:pt x="2344" y="1019"/>
                  </a:lnTo>
                  <a:lnTo>
                    <a:pt x="2342" y="1018"/>
                  </a:lnTo>
                  <a:lnTo>
                    <a:pt x="2340" y="1018"/>
                  </a:lnTo>
                  <a:lnTo>
                    <a:pt x="2338" y="1019"/>
                  </a:lnTo>
                  <a:lnTo>
                    <a:pt x="2336" y="1021"/>
                  </a:lnTo>
                  <a:lnTo>
                    <a:pt x="2334" y="1021"/>
                  </a:lnTo>
                  <a:lnTo>
                    <a:pt x="2332" y="1021"/>
                  </a:lnTo>
                  <a:lnTo>
                    <a:pt x="2331" y="1018"/>
                  </a:lnTo>
                  <a:lnTo>
                    <a:pt x="2329" y="1018"/>
                  </a:lnTo>
                  <a:lnTo>
                    <a:pt x="2329" y="1016"/>
                  </a:lnTo>
                  <a:lnTo>
                    <a:pt x="2327" y="1018"/>
                  </a:lnTo>
                  <a:lnTo>
                    <a:pt x="2325" y="1018"/>
                  </a:lnTo>
                  <a:lnTo>
                    <a:pt x="2323" y="1018"/>
                  </a:lnTo>
                  <a:lnTo>
                    <a:pt x="2321" y="1018"/>
                  </a:lnTo>
                  <a:lnTo>
                    <a:pt x="2320" y="1018"/>
                  </a:lnTo>
                  <a:lnTo>
                    <a:pt x="2318" y="1018"/>
                  </a:lnTo>
                  <a:lnTo>
                    <a:pt x="2316" y="1018"/>
                  </a:lnTo>
                  <a:lnTo>
                    <a:pt x="2316" y="1016"/>
                  </a:lnTo>
                  <a:lnTo>
                    <a:pt x="2314" y="1016"/>
                  </a:lnTo>
                  <a:lnTo>
                    <a:pt x="2312" y="1016"/>
                  </a:lnTo>
                  <a:lnTo>
                    <a:pt x="2312" y="1014"/>
                  </a:lnTo>
                  <a:lnTo>
                    <a:pt x="2310" y="1014"/>
                  </a:lnTo>
                  <a:lnTo>
                    <a:pt x="2310" y="1012"/>
                  </a:lnTo>
                  <a:lnTo>
                    <a:pt x="2310" y="1010"/>
                  </a:lnTo>
                  <a:lnTo>
                    <a:pt x="2310" y="1008"/>
                  </a:lnTo>
                  <a:lnTo>
                    <a:pt x="2310" y="1006"/>
                  </a:lnTo>
                  <a:lnTo>
                    <a:pt x="2312" y="1006"/>
                  </a:lnTo>
                  <a:lnTo>
                    <a:pt x="2312" y="1005"/>
                  </a:lnTo>
                  <a:lnTo>
                    <a:pt x="2312" y="1003"/>
                  </a:lnTo>
                  <a:lnTo>
                    <a:pt x="2312" y="1001"/>
                  </a:lnTo>
                  <a:lnTo>
                    <a:pt x="2312" y="999"/>
                  </a:lnTo>
                  <a:lnTo>
                    <a:pt x="2312" y="997"/>
                  </a:lnTo>
                  <a:lnTo>
                    <a:pt x="2310" y="997"/>
                  </a:lnTo>
                  <a:lnTo>
                    <a:pt x="2308" y="995"/>
                  </a:lnTo>
                  <a:lnTo>
                    <a:pt x="2307" y="993"/>
                  </a:lnTo>
                  <a:lnTo>
                    <a:pt x="2307" y="992"/>
                  </a:lnTo>
                  <a:lnTo>
                    <a:pt x="2305" y="992"/>
                  </a:lnTo>
                  <a:lnTo>
                    <a:pt x="2305" y="990"/>
                  </a:lnTo>
                  <a:lnTo>
                    <a:pt x="2303" y="990"/>
                  </a:lnTo>
                  <a:lnTo>
                    <a:pt x="2303" y="988"/>
                  </a:lnTo>
                  <a:lnTo>
                    <a:pt x="2303" y="986"/>
                  </a:lnTo>
                  <a:lnTo>
                    <a:pt x="2301" y="986"/>
                  </a:lnTo>
                  <a:lnTo>
                    <a:pt x="2301" y="984"/>
                  </a:lnTo>
                  <a:lnTo>
                    <a:pt x="2301" y="982"/>
                  </a:lnTo>
                  <a:lnTo>
                    <a:pt x="2301" y="981"/>
                  </a:lnTo>
                  <a:lnTo>
                    <a:pt x="2301" y="979"/>
                  </a:lnTo>
                  <a:lnTo>
                    <a:pt x="2299" y="977"/>
                  </a:lnTo>
                  <a:lnTo>
                    <a:pt x="2299" y="975"/>
                  </a:lnTo>
                  <a:lnTo>
                    <a:pt x="2297" y="975"/>
                  </a:lnTo>
                  <a:lnTo>
                    <a:pt x="2295" y="975"/>
                  </a:lnTo>
                  <a:lnTo>
                    <a:pt x="2295" y="973"/>
                  </a:lnTo>
                  <a:lnTo>
                    <a:pt x="2294" y="973"/>
                  </a:lnTo>
                  <a:lnTo>
                    <a:pt x="2294" y="975"/>
                  </a:lnTo>
                  <a:lnTo>
                    <a:pt x="2292" y="975"/>
                  </a:lnTo>
                  <a:lnTo>
                    <a:pt x="2292" y="973"/>
                  </a:lnTo>
                  <a:lnTo>
                    <a:pt x="2290" y="973"/>
                  </a:lnTo>
                  <a:lnTo>
                    <a:pt x="2288" y="973"/>
                  </a:lnTo>
                  <a:lnTo>
                    <a:pt x="2288" y="971"/>
                  </a:lnTo>
                  <a:lnTo>
                    <a:pt x="2286" y="971"/>
                  </a:lnTo>
                  <a:lnTo>
                    <a:pt x="2286" y="973"/>
                  </a:lnTo>
                  <a:lnTo>
                    <a:pt x="2286" y="971"/>
                  </a:lnTo>
                  <a:lnTo>
                    <a:pt x="2283" y="971"/>
                  </a:lnTo>
                  <a:lnTo>
                    <a:pt x="2283" y="969"/>
                  </a:lnTo>
                  <a:lnTo>
                    <a:pt x="2279" y="969"/>
                  </a:lnTo>
                  <a:lnTo>
                    <a:pt x="2279" y="968"/>
                  </a:lnTo>
                  <a:lnTo>
                    <a:pt x="2277" y="968"/>
                  </a:lnTo>
                  <a:lnTo>
                    <a:pt x="2277" y="966"/>
                  </a:lnTo>
                  <a:lnTo>
                    <a:pt x="2277" y="964"/>
                  </a:lnTo>
                  <a:lnTo>
                    <a:pt x="2275" y="964"/>
                  </a:lnTo>
                  <a:lnTo>
                    <a:pt x="2275" y="962"/>
                  </a:lnTo>
                  <a:lnTo>
                    <a:pt x="2273" y="962"/>
                  </a:lnTo>
                  <a:lnTo>
                    <a:pt x="2273" y="960"/>
                  </a:lnTo>
                  <a:lnTo>
                    <a:pt x="2271" y="962"/>
                  </a:lnTo>
                  <a:lnTo>
                    <a:pt x="2270" y="962"/>
                  </a:lnTo>
                  <a:lnTo>
                    <a:pt x="2268" y="962"/>
                  </a:lnTo>
                  <a:lnTo>
                    <a:pt x="2266" y="962"/>
                  </a:lnTo>
                  <a:lnTo>
                    <a:pt x="2264" y="962"/>
                  </a:lnTo>
                  <a:lnTo>
                    <a:pt x="2264" y="964"/>
                  </a:lnTo>
                  <a:lnTo>
                    <a:pt x="2262" y="964"/>
                  </a:lnTo>
                  <a:lnTo>
                    <a:pt x="2262" y="966"/>
                  </a:lnTo>
                  <a:lnTo>
                    <a:pt x="2260" y="966"/>
                  </a:lnTo>
                  <a:lnTo>
                    <a:pt x="2260" y="968"/>
                  </a:lnTo>
                  <a:lnTo>
                    <a:pt x="2259" y="968"/>
                  </a:lnTo>
                  <a:lnTo>
                    <a:pt x="2259" y="969"/>
                  </a:lnTo>
                  <a:lnTo>
                    <a:pt x="2257" y="969"/>
                  </a:lnTo>
                  <a:lnTo>
                    <a:pt x="2255" y="971"/>
                  </a:lnTo>
                  <a:lnTo>
                    <a:pt x="2253" y="973"/>
                  </a:lnTo>
                  <a:lnTo>
                    <a:pt x="2251" y="975"/>
                  </a:lnTo>
                  <a:lnTo>
                    <a:pt x="2249" y="975"/>
                  </a:lnTo>
                  <a:lnTo>
                    <a:pt x="2247" y="971"/>
                  </a:lnTo>
                  <a:lnTo>
                    <a:pt x="2244" y="971"/>
                  </a:lnTo>
                  <a:lnTo>
                    <a:pt x="2240" y="968"/>
                  </a:lnTo>
                  <a:lnTo>
                    <a:pt x="2240" y="966"/>
                  </a:lnTo>
                  <a:lnTo>
                    <a:pt x="2238" y="964"/>
                  </a:lnTo>
                  <a:lnTo>
                    <a:pt x="2238" y="962"/>
                  </a:lnTo>
                  <a:lnTo>
                    <a:pt x="2236" y="962"/>
                  </a:lnTo>
                  <a:lnTo>
                    <a:pt x="2236" y="960"/>
                  </a:lnTo>
                  <a:lnTo>
                    <a:pt x="2238" y="960"/>
                  </a:lnTo>
                  <a:lnTo>
                    <a:pt x="2238" y="958"/>
                  </a:lnTo>
                  <a:lnTo>
                    <a:pt x="2238" y="956"/>
                  </a:lnTo>
                  <a:lnTo>
                    <a:pt x="2236" y="956"/>
                  </a:lnTo>
                  <a:lnTo>
                    <a:pt x="2236" y="955"/>
                  </a:lnTo>
                  <a:lnTo>
                    <a:pt x="2236" y="953"/>
                  </a:lnTo>
                  <a:lnTo>
                    <a:pt x="2236" y="951"/>
                  </a:lnTo>
                  <a:lnTo>
                    <a:pt x="2236" y="949"/>
                  </a:lnTo>
                  <a:lnTo>
                    <a:pt x="2234" y="947"/>
                  </a:lnTo>
                  <a:lnTo>
                    <a:pt x="2234" y="945"/>
                  </a:lnTo>
                  <a:lnTo>
                    <a:pt x="2234" y="944"/>
                  </a:lnTo>
                  <a:lnTo>
                    <a:pt x="2234" y="942"/>
                  </a:lnTo>
                  <a:lnTo>
                    <a:pt x="2233" y="942"/>
                  </a:lnTo>
                  <a:lnTo>
                    <a:pt x="2233" y="940"/>
                  </a:lnTo>
                  <a:lnTo>
                    <a:pt x="2233" y="938"/>
                  </a:lnTo>
                  <a:lnTo>
                    <a:pt x="2233" y="936"/>
                  </a:lnTo>
                  <a:lnTo>
                    <a:pt x="2233" y="934"/>
                  </a:lnTo>
                  <a:lnTo>
                    <a:pt x="2233" y="932"/>
                  </a:lnTo>
                  <a:lnTo>
                    <a:pt x="2234" y="931"/>
                  </a:lnTo>
                  <a:lnTo>
                    <a:pt x="2234" y="929"/>
                  </a:lnTo>
                  <a:lnTo>
                    <a:pt x="2236" y="929"/>
                  </a:lnTo>
                  <a:lnTo>
                    <a:pt x="2236" y="927"/>
                  </a:lnTo>
                  <a:lnTo>
                    <a:pt x="2238" y="927"/>
                  </a:lnTo>
                  <a:lnTo>
                    <a:pt x="2238" y="925"/>
                  </a:lnTo>
                  <a:lnTo>
                    <a:pt x="2238" y="923"/>
                  </a:lnTo>
                  <a:lnTo>
                    <a:pt x="2238" y="921"/>
                  </a:lnTo>
                  <a:lnTo>
                    <a:pt x="2240" y="921"/>
                  </a:lnTo>
                  <a:lnTo>
                    <a:pt x="2240" y="919"/>
                  </a:lnTo>
                  <a:lnTo>
                    <a:pt x="2240" y="918"/>
                  </a:lnTo>
                  <a:lnTo>
                    <a:pt x="2242" y="916"/>
                  </a:lnTo>
                  <a:lnTo>
                    <a:pt x="2242" y="914"/>
                  </a:lnTo>
                  <a:lnTo>
                    <a:pt x="2244" y="912"/>
                  </a:lnTo>
                  <a:lnTo>
                    <a:pt x="2246" y="912"/>
                  </a:lnTo>
                  <a:lnTo>
                    <a:pt x="2246" y="910"/>
                  </a:lnTo>
                  <a:lnTo>
                    <a:pt x="2246" y="908"/>
                  </a:lnTo>
                  <a:lnTo>
                    <a:pt x="2247" y="908"/>
                  </a:lnTo>
                  <a:lnTo>
                    <a:pt x="2247" y="907"/>
                  </a:lnTo>
                  <a:lnTo>
                    <a:pt x="2249" y="903"/>
                  </a:lnTo>
                  <a:lnTo>
                    <a:pt x="2249" y="901"/>
                  </a:lnTo>
                  <a:lnTo>
                    <a:pt x="2251" y="901"/>
                  </a:lnTo>
                  <a:lnTo>
                    <a:pt x="2251" y="899"/>
                  </a:lnTo>
                  <a:lnTo>
                    <a:pt x="2253" y="899"/>
                  </a:lnTo>
                  <a:lnTo>
                    <a:pt x="2253" y="897"/>
                  </a:lnTo>
                  <a:lnTo>
                    <a:pt x="2255" y="897"/>
                  </a:lnTo>
                  <a:lnTo>
                    <a:pt x="2255" y="895"/>
                  </a:lnTo>
                  <a:lnTo>
                    <a:pt x="2249" y="888"/>
                  </a:lnTo>
                  <a:lnTo>
                    <a:pt x="2234" y="871"/>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nvGrpSpPr>
            <p:cNvPr id="59" name="Gruppieren 58"/>
            <p:cNvGrpSpPr/>
            <p:nvPr/>
          </p:nvGrpSpPr>
          <p:grpSpPr>
            <a:xfrm>
              <a:off x="3804893" y="2392836"/>
              <a:ext cx="917373" cy="479536"/>
              <a:chOff x="4111625" y="1025525"/>
              <a:chExt cx="1397000" cy="730250"/>
            </a:xfrm>
          </p:grpSpPr>
          <p:sp>
            <p:nvSpPr>
              <p:cNvPr id="60" name="Freeform 210"/>
              <p:cNvSpPr>
                <a:spLocks/>
              </p:cNvSpPr>
              <p:nvPr/>
            </p:nvSpPr>
            <p:spPr bwMode="auto">
              <a:xfrm>
                <a:off x="4222750" y="1025525"/>
                <a:ext cx="1285875" cy="730250"/>
              </a:xfrm>
              <a:custGeom>
                <a:avLst/>
                <a:gdLst>
                  <a:gd name="T0" fmla="*/ 383 w 810"/>
                  <a:gd name="T1" fmla="*/ 149 h 460"/>
                  <a:gd name="T2" fmla="*/ 355 w 810"/>
                  <a:gd name="T3" fmla="*/ 162 h 460"/>
                  <a:gd name="T4" fmla="*/ 316 w 810"/>
                  <a:gd name="T5" fmla="*/ 174 h 460"/>
                  <a:gd name="T6" fmla="*/ 342 w 810"/>
                  <a:gd name="T7" fmla="*/ 209 h 460"/>
                  <a:gd name="T8" fmla="*/ 331 w 810"/>
                  <a:gd name="T9" fmla="*/ 262 h 460"/>
                  <a:gd name="T10" fmla="*/ 270 w 810"/>
                  <a:gd name="T11" fmla="*/ 260 h 460"/>
                  <a:gd name="T12" fmla="*/ 270 w 810"/>
                  <a:gd name="T13" fmla="*/ 296 h 460"/>
                  <a:gd name="T14" fmla="*/ 207 w 810"/>
                  <a:gd name="T15" fmla="*/ 310 h 460"/>
                  <a:gd name="T16" fmla="*/ 185 w 810"/>
                  <a:gd name="T17" fmla="*/ 357 h 460"/>
                  <a:gd name="T18" fmla="*/ 144 w 810"/>
                  <a:gd name="T19" fmla="*/ 359 h 460"/>
                  <a:gd name="T20" fmla="*/ 128 w 810"/>
                  <a:gd name="T21" fmla="*/ 333 h 460"/>
                  <a:gd name="T22" fmla="*/ 98 w 810"/>
                  <a:gd name="T23" fmla="*/ 336 h 460"/>
                  <a:gd name="T24" fmla="*/ 87 w 810"/>
                  <a:gd name="T25" fmla="*/ 368 h 460"/>
                  <a:gd name="T26" fmla="*/ 54 w 810"/>
                  <a:gd name="T27" fmla="*/ 346 h 460"/>
                  <a:gd name="T28" fmla="*/ 15 w 810"/>
                  <a:gd name="T29" fmla="*/ 322 h 460"/>
                  <a:gd name="T30" fmla="*/ 30 w 810"/>
                  <a:gd name="T31" fmla="*/ 309 h 460"/>
                  <a:gd name="T32" fmla="*/ 72 w 810"/>
                  <a:gd name="T33" fmla="*/ 305 h 460"/>
                  <a:gd name="T34" fmla="*/ 105 w 810"/>
                  <a:gd name="T35" fmla="*/ 286 h 460"/>
                  <a:gd name="T36" fmla="*/ 74 w 810"/>
                  <a:gd name="T37" fmla="*/ 246 h 460"/>
                  <a:gd name="T38" fmla="*/ 83 w 810"/>
                  <a:gd name="T39" fmla="*/ 212 h 460"/>
                  <a:gd name="T40" fmla="*/ 133 w 810"/>
                  <a:gd name="T41" fmla="*/ 223 h 460"/>
                  <a:gd name="T42" fmla="*/ 185 w 810"/>
                  <a:gd name="T43" fmla="*/ 216 h 460"/>
                  <a:gd name="T44" fmla="*/ 214 w 810"/>
                  <a:gd name="T45" fmla="*/ 175 h 460"/>
                  <a:gd name="T46" fmla="*/ 192 w 810"/>
                  <a:gd name="T47" fmla="*/ 135 h 460"/>
                  <a:gd name="T48" fmla="*/ 174 w 810"/>
                  <a:gd name="T49" fmla="*/ 101 h 460"/>
                  <a:gd name="T50" fmla="*/ 213 w 810"/>
                  <a:gd name="T51" fmla="*/ 70 h 460"/>
                  <a:gd name="T52" fmla="*/ 172 w 810"/>
                  <a:gd name="T53" fmla="*/ 50 h 460"/>
                  <a:gd name="T54" fmla="*/ 213 w 810"/>
                  <a:gd name="T55" fmla="*/ 20 h 460"/>
                  <a:gd name="T56" fmla="*/ 264 w 810"/>
                  <a:gd name="T57" fmla="*/ 39 h 460"/>
                  <a:gd name="T58" fmla="*/ 292 w 810"/>
                  <a:gd name="T59" fmla="*/ 72 h 460"/>
                  <a:gd name="T60" fmla="*/ 324 w 810"/>
                  <a:gd name="T61" fmla="*/ 57 h 460"/>
                  <a:gd name="T62" fmla="*/ 340 w 810"/>
                  <a:gd name="T63" fmla="*/ 9 h 460"/>
                  <a:gd name="T64" fmla="*/ 381 w 810"/>
                  <a:gd name="T65" fmla="*/ 35 h 460"/>
                  <a:gd name="T66" fmla="*/ 412 w 810"/>
                  <a:gd name="T67" fmla="*/ 63 h 460"/>
                  <a:gd name="T68" fmla="*/ 475 w 810"/>
                  <a:gd name="T69" fmla="*/ 57 h 460"/>
                  <a:gd name="T70" fmla="*/ 495 w 810"/>
                  <a:gd name="T71" fmla="*/ 70 h 460"/>
                  <a:gd name="T72" fmla="*/ 536 w 810"/>
                  <a:gd name="T73" fmla="*/ 79 h 460"/>
                  <a:gd name="T74" fmla="*/ 571 w 810"/>
                  <a:gd name="T75" fmla="*/ 96 h 460"/>
                  <a:gd name="T76" fmla="*/ 566 w 810"/>
                  <a:gd name="T77" fmla="*/ 144 h 460"/>
                  <a:gd name="T78" fmla="*/ 590 w 810"/>
                  <a:gd name="T79" fmla="*/ 137 h 460"/>
                  <a:gd name="T80" fmla="*/ 630 w 810"/>
                  <a:gd name="T81" fmla="*/ 92 h 460"/>
                  <a:gd name="T82" fmla="*/ 651 w 810"/>
                  <a:gd name="T83" fmla="*/ 61 h 460"/>
                  <a:gd name="T84" fmla="*/ 686 w 810"/>
                  <a:gd name="T85" fmla="*/ 83 h 460"/>
                  <a:gd name="T86" fmla="*/ 714 w 810"/>
                  <a:gd name="T87" fmla="*/ 116 h 460"/>
                  <a:gd name="T88" fmla="*/ 749 w 810"/>
                  <a:gd name="T89" fmla="*/ 164 h 460"/>
                  <a:gd name="T90" fmla="*/ 786 w 810"/>
                  <a:gd name="T91" fmla="*/ 174 h 460"/>
                  <a:gd name="T92" fmla="*/ 791 w 810"/>
                  <a:gd name="T93" fmla="*/ 205 h 460"/>
                  <a:gd name="T94" fmla="*/ 799 w 810"/>
                  <a:gd name="T95" fmla="*/ 233 h 460"/>
                  <a:gd name="T96" fmla="*/ 797 w 810"/>
                  <a:gd name="T97" fmla="*/ 273 h 460"/>
                  <a:gd name="T98" fmla="*/ 793 w 810"/>
                  <a:gd name="T99" fmla="*/ 299 h 460"/>
                  <a:gd name="T100" fmla="*/ 760 w 810"/>
                  <a:gd name="T101" fmla="*/ 327 h 460"/>
                  <a:gd name="T102" fmla="*/ 715 w 810"/>
                  <a:gd name="T103" fmla="*/ 323 h 460"/>
                  <a:gd name="T104" fmla="*/ 695 w 810"/>
                  <a:gd name="T105" fmla="*/ 357 h 460"/>
                  <a:gd name="T106" fmla="*/ 651 w 810"/>
                  <a:gd name="T107" fmla="*/ 381 h 460"/>
                  <a:gd name="T108" fmla="*/ 616 w 810"/>
                  <a:gd name="T109" fmla="*/ 408 h 460"/>
                  <a:gd name="T110" fmla="*/ 579 w 810"/>
                  <a:gd name="T111" fmla="*/ 449 h 460"/>
                  <a:gd name="T112" fmla="*/ 523 w 810"/>
                  <a:gd name="T113" fmla="*/ 449 h 460"/>
                  <a:gd name="T114" fmla="*/ 460 w 810"/>
                  <a:gd name="T115" fmla="*/ 392 h 460"/>
                  <a:gd name="T116" fmla="*/ 370 w 810"/>
                  <a:gd name="T117" fmla="*/ 397 h 460"/>
                  <a:gd name="T118" fmla="*/ 361 w 810"/>
                  <a:gd name="T119" fmla="*/ 362 h 460"/>
                  <a:gd name="T120" fmla="*/ 427 w 810"/>
                  <a:gd name="T121" fmla="*/ 270 h 460"/>
                  <a:gd name="T122" fmla="*/ 442 w 810"/>
                  <a:gd name="T123" fmla="*/ 223 h 460"/>
                  <a:gd name="T124" fmla="*/ 459 w 810"/>
                  <a:gd name="T125" fmla="*/ 192 h 4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10" h="460">
                    <a:moveTo>
                      <a:pt x="405" y="161"/>
                    </a:moveTo>
                    <a:lnTo>
                      <a:pt x="403" y="159"/>
                    </a:lnTo>
                    <a:lnTo>
                      <a:pt x="403" y="157"/>
                    </a:lnTo>
                    <a:lnTo>
                      <a:pt x="401" y="153"/>
                    </a:lnTo>
                    <a:lnTo>
                      <a:pt x="401" y="151"/>
                    </a:lnTo>
                    <a:lnTo>
                      <a:pt x="399" y="148"/>
                    </a:lnTo>
                    <a:lnTo>
                      <a:pt x="399" y="144"/>
                    </a:lnTo>
                    <a:lnTo>
                      <a:pt x="401" y="142"/>
                    </a:lnTo>
                    <a:lnTo>
                      <a:pt x="401" y="140"/>
                    </a:lnTo>
                    <a:lnTo>
                      <a:pt x="401" y="138"/>
                    </a:lnTo>
                    <a:lnTo>
                      <a:pt x="399" y="137"/>
                    </a:lnTo>
                    <a:lnTo>
                      <a:pt x="396" y="138"/>
                    </a:lnTo>
                    <a:lnTo>
                      <a:pt x="394" y="138"/>
                    </a:lnTo>
                    <a:lnTo>
                      <a:pt x="392" y="138"/>
                    </a:lnTo>
                    <a:lnTo>
                      <a:pt x="390" y="140"/>
                    </a:lnTo>
                    <a:lnTo>
                      <a:pt x="386" y="140"/>
                    </a:lnTo>
                    <a:lnTo>
                      <a:pt x="385" y="138"/>
                    </a:lnTo>
                    <a:lnTo>
                      <a:pt x="383" y="138"/>
                    </a:lnTo>
                    <a:lnTo>
                      <a:pt x="381" y="138"/>
                    </a:lnTo>
                    <a:lnTo>
                      <a:pt x="381" y="140"/>
                    </a:lnTo>
                    <a:lnTo>
                      <a:pt x="379" y="142"/>
                    </a:lnTo>
                    <a:lnTo>
                      <a:pt x="377" y="146"/>
                    </a:lnTo>
                    <a:lnTo>
                      <a:pt x="375" y="148"/>
                    </a:lnTo>
                    <a:lnTo>
                      <a:pt x="377" y="148"/>
                    </a:lnTo>
                    <a:lnTo>
                      <a:pt x="379" y="149"/>
                    </a:lnTo>
                    <a:lnTo>
                      <a:pt x="381" y="149"/>
                    </a:lnTo>
                    <a:lnTo>
                      <a:pt x="383" y="149"/>
                    </a:lnTo>
                    <a:lnTo>
                      <a:pt x="385" y="149"/>
                    </a:lnTo>
                    <a:lnTo>
                      <a:pt x="385" y="151"/>
                    </a:lnTo>
                    <a:lnTo>
                      <a:pt x="383" y="151"/>
                    </a:lnTo>
                    <a:lnTo>
                      <a:pt x="383" y="153"/>
                    </a:lnTo>
                    <a:lnTo>
                      <a:pt x="381" y="153"/>
                    </a:lnTo>
                    <a:lnTo>
                      <a:pt x="379" y="155"/>
                    </a:lnTo>
                    <a:lnTo>
                      <a:pt x="383" y="155"/>
                    </a:lnTo>
                    <a:lnTo>
                      <a:pt x="385" y="155"/>
                    </a:lnTo>
                    <a:lnTo>
                      <a:pt x="386" y="157"/>
                    </a:lnTo>
                    <a:lnTo>
                      <a:pt x="385" y="157"/>
                    </a:lnTo>
                    <a:lnTo>
                      <a:pt x="383" y="159"/>
                    </a:lnTo>
                    <a:lnTo>
                      <a:pt x="381" y="159"/>
                    </a:lnTo>
                    <a:lnTo>
                      <a:pt x="379" y="161"/>
                    </a:lnTo>
                    <a:lnTo>
                      <a:pt x="377" y="161"/>
                    </a:lnTo>
                    <a:lnTo>
                      <a:pt x="373" y="162"/>
                    </a:lnTo>
                    <a:lnTo>
                      <a:pt x="373" y="161"/>
                    </a:lnTo>
                    <a:lnTo>
                      <a:pt x="372" y="161"/>
                    </a:lnTo>
                    <a:lnTo>
                      <a:pt x="370" y="161"/>
                    </a:lnTo>
                    <a:lnTo>
                      <a:pt x="370" y="162"/>
                    </a:lnTo>
                    <a:lnTo>
                      <a:pt x="368" y="162"/>
                    </a:lnTo>
                    <a:lnTo>
                      <a:pt x="368" y="164"/>
                    </a:lnTo>
                    <a:lnTo>
                      <a:pt x="366" y="166"/>
                    </a:lnTo>
                    <a:lnTo>
                      <a:pt x="364" y="166"/>
                    </a:lnTo>
                    <a:lnTo>
                      <a:pt x="362" y="164"/>
                    </a:lnTo>
                    <a:lnTo>
                      <a:pt x="361" y="164"/>
                    </a:lnTo>
                    <a:lnTo>
                      <a:pt x="359" y="162"/>
                    </a:lnTo>
                    <a:lnTo>
                      <a:pt x="355" y="162"/>
                    </a:lnTo>
                    <a:lnTo>
                      <a:pt x="353" y="162"/>
                    </a:lnTo>
                    <a:lnTo>
                      <a:pt x="351" y="162"/>
                    </a:lnTo>
                    <a:lnTo>
                      <a:pt x="349" y="162"/>
                    </a:lnTo>
                    <a:lnTo>
                      <a:pt x="348" y="162"/>
                    </a:lnTo>
                    <a:lnTo>
                      <a:pt x="346" y="161"/>
                    </a:lnTo>
                    <a:lnTo>
                      <a:pt x="344" y="159"/>
                    </a:lnTo>
                    <a:lnTo>
                      <a:pt x="342" y="159"/>
                    </a:lnTo>
                    <a:lnTo>
                      <a:pt x="338" y="157"/>
                    </a:lnTo>
                    <a:lnTo>
                      <a:pt x="336" y="157"/>
                    </a:lnTo>
                    <a:lnTo>
                      <a:pt x="336" y="155"/>
                    </a:lnTo>
                    <a:lnTo>
                      <a:pt x="335" y="155"/>
                    </a:lnTo>
                    <a:lnTo>
                      <a:pt x="333" y="153"/>
                    </a:lnTo>
                    <a:lnTo>
                      <a:pt x="331" y="153"/>
                    </a:lnTo>
                    <a:lnTo>
                      <a:pt x="329" y="153"/>
                    </a:lnTo>
                    <a:lnTo>
                      <a:pt x="327" y="153"/>
                    </a:lnTo>
                    <a:lnTo>
                      <a:pt x="325" y="153"/>
                    </a:lnTo>
                    <a:lnTo>
                      <a:pt x="324" y="153"/>
                    </a:lnTo>
                    <a:lnTo>
                      <a:pt x="322" y="153"/>
                    </a:lnTo>
                    <a:lnTo>
                      <a:pt x="320" y="153"/>
                    </a:lnTo>
                    <a:lnTo>
                      <a:pt x="320" y="155"/>
                    </a:lnTo>
                    <a:lnTo>
                      <a:pt x="320" y="161"/>
                    </a:lnTo>
                    <a:lnTo>
                      <a:pt x="322" y="164"/>
                    </a:lnTo>
                    <a:lnTo>
                      <a:pt x="320" y="168"/>
                    </a:lnTo>
                    <a:lnTo>
                      <a:pt x="318" y="168"/>
                    </a:lnTo>
                    <a:lnTo>
                      <a:pt x="318" y="170"/>
                    </a:lnTo>
                    <a:lnTo>
                      <a:pt x="316" y="172"/>
                    </a:lnTo>
                    <a:lnTo>
                      <a:pt x="316" y="174"/>
                    </a:lnTo>
                    <a:lnTo>
                      <a:pt x="318" y="177"/>
                    </a:lnTo>
                    <a:lnTo>
                      <a:pt x="318" y="179"/>
                    </a:lnTo>
                    <a:lnTo>
                      <a:pt x="318" y="181"/>
                    </a:lnTo>
                    <a:lnTo>
                      <a:pt x="320" y="181"/>
                    </a:lnTo>
                    <a:lnTo>
                      <a:pt x="320" y="183"/>
                    </a:lnTo>
                    <a:lnTo>
                      <a:pt x="320" y="185"/>
                    </a:lnTo>
                    <a:lnTo>
                      <a:pt x="318" y="185"/>
                    </a:lnTo>
                    <a:lnTo>
                      <a:pt x="316" y="190"/>
                    </a:lnTo>
                    <a:lnTo>
                      <a:pt x="318" y="192"/>
                    </a:lnTo>
                    <a:lnTo>
                      <a:pt x="320" y="192"/>
                    </a:lnTo>
                    <a:lnTo>
                      <a:pt x="322" y="192"/>
                    </a:lnTo>
                    <a:lnTo>
                      <a:pt x="324" y="192"/>
                    </a:lnTo>
                    <a:lnTo>
                      <a:pt x="325" y="192"/>
                    </a:lnTo>
                    <a:lnTo>
                      <a:pt x="325" y="194"/>
                    </a:lnTo>
                    <a:lnTo>
                      <a:pt x="327" y="194"/>
                    </a:lnTo>
                    <a:lnTo>
                      <a:pt x="329" y="194"/>
                    </a:lnTo>
                    <a:lnTo>
                      <a:pt x="333" y="198"/>
                    </a:lnTo>
                    <a:lnTo>
                      <a:pt x="335" y="198"/>
                    </a:lnTo>
                    <a:lnTo>
                      <a:pt x="336" y="198"/>
                    </a:lnTo>
                    <a:lnTo>
                      <a:pt x="336" y="199"/>
                    </a:lnTo>
                    <a:lnTo>
                      <a:pt x="338" y="199"/>
                    </a:lnTo>
                    <a:lnTo>
                      <a:pt x="340" y="201"/>
                    </a:lnTo>
                    <a:lnTo>
                      <a:pt x="342" y="205"/>
                    </a:lnTo>
                    <a:lnTo>
                      <a:pt x="344" y="205"/>
                    </a:lnTo>
                    <a:lnTo>
                      <a:pt x="346" y="207"/>
                    </a:lnTo>
                    <a:lnTo>
                      <a:pt x="344" y="207"/>
                    </a:lnTo>
                    <a:lnTo>
                      <a:pt x="342" y="209"/>
                    </a:lnTo>
                    <a:lnTo>
                      <a:pt x="340" y="209"/>
                    </a:lnTo>
                    <a:lnTo>
                      <a:pt x="340" y="212"/>
                    </a:lnTo>
                    <a:lnTo>
                      <a:pt x="340" y="214"/>
                    </a:lnTo>
                    <a:lnTo>
                      <a:pt x="340" y="218"/>
                    </a:lnTo>
                    <a:lnTo>
                      <a:pt x="340" y="222"/>
                    </a:lnTo>
                    <a:lnTo>
                      <a:pt x="338" y="223"/>
                    </a:lnTo>
                    <a:lnTo>
                      <a:pt x="338" y="227"/>
                    </a:lnTo>
                    <a:lnTo>
                      <a:pt x="336" y="227"/>
                    </a:lnTo>
                    <a:lnTo>
                      <a:pt x="336" y="229"/>
                    </a:lnTo>
                    <a:lnTo>
                      <a:pt x="336" y="231"/>
                    </a:lnTo>
                    <a:lnTo>
                      <a:pt x="336" y="233"/>
                    </a:lnTo>
                    <a:lnTo>
                      <a:pt x="336" y="235"/>
                    </a:lnTo>
                    <a:lnTo>
                      <a:pt x="335" y="235"/>
                    </a:lnTo>
                    <a:lnTo>
                      <a:pt x="335" y="236"/>
                    </a:lnTo>
                    <a:lnTo>
                      <a:pt x="335" y="238"/>
                    </a:lnTo>
                    <a:lnTo>
                      <a:pt x="333" y="238"/>
                    </a:lnTo>
                    <a:lnTo>
                      <a:pt x="333" y="240"/>
                    </a:lnTo>
                    <a:lnTo>
                      <a:pt x="333" y="242"/>
                    </a:lnTo>
                    <a:lnTo>
                      <a:pt x="333" y="244"/>
                    </a:lnTo>
                    <a:lnTo>
                      <a:pt x="333" y="246"/>
                    </a:lnTo>
                    <a:lnTo>
                      <a:pt x="333" y="249"/>
                    </a:lnTo>
                    <a:lnTo>
                      <a:pt x="331" y="253"/>
                    </a:lnTo>
                    <a:lnTo>
                      <a:pt x="331" y="255"/>
                    </a:lnTo>
                    <a:lnTo>
                      <a:pt x="331" y="257"/>
                    </a:lnTo>
                    <a:lnTo>
                      <a:pt x="331" y="259"/>
                    </a:lnTo>
                    <a:lnTo>
                      <a:pt x="331" y="260"/>
                    </a:lnTo>
                    <a:lnTo>
                      <a:pt x="331" y="262"/>
                    </a:lnTo>
                    <a:lnTo>
                      <a:pt x="331" y="264"/>
                    </a:lnTo>
                    <a:lnTo>
                      <a:pt x="331" y="266"/>
                    </a:lnTo>
                    <a:lnTo>
                      <a:pt x="331" y="268"/>
                    </a:lnTo>
                    <a:lnTo>
                      <a:pt x="329" y="266"/>
                    </a:lnTo>
                    <a:lnTo>
                      <a:pt x="325" y="268"/>
                    </a:lnTo>
                    <a:lnTo>
                      <a:pt x="322" y="268"/>
                    </a:lnTo>
                    <a:lnTo>
                      <a:pt x="320" y="268"/>
                    </a:lnTo>
                    <a:lnTo>
                      <a:pt x="312" y="272"/>
                    </a:lnTo>
                    <a:lnTo>
                      <a:pt x="307" y="270"/>
                    </a:lnTo>
                    <a:lnTo>
                      <a:pt x="301" y="268"/>
                    </a:lnTo>
                    <a:lnTo>
                      <a:pt x="298" y="268"/>
                    </a:lnTo>
                    <a:lnTo>
                      <a:pt x="294" y="272"/>
                    </a:lnTo>
                    <a:lnTo>
                      <a:pt x="288" y="277"/>
                    </a:lnTo>
                    <a:lnTo>
                      <a:pt x="283" y="275"/>
                    </a:lnTo>
                    <a:lnTo>
                      <a:pt x="281" y="273"/>
                    </a:lnTo>
                    <a:lnTo>
                      <a:pt x="281" y="272"/>
                    </a:lnTo>
                    <a:lnTo>
                      <a:pt x="281" y="270"/>
                    </a:lnTo>
                    <a:lnTo>
                      <a:pt x="279" y="268"/>
                    </a:lnTo>
                    <a:lnTo>
                      <a:pt x="279" y="266"/>
                    </a:lnTo>
                    <a:lnTo>
                      <a:pt x="279" y="264"/>
                    </a:lnTo>
                    <a:lnTo>
                      <a:pt x="279" y="262"/>
                    </a:lnTo>
                    <a:lnTo>
                      <a:pt x="277" y="262"/>
                    </a:lnTo>
                    <a:lnTo>
                      <a:pt x="277" y="260"/>
                    </a:lnTo>
                    <a:lnTo>
                      <a:pt x="275" y="260"/>
                    </a:lnTo>
                    <a:lnTo>
                      <a:pt x="274" y="260"/>
                    </a:lnTo>
                    <a:lnTo>
                      <a:pt x="272" y="260"/>
                    </a:lnTo>
                    <a:lnTo>
                      <a:pt x="270" y="260"/>
                    </a:lnTo>
                    <a:lnTo>
                      <a:pt x="268" y="260"/>
                    </a:lnTo>
                    <a:lnTo>
                      <a:pt x="266" y="259"/>
                    </a:lnTo>
                    <a:lnTo>
                      <a:pt x="266" y="260"/>
                    </a:lnTo>
                    <a:lnTo>
                      <a:pt x="266" y="262"/>
                    </a:lnTo>
                    <a:lnTo>
                      <a:pt x="266" y="264"/>
                    </a:lnTo>
                    <a:lnTo>
                      <a:pt x="266" y="266"/>
                    </a:lnTo>
                    <a:lnTo>
                      <a:pt x="266" y="268"/>
                    </a:lnTo>
                    <a:lnTo>
                      <a:pt x="266" y="270"/>
                    </a:lnTo>
                    <a:lnTo>
                      <a:pt x="266" y="272"/>
                    </a:lnTo>
                    <a:lnTo>
                      <a:pt x="266" y="273"/>
                    </a:lnTo>
                    <a:lnTo>
                      <a:pt x="266" y="275"/>
                    </a:lnTo>
                    <a:lnTo>
                      <a:pt x="266" y="277"/>
                    </a:lnTo>
                    <a:lnTo>
                      <a:pt x="266" y="279"/>
                    </a:lnTo>
                    <a:lnTo>
                      <a:pt x="264" y="279"/>
                    </a:lnTo>
                    <a:lnTo>
                      <a:pt x="264" y="281"/>
                    </a:lnTo>
                    <a:lnTo>
                      <a:pt x="264" y="283"/>
                    </a:lnTo>
                    <a:lnTo>
                      <a:pt x="264" y="285"/>
                    </a:lnTo>
                    <a:lnTo>
                      <a:pt x="266" y="285"/>
                    </a:lnTo>
                    <a:lnTo>
                      <a:pt x="266" y="286"/>
                    </a:lnTo>
                    <a:lnTo>
                      <a:pt x="266" y="288"/>
                    </a:lnTo>
                    <a:lnTo>
                      <a:pt x="264" y="288"/>
                    </a:lnTo>
                    <a:lnTo>
                      <a:pt x="266" y="288"/>
                    </a:lnTo>
                    <a:lnTo>
                      <a:pt x="266" y="290"/>
                    </a:lnTo>
                    <a:lnTo>
                      <a:pt x="266" y="292"/>
                    </a:lnTo>
                    <a:lnTo>
                      <a:pt x="268" y="292"/>
                    </a:lnTo>
                    <a:lnTo>
                      <a:pt x="268" y="294"/>
                    </a:lnTo>
                    <a:lnTo>
                      <a:pt x="270" y="296"/>
                    </a:lnTo>
                    <a:lnTo>
                      <a:pt x="272" y="296"/>
                    </a:lnTo>
                    <a:lnTo>
                      <a:pt x="274" y="296"/>
                    </a:lnTo>
                    <a:lnTo>
                      <a:pt x="275" y="296"/>
                    </a:lnTo>
                    <a:lnTo>
                      <a:pt x="275" y="297"/>
                    </a:lnTo>
                    <a:lnTo>
                      <a:pt x="277" y="297"/>
                    </a:lnTo>
                    <a:lnTo>
                      <a:pt x="279" y="299"/>
                    </a:lnTo>
                    <a:lnTo>
                      <a:pt x="281" y="299"/>
                    </a:lnTo>
                    <a:lnTo>
                      <a:pt x="281" y="301"/>
                    </a:lnTo>
                    <a:lnTo>
                      <a:pt x="281" y="303"/>
                    </a:lnTo>
                    <a:lnTo>
                      <a:pt x="283" y="303"/>
                    </a:lnTo>
                    <a:lnTo>
                      <a:pt x="283" y="305"/>
                    </a:lnTo>
                    <a:lnTo>
                      <a:pt x="281" y="305"/>
                    </a:lnTo>
                    <a:lnTo>
                      <a:pt x="279" y="305"/>
                    </a:lnTo>
                    <a:lnTo>
                      <a:pt x="277" y="307"/>
                    </a:lnTo>
                    <a:lnTo>
                      <a:pt x="274" y="307"/>
                    </a:lnTo>
                    <a:lnTo>
                      <a:pt x="268" y="307"/>
                    </a:lnTo>
                    <a:lnTo>
                      <a:pt x="263" y="307"/>
                    </a:lnTo>
                    <a:lnTo>
                      <a:pt x="257" y="307"/>
                    </a:lnTo>
                    <a:lnTo>
                      <a:pt x="253" y="307"/>
                    </a:lnTo>
                    <a:lnTo>
                      <a:pt x="250" y="305"/>
                    </a:lnTo>
                    <a:lnTo>
                      <a:pt x="242" y="305"/>
                    </a:lnTo>
                    <a:lnTo>
                      <a:pt x="239" y="305"/>
                    </a:lnTo>
                    <a:lnTo>
                      <a:pt x="235" y="307"/>
                    </a:lnTo>
                    <a:lnTo>
                      <a:pt x="231" y="307"/>
                    </a:lnTo>
                    <a:lnTo>
                      <a:pt x="218" y="309"/>
                    </a:lnTo>
                    <a:lnTo>
                      <a:pt x="214" y="309"/>
                    </a:lnTo>
                    <a:lnTo>
                      <a:pt x="207" y="310"/>
                    </a:lnTo>
                    <a:lnTo>
                      <a:pt x="205" y="310"/>
                    </a:lnTo>
                    <a:lnTo>
                      <a:pt x="209" y="314"/>
                    </a:lnTo>
                    <a:lnTo>
                      <a:pt x="209" y="316"/>
                    </a:lnTo>
                    <a:lnTo>
                      <a:pt x="209" y="318"/>
                    </a:lnTo>
                    <a:lnTo>
                      <a:pt x="211" y="320"/>
                    </a:lnTo>
                    <a:lnTo>
                      <a:pt x="213" y="322"/>
                    </a:lnTo>
                    <a:lnTo>
                      <a:pt x="213" y="323"/>
                    </a:lnTo>
                    <a:lnTo>
                      <a:pt x="214" y="323"/>
                    </a:lnTo>
                    <a:lnTo>
                      <a:pt x="214" y="325"/>
                    </a:lnTo>
                    <a:lnTo>
                      <a:pt x="214" y="327"/>
                    </a:lnTo>
                    <a:lnTo>
                      <a:pt x="214" y="329"/>
                    </a:lnTo>
                    <a:lnTo>
                      <a:pt x="213" y="331"/>
                    </a:lnTo>
                    <a:lnTo>
                      <a:pt x="213" y="333"/>
                    </a:lnTo>
                    <a:lnTo>
                      <a:pt x="211" y="333"/>
                    </a:lnTo>
                    <a:lnTo>
                      <a:pt x="207" y="338"/>
                    </a:lnTo>
                    <a:lnTo>
                      <a:pt x="202" y="353"/>
                    </a:lnTo>
                    <a:lnTo>
                      <a:pt x="200" y="355"/>
                    </a:lnTo>
                    <a:lnTo>
                      <a:pt x="198" y="357"/>
                    </a:lnTo>
                    <a:lnTo>
                      <a:pt x="198" y="359"/>
                    </a:lnTo>
                    <a:lnTo>
                      <a:pt x="196" y="359"/>
                    </a:lnTo>
                    <a:lnTo>
                      <a:pt x="194" y="359"/>
                    </a:lnTo>
                    <a:lnTo>
                      <a:pt x="192" y="359"/>
                    </a:lnTo>
                    <a:lnTo>
                      <a:pt x="190" y="357"/>
                    </a:lnTo>
                    <a:lnTo>
                      <a:pt x="187" y="357"/>
                    </a:lnTo>
                    <a:lnTo>
                      <a:pt x="187" y="355"/>
                    </a:lnTo>
                    <a:lnTo>
                      <a:pt x="187" y="357"/>
                    </a:lnTo>
                    <a:lnTo>
                      <a:pt x="185" y="357"/>
                    </a:lnTo>
                    <a:lnTo>
                      <a:pt x="181" y="360"/>
                    </a:lnTo>
                    <a:lnTo>
                      <a:pt x="179" y="362"/>
                    </a:lnTo>
                    <a:lnTo>
                      <a:pt x="178" y="362"/>
                    </a:lnTo>
                    <a:lnTo>
                      <a:pt x="178" y="364"/>
                    </a:lnTo>
                    <a:lnTo>
                      <a:pt x="176" y="364"/>
                    </a:lnTo>
                    <a:lnTo>
                      <a:pt x="176" y="366"/>
                    </a:lnTo>
                    <a:lnTo>
                      <a:pt x="174" y="366"/>
                    </a:lnTo>
                    <a:lnTo>
                      <a:pt x="172" y="366"/>
                    </a:lnTo>
                    <a:lnTo>
                      <a:pt x="170" y="366"/>
                    </a:lnTo>
                    <a:lnTo>
                      <a:pt x="168" y="366"/>
                    </a:lnTo>
                    <a:lnTo>
                      <a:pt x="166" y="366"/>
                    </a:lnTo>
                    <a:lnTo>
                      <a:pt x="165" y="366"/>
                    </a:lnTo>
                    <a:lnTo>
                      <a:pt x="163" y="366"/>
                    </a:lnTo>
                    <a:lnTo>
                      <a:pt x="161" y="364"/>
                    </a:lnTo>
                    <a:lnTo>
                      <a:pt x="159" y="364"/>
                    </a:lnTo>
                    <a:lnTo>
                      <a:pt x="157" y="364"/>
                    </a:lnTo>
                    <a:lnTo>
                      <a:pt x="155" y="364"/>
                    </a:lnTo>
                    <a:lnTo>
                      <a:pt x="155" y="362"/>
                    </a:lnTo>
                    <a:lnTo>
                      <a:pt x="153" y="362"/>
                    </a:lnTo>
                    <a:lnTo>
                      <a:pt x="152" y="362"/>
                    </a:lnTo>
                    <a:lnTo>
                      <a:pt x="152" y="360"/>
                    </a:lnTo>
                    <a:lnTo>
                      <a:pt x="150" y="360"/>
                    </a:lnTo>
                    <a:lnTo>
                      <a:pt x="150" y="359"/>
                    </a:lnTo>
                    <a:lnTo>
                      <a:pt x="150" y="357"/>
                    </a:lnTo>
                    <a:lnTo>
                      <a:pt x="148" y="357"/>
                    </a:lnTo>
                    <a:lnTo>
                      <a:pt x="146" y="357"/>
                    </a:lnTo>
                    <a:lnTo>
                      <a:pt x="144" y="359"/>
                    </a:lnTo>
                    <a:lnTo>
                      <a:pt x="144" y="357"/>
                    </a:lnTo>
                    <a:lnTo>
                      <a:pt x="142" y="357"/>
                    </a:lnTo>
                    <a:lnTo>
                      <a:pt x="142" y="355"/>
                    </a:lnTo>
                    <a:lnTo>
                      <a:pt x="141" y="355"/>
                    </a:lnTo>
                    <a:lnTo>
                      <a:pt x="141" y="353"/>
                    </a:lnTo>
                    <a:lnTo>
                      <a:pt x="141" y="351"/>
                    </a:lnTo>
                    <a:lnTo>
                      <a:pt x="141" y="349"/>
                    </a:lnTo>
                    <a:lnTo>
                      <a:pt x="141" y="347"/>
                    </a:lnTo>
                    <a:lnTo>
                      <a:pt x="141" y="346"/>
                    </a:lnTo>
                    <a:lnTo>
                      <a:pt x="141" y="344"/>
                    </a:lnTo>
                    <a:lnTo>
                      <a:pt x="139" y="344"/>
                    </a:lnTo>
                    <a:lnTo>
                      <a:pt x="139" y="342"/>
                    </a:lnTo>
                    <a:lnTo>
                      <a:pt x="139" y="340"/>
                    </a:lnTo>
                    <a:lnTo>
                      <a:pt x="139" y="338"/>
                    </a:lnTo>
                    <a:lnTo>
                      <a:pt x="141" y="338"/>
                    </a:lnTo>
                    <a:lnTo>
                      <a:pt x="141" y="336"/>
                    </a:lnTo>
                    <a:lnTo>
                      <a:pt x="141" y="334"/>
                    </a:lnTo>
                    <a:lnTo>
                      <a:pt x="141" y="333"/>
                    </a:lnTo>
                    <a:lnTo>
                      <a:pt x="139" y="333"/>
                    </a:lnTo>
                    <a:lnTo>
                      <a:pt x="137" y="333"/>
                    </a:lnTo>
                    <a:lnTo>
                      <a:pt x="137" y="334"/>
                    </a:lnTo>
                    <a:lnTo>
                      <a:pt x="135" y="334"/>
                    </a:lnTo>
                    <a:lnTo>
                      <a:pt x="133" y="334"/>
                    </a:lnTo>
                    <a:lnTo>
                      <a:pt x="131" y="334"/>
                    </a:lnTo>
                    <a:lnTo>
                      <a:pt x="129" y="334"/>
                    </a:lnTo>
                    <a:lnTo>
                      <a:pt x="129" y="333"/>
                    </a:lnTo>
                    <a:lnTo>
                      <a:pt x="128" y="333"/>
                    </a:lnTo>
                    <a:lnTo>
                      <a:pt x="126" y="333"/>
                    </a:lnTo>
                    <a:lnTo>
                      <a:pt x="126" y="331"/>
                    </a:lnTo>
                    <a:lnTo>
                      <a:pt x="124" y="331"/>
                    </a:lnTo>
                    <a:lnTo>
                      <a:pt x="122" y="329"/>
                    </a:lnTo>
                    <a:lnTo>
                      <a:pt x="120" y="331"/>
                    </a:lnTo>
                    <a:lnTo>
                      <a:pt x="120" y="333"/>
                    </a:lnTo>
                    <a:lnTo>
                      <a:pt x="118" y="333"/>
                    </a:lnTo>
                    <a:lnTo>
                      <a:pt x="117" y="333"/>
                    </a:lnTo>
                    <a:lnTo>
                      <a:pt x="115" y="333"/>
                    </a:lnTo>
                    <a:lnTo>
                      <a:pt x="113" y="333"/>
                    </a:lnTo>
                    <a:lnTo>
                      <a:pt x="111" y="333"/>
                    </a:lnTo>
                    <a:lnTo>
                      <a:pt x="111" y="331"/>
                    </a:lnTo>
                    <a:lnTo>
                      <a:pt x="111" y="329"/>
                    </a:lnTo>
                    <a:lnTo>
                      <a:pt x="111" y="327"/>
                    </a:lnTo>
                    <a:lnTo>
                      <a:pt x="109" y="327"/>
                    </a:lnTo>
                    <a:lnTo>
                      <a:pt x="107" y="327"/>
                    </a:lnTo>
                    <a:lnTo>
                      <a:pt x="105" y="327"/>
                    </a:lnTo>
                    <a:lnTo>
                      <a:pt x="104" y="327"/>
                    </a:lnTo>
                    <a:lnTo>
                      <a:pt x="102" y="327"/>
                    </a:lnTo>
                    <a:lnTo>
                      <a:pt x="102" y="329"/>
                    </a:lnTo>
                    <a:lnTo>
                      <a:pt x="102" y="331"/>
                    </a:lnTo>
                    <a:lnTo>
                      <a:pt x="104" y="331"/>
                    </a:lnTo>
                    <a:lnTo>
                      <a:pt x="104" y="333"/>
                    </a:lnTo>
                    <a:lnTo>
                      <a:pt x="104" y="334"/>
                    </a:lnTo>
                    <a:lnTo>
                      <a:pt x="102" y="334"/>
                    </a:lnTo>
                    <a:lnTo>
                      <a:pt x="100" y="336"/>
                    </a:lnTo>
                    <a:lnTo>
                      <a:pt x="98" y="336"/>
                    </a:lnTo>
                    <a:lnTo>
                      <a:pt x="98" y="334"/>
                    </a:lnTo>
                    <a:lnTo>
                      <a:pt x="96" y="334"/>
                    </a:lnTo>
                    <a:lnTo>
                      <a:pt x="94" y="334"/>
                    </a:lnTo>
                    <a:lnTo>
                      <a:pt x="94" y="333"/>
                    </a:lnTo>
                    <a:lnTo>
                      <a:pt x="94" y="331"/>
                    </a:lnTo>
                    <a:lnTo>
                      <a:pt x="92" y="331"/>
                    </a:lnTo>
                    <a:lnTo>
                      <a:pt x="91" y="333"/>
                    </a:lnTo>
                    <a:lnTo>
                      <a:pt x="91" y="334"/>
                    </a:lnTo>
                    <a:lnTo>
                      <a:pt x="91" y="336"/>
                    </a:lnTo>
                    <a:lnTo>
                      <a:pt x="91" y="338"/>
                    </a:lnTo>
                    <a:lnTo>
                      <a:pt x="91" y="340"/>
                    </a:lnTo>
                    <a:lnTo>
                      <a:pt x="91" y="342"/>
                    </a:lnTo>
                    <a:lnTo>
                      <a:pt x="92" y="342"/>
                    </a:lnTo>
                    <a:lnTo>
                      <a:pt x="92" y="344"/>
                    </a:lnTo>
                    <a:lnTo>
                      <a:pt x="92" y="346"/>
                    </a:lnTo>
                    <a:lnTo>
                      <a:pt x="91" y="346"/>
                    </a:lnTo>
                    <a:lnTo>
                      <a:pt x="92" y="346"/>
                    </a:lnTo>
                    <a:lnTo>
                      <a:pt x="92" y="347"/>
                    </a:lnTo>
                    <a:lnTo>
                      <a:pt x="92" y="349"/>
                    </a:lnTo>
                    <a:lnTo>
                      <a:pt x="92" y="351"/>
                    </a:lnTo>
                    <a:lnTo>
                      <a:pt x="92" y="353"/>
                    </a:lnTo>
                    <a:lnTo>
                      <a:pt x="92" y="355"/>
                    </a:lnTo>
                    <a:lnTo>
                      <a:pt x="92" y="357"/>
                    </a:lnTo>
                    <a:lnTo>
                      <a:pt x="91" y="359"/>
                    </a:lnTo>
                    <a:lnTo>
                      <a:pt x="87" y="364"/>
                    </a:lnTo>
                    <a:lnTo>
                      <a:pt x="87" y="366"/>
                    </a:lnTo>
                    <a:lnTo>
                      <a:pt x="87" y="368"/>
                    </a:lnTo>
                    <a:lnTo>
                      <a:pt x="85" y="368"/>
                    </a:lnTo>
                    <a:lnTo>
                      <a:pt x="85" y="370"/>
                    </a:lnTo>
                    <a:lnTo>
                      <a:pt x="85" y="371"/>
                    </a:lnTo>
                    <a:lnTo>
                      <a:pt x="85" y="373"/>
                    </a:lnTo>
                    <a:lnTo>
                      <a:pt x="81" y="375"/>
                    </a:lnTo>
                    <a:lnTo>
                      <a:pt x="80" y="377"/>
                    </a:lnTo>
                    <a:lnTo>
                      <a:pt x="76" y="377"/>
                    </a:lnTo>
                    <a:lnTo>
                      <a:pt x="70" y="377"/>
                    </a:lnTo>
                    <a:lnTo>
                      <a:pt x="68" y="377"/>
                    </a:lnTo>
                    <a:lnTo>
                      <a:pt x="67" y="377"/>
                    </a:lnTo>
                    <a:lnTo>
                      <a:pt x="65" y="377"/>
                    </a:lnTo>
                    <a:lnTo>
                      <a:pt x="63" y="377"/>
                    </a:lnTo>
                    <a:lnTo>
                      <a:pt x="61" y="375"/>
                    </a:lnTo>
                    <a:lnTo>
                      <a:pt x="57" y="375"/>
                    </a:lnTo>
                    <a:lnTo>
                      <a:pt x="54" y="375"/>
                    </a:lnTo>
                    <a:lnTo>
                      <a:pt x="48" y="375"/>
                    </a:lnTo>
                    <a:lnTo>
                      <a:pt x="52" y="371"/>
                    </a:lnTo>
                    <a:lnTo>
                      <a:pt x="52" y="370"/>
                    </a:lnTo>
                    <a:lnTo>
                      <a:pt x="54" y="370"/>
                    </a:lnTo>
                    <a:lnTo>
                      <a:pt x="56" y="366"/>
                    </a:lnTo>
                    <a:lnTo>
                      <a:pt x="54" y="364"/>
                    </a:lnTo>
                    <a:lnTo>
                      <a:pt x="54" y="360"/>
                    </a:lnTo>
                    <a:lnTo>
                      <a:pt x="52" y="359"/>
                    </a:lnTo>
                    <a:lnTo>
                      <a:pt x="52" y="357"/>
                    </a:lnTo>
                    <a:lnTo>
                      <a:pt x="52" y="349"/>
                    </a:lnTo>
                    <a:lnTo>
                      <a:pt x="54" y="347"/>
                    </a:lnTo>
                    <a:lnTo>
                      <a:pt x="54" y="346"/>
                    </a:lnTo>
                    <a:lnTo>
                      <a:pt x="52" y="346"/>
                    </a:lnTo>
                    <a:lnTo>
                      <a:pt x="50" y="346"/>
                    </a:lnTo>
                    <a:lnTo>
                      <a:pt x="48" y="346"/>
                    </a:lnTo>
                    <a:lnTo>
                      <a:pt x="46" y="346"/>
                    </a:lnTo>
                    <a:lnTo>
                      <a:pt x="44" y="346"/>
                    </a:lnTo>
                    <a:lnTo>
                      <a:pt x="43" y="346"/>
                    </a:lnTo>
                    <a:lnTo>
                      <a:pt x="41" y="346"/>
                    </a:lnTo>
                    <a:lnTo>
                      <a:pt x="41" y="344"/>
                    </a:lnTo>
                    <a:lnTo>
                      <a:pt x="39" y="344"/>
                    </a:lnTo>
                    <a:lnTo>
                      <a:pt x="37" y="344"/>
                    </a:lnTo>
                    <a:lnTo>
                      <a:pt x="37" y="342"/>
                    </a:lnTo>
                    <a:lnTo>
                      <a:pt x="35" y="342"/>
                    </a:lnTo>
                    <a:lnTo>
                      <a:pt x="33" y="342"/>
                    </a:lnTo>
                    <a:lnTo>
                      <a:pt x="31" y="342"/>
                    </a:lnTo>
                    <a:lnTo>
                      <a:pt x="31" y="340"/>
                    </a:lnTo>
                    <a:lnTo>
                      <a:pt x="30" y="336"/>
                    </a:lnTo>
                    <a:lnTo>
                      <a:pt x="30" y="334"/>
                    </a:lnTo>
                    <a:lnTo>
                      <a:pt x="28" y="333"/>
                    </a:lnTo>
                    <a:lnTo>
                      <a:pt x="28" y="329"/>
                    </a:lnTo>
                    <a:lnTo>
                      <a:pt x="28" y="327"/>
                    </a:lnTo>
                    <a:lnTo>
                      <a:pt x="26" y="327"/>
                    </a:lnTo>
                    <a:lnTo>
                      <a:pt x="24" y="329"/>
                    </a:lnTo>
                    <a:lnTo>
                      <a:pt x="22" y="329"/>
                    </a:lnTo>
                    <a:lnTo>
                      <a:pt x="17" y="329"/>
                    </a:lnTo>
                    <a:lnTo>
                      <a:pt x="17" y="327"/>
                    </a:lnTo>
                    <a:lnTo>
                      <a:pt x="15" y="325"/>
                    </a:lnTo>
                    <a:lnTo>
                      <a:pt x="15" y="322"/>
                    </a:lnTo>
                    <a:lnTo>
                      <a:pt x="13" y="320"/>
                    </a:lnTo>
                    <a:lnTo>
                      <a:pt x="13" y="316"/>
                    </a:lnTo>
                    <a:lnTo>
                      <a:pt x="11" y="314"/>
                    </a:lnTo>
                    <a:lnTo>
                      <a:pt x="11" y="312"/>
                    </a:lnTo>
                    <a:lnTo>
                      <a:pt x="11" y="310"/>
                    </a:lnTo>
                    <a:lnTo>
                      <a:pt x="7" y="309"/>
                    </a:lnTo>
                    <a:lnTo>
                      <a:pt x="6" y="309"/>
                    </a:lnTo>
                    <a:lnTo>
                      <a:pt x="4" y="309"/>
                    </a:lnTo>
                    <a:lnTo>
                      <a:pt x="2" y="309"/>
                    </a:lnTo>
                    <a:lnTo>
                      <a:pt x="2" y="307"/>
                    </a:lnTo>
                    <a:lnTo>
                      <a:pt x="0" y="307"/>
                    </a:lnTo>
                    <a:lnTo>
                      <a:pt x="2" y="307"/>
                    </a:lnTo>
                    <a:lnTo>
                      <a:pt x="4" y="307"/>
                    </a:lnTo>
                    <a:lnTo>
                      <a:pt x="6" y="307"/>
                    </a:lnTo>
                    <a:lnTo>
                      <a:pt x="7" y="309"/>
                    </a:lnTo>
                    <a:lnTo>
                      <a:pt x="9" y="307"/>
                    </a:lnTo>
                    <a:lnTo>
                      <a:pt x="11" y="307"/>
                    </a:lnTo>
                    <a:lnTo>
                      <a:pt x="13" y="307"/>
                    </a:lnTo>
                    <a:lnTo>
                      <a:pt x="15" y="307"/>
                    </a:lnTo>
                    <a:lnTo>
                      <a:pt x="17" y="307"/>
                    </a:lnTo>
                    <a:lnTo>
                      <a:pt x="19" y="307"/>
                    </a:lnTo>
                    <a:lnTo>
                      <a:pt x="20" y="307"/>
                    </a:lnTo>
                    <a:lnTo>
                      <a:pt x="22" y="309"/>
                    </a:lnTo>
                    <a:lnTo>
                      <a:pt x="24" y="309"/>
                    </a:lnTo>
                    <a:lnTo>
                      <a:pt x="26" y="309"/>
                    </a:lnTo>
                    <a:lnTo>
                      <a:pt x="28" y="309"/>
                    </a:lnTo>
                    <a:lnTo>
                      <a:pt x="30" y="309"/>
                    </a:lnTo>
                    <a:lnTo>
                      <a:pt x="31" y="309"/>
                    </a:lnTo>
                    <a:lnTo>
                      <a:pt x="31" y="310"/>
                    </a:lnTo>
                    <a:lnTo>
                      <a:pt x="33" y="310"/>
                    </a:lnTo>
                    <a:lnTo>
                      <a:pt x="35" y="310"/>
                    </a:lnTo>
                    <a:lnTo>
                      <a:pt x="37" y="310"/>
                    </a:lnTo>
                    <a:lnTo>
                      <a:pt x="39" y="310"/>
                    </a:lnTo>
                    <a:lnTo>
                      <a:pt x="41" y="312"/>
                    </a:lnTo>
                    <a:lnTo>
                      <a:pt x="43" y="312"/>
                    </a:lnTo>
                    <a:lnTo>
                      <a:pt x="44" y="312"/>
                    </a:lnTo>
                    <a:lnTo>
                      <a:pt x="46" y="312"/>
                    </a:lnTo>
                    <a:lnTo>
                      <a:pt x="48" y="312"/>
                    </a:lnTo>
                    <a:lnTo>
                      <a:pt x="50" y="312"/>
                    </a:lnTo>
                    <a:lnTo>
                      <a:pt x="52" y="312"/>
                    </a:lnTo>
                    <a:lnTo>
                      <a:pt x="54" y="312"/>
                    </a:lnTo>
                    <a:lnTo>
                      <a:pt x="56" y="312"/>
                    </a:lnTo>
                    <a:lnTo>
                      <a:pt x="57" y="312"/>
                    </a:lnTo>
                    <a:lnTo>
                      <a:pt x="59" y="312"/>
                    </a:lnTo>
                    <a:lnTo>
                      <a:pt x="61" y="312"/>
                    </a:lnTo>
                    <a:lnTo>
                      <a:pt x="63" y="312"/>
                    </a:lnTo>
                    <a:lnTo>
                      <a:pt x="63" y="310"/>
                    </a:lnTo>
                    <a:lnTo>
                      <a:pt x="65" y="309"/>
                    </a:lnTo>
                    <a:lnTo>
                      <a:pt x="67" y="309"/>
                    </a:lnTo>
                    <a:lnTo>
                      <a:pt x="68" y="309"/>
                    </a:lnTo>
                    <a:lnTo>
                      <a:pt x="68" y="307"/>
                    </a:lnTo>
                    <a:lnTo>
                      <a:pt x="70" y="307"/>
                    </a:lnTo>
                    <a:lnTo>
                      <a:pt x="70" y="305"/>
                    </a:lnTo>
                    <a:lnTo>
                      <a:pt x="72" y="305"/>
                    </a:lnTo>
                    <a:lnTo>
                      <a:pt x="74" y="305"/>
                    </a:lnTo>
                    <a:lnTo>
                      <a:pt x="76" y="307"/>
                    </a:lnTo>
                    <a:lnTo>
                      <a:pt x="78" y="307"/>
                    </a:lnTo>
                    <a:lnTo>
                      <a:pt x="80" y="307"/>
                    </a:lnTo>
                    <a:lnTo>
                      <a:pt x="81" y="309"/>
                    </a:lnTo>
                    <a:lnTo>
                      <a:pt x="83" y="309"/>
                    </a:lnTo>
                    <a:lnTo>
                      <a:pt x="85" y="309"/>
                    </a:lnTo>
                    <a:lnTo>
                      <a:pt x="87" y="309"/>
                    </a:lnTo>
                    <a:lnTo>
                      <a:pt x="89" y="309"/>
                    </a:lnTo>
                    <a:lnTo>
                      <a:pt x="89" y="307"/>
                    </a:lnTo>
                    <a:lnTo>
                      <a:pt x="91" y="307"/>
                    </a:lnTo>
                    <a:lnTo>
                      <a:pt x="92" y="307"/>
                    </a:lnTo>
                    <a:lnTo>
                      <a:pt x="94" y="307"/>
                    </a:lnTo>
                    <a:lnTo>
                      <a:pt x="96" y="307"/>
                    </a:lnTo>
                    <a:lnTo>
                      <a:pt x="98" y="307"/>
                    </a:lnTo>
                    <a:lnTo>
                      <a:pt x="98" y="305"/>
                    </a:lnTo>
                    <a:lnTo>
                      <a:pt x="100" y="305"/>
                    </a:lnTo>
                    <a:lnTo>
                      <a:pt x="100" y="303"/>
                    </a:lnTo>
                    <a:lnTo>
                      <a:pt x="100" y="301"/>
                    </a:lnTo>
                    <a:lnTo>
                      <a:pt x="102" y="301"/>
                    </a:lnTo>
                    <a:lnTo>
                      <a:pt x="102" y="299"/>
                    </a:lnTo>
                    <a:lnTo>
                      <a:pt x="102" y="297"/>
                    </a:lnTo>
                    <a:lnTo>
                      <a:pt x="102" y="296"/>
                    </a:lnTo>
                    <a:lnTo>
                      <a:pt x="104" y="292"/>
                    </a:lnTo>
                    <a:lnTo>
                      <a:pt x="104" y="288"/>
                    </a:lnTo>
                    <a:lnTo>
                      <a:pt x="105" y="288"/>
                    </a:lnTo>
                    <a:lnTo>
                      <a:pt x="105" y="286"/>
                    </a:lnTo>
                    <a:lnTo>
                      <a:pt x="107" y="286"/>
                    </a:lnTo>
                    <a:lnTo>
                      <a:pt x="107" y="285"/>
                    </a:lnTo>
                    <a:lnTo>
                      <a:pt x="109" y="283"/>
                    </a:lnTo>
                    <a:lnTo>
                      <a:pt x="109" y="279"/>
                    </a:lnTo>
                    <a:lnTo>
                      <a:pt x="109" y="277"/>
                    </a:lnTo>
                    <a:lnTo>
                      <a:pt x="109" y="275"/>
                    </a:lnTo>
                    <a:lnTo>
                      <a:pt x="107" y="273"/>
                    </a:lnTo>
                    <a:lnTo>
                      <a:pt x="105" y="272"/>
                    </a:lnTo>
                    <a:lnTo>
                      <a:pt x="105" y="270"/>
                    </a:lnTo>
                    <a:lnTo>
                      <a:pt x="105" y="268"/>
                    </a:lnTo>
                    <a:lnTo>
                      <a:pt x="104" y="268"/>
                    </a:lnTo>
                    <a:lnTo>
                      <a:pt x="104" y="266"/>
                    </a:lnTo>
                    <a:lnTo>
                      <a:pt x="104" y="264"/>
                    </a:lnTo>
                    <a:lnTo>
                      <a:pt x="104" y="262"/>
                    </a:lnTo>
                    <a:lnTo>
                      <a:pt x="100" y="259"/>
                    </a:lnTo>
                    <a:lnTo>
                      <a:pt x="96" y="255"/>
                    </a:lnTo>
                    <a:lnTo>
                      <a:pt x="92" y="251"/>
                    </a:lnTo>
                    <a:lnTo>
                      <a:pt x="92" y="249"/>
                    </a:lnTo>
                    <a:lnTo>
                      <a:pt x="91" y="249"/>
                    </a:lnTo>
                    <a:lnTo>
                      <a:pt x="89" y="248"/>
                    </a:lnTo>
                    <a:lnTo>
                      <a:pt x="89" y="246"/>
                    </a:lnTo>
                    <a:lnTo>
                      <a:pt x="87" y="246"/>
                    </a:lnTo>
                    <a:lnTo>
                      <a:pt x="87" y="244"/>
                    </a:lnTo>
                    <a:lnTo>
                      <a:pt x="87" y="242"/>
                    </a:lnTo>
                    <a:lnTo>
                      <a:pt x="85" y="240"/>
                    </a:lnTo>
                    <a:lnTo>
                      <a:pt x="83" y="242"/>
                    </a:lnTo>
                    <a:lnTo>
                      <a:pt x="74" y="246"/>
                    </a:lnTo>
                    <a:lnTo>
                      <a:pt x="68" y="248"/>
                    </a:lnTo>
                    <a:lnTo>
                      <a:pt x="65" y="246"/>
                    </a:lnTo>
                    <a:lnTo>
                      <a:pt x="65" y="244"/>
                    </a:lnTo>
                    <a:lnTo>
                      <a:pt x="63" y="242"/>
                    </a:lnTo>
                    <a:lnTo>
                      <a:pt x="61" y="242"/>
                    </a:lnTo>
                    <a:lnTo>
                      <a:pt x="63" y="240"/>
                    </a:lnTo>
                    <a:lnTo>
                      <a:pt x="65" y="236"/>
                    </a:lnTo>
                    <a:lnTo>
                      <a:pt x="67" y="233"/>
                    </a:lnTo>
                    <a:lnTo>
                      <a:pt x="65" y="233"/>
                    </a:lnTo>
                    <a:lnTo>
                      <a:pt x="65" y="231"/>
                    </a:lnTo>
                    <a:lnTo>
                      <a:pt x="63" y="231"/>
                    </a:lnTo>
                    <a:lnTo>
                      <a:pt x="65" y="231"/>
                    </a:lnTo>
                    <a:lnTo>
                      <a:pt x="67" y="229"/>
                    </a:lnTo>
                    <a:lnTo>
                      <a:pt x="70" y="227"/>
                    </a:lnTo>
                    <a:lnTo>
                      <a:pt x="72" y="227"/>
                    </a:lnTo>
                    <a:lnTo>
                      <a:pt x="72" y="225"/>
                    </a:lnTo>
                    <a:lnTo>
                      <a:pt x="72" y="223"/>
                    </a:lnTo>
                    <a:lnTo>
                      <a:pt x="72" y="222"/>
                    </a:lnTo>
                    <a:lnTo>
                      <a:pt x="72" y="220"/>
                    </a:lnTo>
                    <a:lnTo>
                      <a:pt x="70" y="218"/>
                    </a:lnTo>
                    <a:lnTo>
                      <a:pt x="72" y="218"/>
                    </a:lnTo>
                    <a:lnTo>
                      <a:pt x="74" y="216"/>
                    </a:lnTo>
                    <a:lnTo>
                      <a:pt x="74" y="214"/>
                    </a:lnTo>
                    <a:lnTo>
                      <a:pt x="76" y="214"/>
                    </a:lnTo>
                    <a:lnTo>
                      <a:pt x="78" y="214"/>
                    </a:lnTo>
                    <a:lnTo>
                      <a:pt x="81" y="212"/>
                    </a:lnTo>
                    <a:lnTo>
                      <a:pt x="83" y="212"/>
                    </a:lnTo>
                    <a:lnTo>
                      <a:pt x="85" y="211"/>
                    </a:lnTo>
                    <a:lnTo>
                      <a:pt x="89" y="211"/>
                    </a:lnTo>
                    <a:lnTo>
                      <a:pt x="91" y="211"/>
                    </a:lnTo>
                    <a:lnTo>
                      <a:pt x="92" y="211"/>
                    </a:lnTo>
                    <a:lnTo>
                      <a:pt x="94" y="209"/>
                    </a:lnTo>
                    <a:lnTo>
                      <a:pt x="96" y="209"/>
                    </a:lnTo>
                    <a:lnTo>
                      <a:pt x="96" y="212"/>
                    </a:lnTo>
                    <a:lnTo>
                      <a:pt x="96" y="214"/>
                    </a:lnTo>
                    <a:lnTo>
                      <a:pt x="96" y="216"/>
                    </a:lnTo>
                    <a:lnTo>
                      <a:pt x="98" y="218"/>
                    </a:lnTo>
                    <a:lnTo>
                      <a:pt x="100" y="222"/>
                    </a:lnTo>
                    <a:lnTo>
                      <a:pt x="104" y="225"/>
                    </a:lnTo>
                    <a:lnTo>
                      <a:pt x="104" y="227"/>
                    </a:lnTo>
                    <a:lnTo>
                      <a:pt x="105" y="227"/>
                    </a:lnTo>
                    <a:lnTo>
                      <a:pt x="105" y="229"/>
                    </a:lnTo>
                    <a:lnTo>
                      <a:pt x="107" y="231"/>
                    </a:lnTo>
                    <a:lnTo>
                      <a:pt x="107" y="233"/>
                    </a:lnTo>
                    <a:lnTo>
                      <a:pt x="109" y="235"/>
                    </a:lnTo>
                    <a:lnTo>
                      <a:pt x="111" y="235"/>
                    </a:lnTo>
                    <a:lnTo>
                      <a:pt x="115" y="233"/>
                    </a:lnTo>
                    <a:lnTo>
                      <a:pt x="118" y="231"/>
                    </a:lnTo>
                    <a:lnTo>
                      <a:pt x="120" y="229"/>
                    </a:lnTo>
                    <a:lnTo>
                      <a:pt x="122" y="229"/>
                    </a:lnTo>
                    <a:lnTo>
                      <a:pt x="124" y="227"/>
                    </a:lnTo>
                    <a:lnTo>
                      <a:pt x="128" y="225"/>
                    </a:lnTo>
                    <a:lnTo>
                      <a:pt x="131" y="223"/>
                    </a:lnTo>
                    <a:lnTo>
                      <a:pt x="133" y="223"/>
                    </a:lnTo>
                    <a:lnTo>
                      <a:pt x="135" y="223"/>
                    </a:lnTo>
                    <a:lnTo>
                      <a:pt x="139" y="222"/>
                    </a:lnTo>
                    <a:lnTo>
                      <a:pt x="141" y="222"/>
                    </a:lnTo>
                    <a:lnTo>
                      <a:pt x="142" y="222"/>
                    </a:lnTo>
                    <a:lnTo>
                      <a:pt x="144" y="222"/>
                    </a:lnTo>
                    <a:lnTo>
                      <a:pt x="146" y="220"/>
                    </a:lnTo>
                    <a:lnTo>
                      <a:pt x="148" y="220"/>
                    </a:lnTo>
                    <a:lnTo>
                      <a:pt x="150" y="218"/>
                    </a:lnTo>
                    <a:lnTo>
                      <a:pt x="152" y="218"/>
                    </a:lnTo>
                    <a:lnTo>
                      <a:pt x="153" y="216"/>
                    </a:lnTo>
                    <a:lnTo>
                      <a:pt x="155" y="216"/>
                    </a:lnTo>
                    <a:lnTo>
                      <a:pt x="157" y="216"/>
                    </a:lnTo>
                    <a:lnTo>
                      <a:pt x="159" y="214"/>
                    </a:lnTo>
                    <a:lnTo>
                      <a:pt x="161" y="214"/>
                    </a:lnTo>
                    <a:lnTo>
                      <a:pt x="163" y="214"/>
                    </a:lnTo>
                    <a:lnTo>
                      <a:pt x="165" y="214"/>
                    </a:lnTo>
                    <a:lnTo>
                      <a:pt x="166" y="214"/>
                    </a:lnTo>
                    <a:lnTo>
                      <a:pt x="166" y="212"/>
                    </a:lnTo>
                    <a:lnTo>
                      <a:pt x="168" y="212"/>
                    </a:lnTo>
                    <a:lnTo>
                      <a:pt x="170" y="214"/>
                    </a:lnTo>
                    <a:lnTo>
                      <a:pt x="174" y="214"/>
                    </a:lnTo>
                    <a:lnTo>
                      <a:pt x="176" y="214"/>
                    </a:lnTo>
                    <a:lnTo>
                      <a:pt x="178" y="214"/>
                    </a:lnTo>
                    <a:lnTo>
                      <a:pt x="179" y="216"/>
                    </a:lnTo>
                    <a:lnTo>
                      <a:pt x="181" y="216"/>
                    </a:lnTo>
                    <a:lnTo>
                      <a:pt x="183" y="216"/>
                    </a:lnTo>
                    <a:lnTo>
                      <a:pt x="185" y="216"/>
                    </a:lnTo>
                    <a:lnTo>
                      <a:pt x="185" y="214"/>
                    </a:lnTo>
                    <a:lnTo>
                      <a:pt x="187" y="214"/>
                    </a:lnTo>
                    <a:lnTo>
                      <a:pt x="189" y="214"/>
                    </a:lnTo>
                    <a:lnTo>
                      <a:pt x="190" y="212"/>
                    </a:lnTo>
                    <a:lnTo>
                      <a:pt x="192" y="211"/>
                    </a:lnTo>
                    <a:lnTo>
                      <a:pt x="194" y="211"/>
                    </a:lnTo>
                    <a:lnTo>
                      <a:pt x="196" y="211"/>
                    </a:lnTo>
                    <a:lnTo>
                      <a:pt x="203" y="211"/>
                    </a:lnTo>
                    <a:lnTo>
                      <a:pt x="209" y="211"/>
                    </a:lnTo>
                    <a:lnTo>
                      <a:pt x="213" y="211"/>
                    </a:lnTo>
                    <a:lnTo>
                      <a:pt x="213" y="209"/>
                    </a:lnTo>
                    <a:lnTo>
                      <a:pt x="213" y="207"/>
                    </a:lnTo>
                    <a:lnTo>
                      <a:pt x="213" y="205"/>
                    </a:lnTo>
                    <a:lnTo>
                      <a:pt x="213" y="203"/>
                    </a:lnTo>
                    <a:lnTo>
                      <a:pt x="211" y="201"/>
                    </a:lnTo>
                    <a:lnTo>
                      <a:pt x="211" y="199"/>
                    </a:lnTo>
                    <a:lnTo>
                      <a:pt x="211" y="198"/>
                    </a:lnTo>
                    <a:lnTo>
                      <a:pt x="211" y="196"/>
                    </a:lnTo>
                    <a:lnTo>
                      <a:pt x="211" y="192"/>
                    </a:lnTo>
                    <a:lnTo>
                      <a:pt x="209" y="188"/>
                    </a:lnTo>
                    <a:lnTo>
                      <a:pt x="209" y="185"/>
                    </a:lnTo>
                    <a:lnTo>
                      <a:pt x="209" y="183"/>
                    </a:lnTo>
                    <a:lnTo>
                      <a:pt x="211" y="179"/>
                    </a:lnTo>
                    <a:lnTo>
                      <a:pt x="211" y="177"/>
                    </a:lnTo>
                    <a:lnTo>
                      <a:pt x="211" y="175"/>
                    </a:lnTo>
                    <a:lnTo>
                      <a:pt x="213" y="175"/>
                    </a:lnTo>
                    <a:lnTo>
                      <a:pt x="214" y="175"/>
                    </a:lnTo>
                    <a:lnTo>
                      <a:pt x="216" y="175"/>
                    </a:lnTo>
                    <a:lnTo>
                      <a:pt x="218" y="172"/>
                    </a:lnTo>
                    <a:lnTo>
                      <a:pt x="218" y="170"/>
                    </a:lnTo>
                    <a:lnTo>
                      <a:pt x="220" y="168"/>
                    </a:lnTo>
                    <a:lnTo>
                      <a:pt x="222" y="164"/>
                    </a:lnTo>
                    <a:lnTo>
                      <a:pt x="222" y="161"/>
                    </a:lnTo>
                    <a:lnTo>
                      <a:pt x="220" y="161"/>
                    </a:lnTo>
                    <a:lnTo>
                      <a:pt x="220" y="159"/>
                    </a:lnTo>
                    <a:lnTo>
                      <a:pt x="220" y="155"/>
                    </a:lnTo>
                    <a:lnTo>
                      <a:pt x="222" y="153"/>
                    </a:lnTo>
                    <a:lnTo>
                      <a:pt x="220" y="149"/>
                    </a:lnTo>
                    <a:lnTo>
                      <a:pt x="216" y="149"/>
                    </a:lnTo>
                    <a:lnTo>
                      <a:pt x="216" y="146"/>
                    </a:lnTo>
                    <a:lnTo>
                      <a:pt x="216" y="140"/>
                    </a:lnTo>
                    <a:lnTo>
                      <a:pt x="214" y="137"/>
                    </a:lnTo>
                    <a:lnTo>
                      <a:pt x="213" y="137"/>
                    </a:lnTo>
                    <a:lnTo>
                      <a:pt x="211" y="137"/>
                    </a:lnTo>
                    <a:lnTo>
                      <a:pt x="209" y="137"/>
                    </a:lnTo>
                    <a:lnTo>
                      <a:pt x="207" y="137"/>
                    </a:lnTo>
                    <a:lnTo>
                      <a:pt x="205" y="137"/>
                    </a:lnTo>
                    <a:lnTo>
                      <a:pt x="203" y="137"/>
                    </a:lnTo>
                    <a:lnTo>
                      <a:pt x="202" y="137"/>
                    </a:lnTo>
                    <a:lnTo>
                      <a:pt x="202" y="138"/>
                    </a:lnTo>
                    <a:lnTo>
                      <a:pt x="200" y="138"/>
                    </a:lnTo>
                    <a:lnTo>
                      <a:pt x="198" y="137"/>
                    </a:lnTo>
                    <a:lnTo>
                      <a:pt x="196" y="137"/>
                    </a:lnTo>
                    <a:lnTo>
                      <a:pt x="192" y="135"/>
                    </a:lnTo>
                    <a:lnTo>
                      <a:pt x="190" y="135"/>
                    </a:lnTo>
                    <a:lnTo>
                      <a:pt x="190" y="133"/>
                    </a:lnTo>
                    <a:lnTo>
                      <a:pt x="189" y="133"/>
                    </a:lnTo>
                    <a:lnTo>
                      <a:pt x="187" y="125"/>
                    </a:lnTo>
                    <a:lnTo>
                      <a:pt x="185" y="125"/>
                    </a:lnTo>
                    <a:lnTo>
                      <a:pt x="185" y="122"/>
                    </a:lnTo>
                    <a:lnTo>
                      <a:pt x="185" y="118"/>
                    </a:lnTo>
                    <a:lnTo>
                      <a:pt x="185" y="116"/>
                    </a:lnTo>
                    <a:lnTo>
                      <a:pt x="185" y="114"/>
                    </a:lnTo>
                    <a:lnTo>
                      <a:pt x="183" y="113"/>
                    </a:lnTo>
                    <a:lnTo>
                      <a:pt x="183" y="111"/>
                    </a:lnTo>
                    <a:lnTo>
                      <a:pt x="181" y="109"/>
                    </a:lnTo>
                    <a:lnTo>
                      <a:pt x="179" y="109"/>
                    </a:lnTo>
                    <a:lnTo>
                      <a:pt x="176" y="105"/>
                    </a:lnTo>
                    <a:lnTo>
                      <a:pt x="176" y="103"/>
                    </a:lnTo>
                    <a:lnTo>
                      <a:pt x="174" y="101"/>
                    </a:lnTo>
                    <a:lnTo>
                      <a:pt x="172" y="101"/>
                    </a:lnTo>
                    <a:lnTo>
                      <a:pt x="170" y="98"/>
                    </a:lnTo>
                    <a:lnTo>
                      <a:pt x="168" y="94"/>
                    </a:lnTo>
                    <a:lnTo>
                      <a:pt x="168" y="90"/>
                    </a:lnTo>
                    <a:lnTo>
                      <a:pt x="168" y="88"/>
                    </a:lnTo>
                    <a:lnTo>
                      <a:pt x="170" y="88"/>
                    </a:lnTo>
                    <a:lnTo>
                      <a:pt x="172" y="92"/>
                    </a:lnTo>
                    <a:lnTo>
                      <a:pt x="172" y="94"/>
                    </a:lnTo>
                    <a:lnTo>
                      <a:pt x="174" y="96"/>
                    </a:lnTo>
                    <a:lnTo>
                      <a:pt x="174" y="100"/>
                    </a:lnTo>
                    <a:lnTo>
                      <a:pt x="174" y="101"/>
                    </a:lnTo>
                    <a:lnTo>
                      <a:pt x="178" y="101"/>
                    </a:lnTo>
                    <a:lnTo>
                      <a:pt x="179" y="100"/>
                    </a:lnTo>
                    <a:lnTo>
                      <a:pt x="183" y="98"/>
                    </a:lnTo>
                    <a:lnTo>
                      <a:pt x="187" y="96"/>
                    </a:lnTo>
                    <a:lnTo>
                      <a:pt x="189" y="96"/>
                    </a:lnTo>
                    <a:lnTo>
                      <a:pt x="190" y="96"/>
                    </a:lnTo>
                    <a:lnTo>
                      <a:pt x="192" y="96"/>
                    </a:lnTo>
                    <a:lnTo>
                      <a:pt x="194" y="96"/>
                    </a:lnTo>
                    <a:lnTo>
                      <a:pt x="196" y="98"/>
                    </a:lnTo>
                    <a:lnTo>
                      <a:pt x="196" y="100"/>
                    </a:lnTo>
                    <a:lnTo>
                      <a:pt x="198" y="101"/>
                    </a:lnTo>
                    <a:lnTo>
                      <a:pt x="200" y="100"/>
                    </a:lnTo>
                    <a:lnTo>
                      <a:pt x="200" y="101"/>
                    </a:lnTo>
                    <a:lnTo>
                      <a:pt x="202" y="101"/>
                    </a:lnTo>
                    <a:lnTo>
                      <a:pt x="203" y="100"/>
                    </a:lnTo>
                    <a:lnTo>
                      <a:pt x="203" y="98"/>
                    </a:lnTo>
                    <a:lnTo>
                      <a:pt x="203" y="96"/>
                    </a:lnTo>
                    <a:lnTo>
                      <a:pt x="203" y="92"/>
                    </a:lnTo>
                    <a:lnTo>
                      <a:pt x="205" y="90"/>
                    </a:lnTo>
                    <a:lnTo>
                      <a:pt x="209" y="87"/>
                    </a:lnTo>
                    <a:lnTo>
                      <a:pt x="209" y="85"/>
                    </a:lnTo>
                    <a:lnTo>
                      <a:pt x="211" y="83"/>
                    </a:lnTo>
                    <a:lnTo>
                      <a:pt x="213" y="79"/>
                    </a:lnTo>
                    <a:lnTo>
                      <a:pt x="213" y="76"/>
                    </a:lnTo>
                    <a:lnTo>
                      <a:pt x="214" y="74"/>
                    </a:lnTo>
                    <a:lnTo>
                      <a:pt x="214" y="72"/>
                    </a:lnTo>
                    <a:lnTo>
                      <a:pt x="213" y="70"/>
                    </a:lnTo>
                    <a:lnTo>
                      <a:pt x="213" y="68"/>
                    </a:lnTo>
                    <a:lnTo>
                      <a:pt x="209" y="66"/>
                    </a:lnTo>
                    <a:lnTo>
                      <a:pt x="207" y="64"/>
                    </a:lnTo>
                    <a:lnTo>
                      <a:pt x="207" y="66"/>
                    </a:lnTo>
                    <a:lnTo>
                      <a:pt x="205" y="66"/>
                    </a:lnTo>
                    <a:lnTo>
                      <a:pt x="200" y="63"/>
                    </a:lnTo>
                    <a:lnTo>
                      <a:pt x="198" y="61"/>
                    </a:lnTo>
                    <a:lnTo>
                      <a:pt x="196" y="61"/>
                    </a:lnTo>
                    <a:lnTo>
                      <a:pt x="192" y="64"/>
                    </a:lnTo>
                    <a:lnTo>
                      <a:pt x="190" y="66"/>
                    </a:lnTo>
                    <a:lnTo>
                      <a:pt x="189" y="68"/>
                    </a:lnTo>
                    <a:lnTo>
                      <a:pt x="185" y="72"/>
                    </a:lnTo>
                    <a:lnTo>
                      <a:pt x="183" y="74"/>
                    </a:lnTo>
                    <a:lnTo>
                      <a:pt x="181" y="74"/>
                    </a:lnTo>
                    <a:lnTo>
                      <a:pt x="179" y="72"/>
                    </a:lnTo>
                    <a:lnTo>
                      <a:pt x="178" y="72"/>
                    </a:lnTo>
                    <a:lnTo>
                      <a:pt x="174" y="74"/>
                    </a:lnTo>
                    <a:lnTo>
                      <a:pt x="172" y="72"/>
                    </a:lnTo>
                    <a:lnTo>
                      <a:pt x="172" y="70"/>
                    </a:lnTo>
                    <a:lnTo>
                      <a:pt x="172" y="66"/>
                    </a:lnTo>
                    <a:lnTo>
                      <a:pt x="172" y="63"/>
                    </a:lnTo>
                    <a:lnTo>
                      <a:pt x="170" y="59"/>
                    </a:lnTo>
                    <a:lnTo>
                      <a:pt x="168" y="57"/>
                    </a:lnTo>
                    <a:lnTo>
                      <a:pt x="168" y="55"/>
                    </a:lnTo>
                    <a:lnTo>
                      <a:pt x="170" y="51"/>
                    </a:lnTo>
                    <a:lnTo>
                      <a:pt x="170" y="50"/>
                    </a:lnTo>
                    <a:lnTo>
                      <a:pt x="172" y="50"/>
                    </a:lnTo>
                    <a:lnTo>
                      <a:pt x="172" y="48"/>
                    </a:lnTo>
                    <a:lnTo>
                      <a:pt x="174" y="46"/>
                    </a:lnTo>
                    <a:lnTo>
                      <a:pt x="174" y="44"/>
                    </a:lnTo>
                    <a:lnTo>
                      <a:pt x="176" y="44"/>
                    </a:lnTo>
                    <a:lnTo>
                      <a:pt x="178" y="44"/>
                    </a:lnTo>
                    <a:lnTo>
                      <a:pt x="178" y="42"/>
                    </a:lnTo>
                    <a:lnTo>
                      <a:pt x="176" y="42"/>
                    </a:lnTo>
                    <a:lnTo>
                      <a:pt x="178" y="42"/>
                    </a:lnTo>
                    <a:lnTo>
                      <a:pt x="178" y="40"/>
                    </a:lnTo>
                    <a:lnTo>
                      <a:pt x="179" y="40"/>
                    </a:lnTo>
                    <a:lnTo>
                      <a:pt x="181" y="40"/>
                    </a:lnTo>
                    <a:lnTo>
                      <a:pt x="181" y="39"/>
                    </a:lnTo>
                    <a:lnTo>
                      <a:pt x="181" y="40"/>
                    </a:lnTo>
                    <a:lnTo>
                      <a:pt x="181" y="39"/>
                    </a:lnTo>
                    <a:lnTo>
                      <a:pt x="183" y="39"/>
                    </a:lnTo>
                    <a:lnTo>
                      <a:pt x="183" y="37"/>
                    </a:lnTo>
                    <a:lnTo>
                      <a:pt x="185" y="39"/>
                    </a:lnTo>
                    <a:lnTo>
                      <a:pt x="187" y="40"/>
                    </a:lnTo>
                    <a:lnTo>
                      <a:pt x="190" y="39"/>
                    </a:lnTo>
                    <a:lnTo>
                      <a:pt x="194" y="39"/>
                    </a:lnTo>
                    <a:lnTo>
                      <a:pt x="196" y="37"/>
                    </a:lnTo>
                    <a:lnTo>
                      <a:pt x="202" y="31"/>
                    </a:lnTo>
                    <a:lnTo>
                      <a:pt x="205" y="27"/>
                    </a:lnTo>
                    <a:lnTo>
                      <a:pt x="205" y="26"/>
                    </a:lnTo>
                    <a:lnTo>
                      <a:pt x="209" y="24"/>
                    </a:lnTo>
                    <a:lnTo>
                      <a:pt x="211" y="22"/>
                    </a:lnTo>
                    <a:lnTo>
                      <a:pt x="213" y="20"/>
                    </a:lnTo>
                    <a:lnTo>
                      <a:pt x="216" y="20"/>
                    </a:lnTo>
                    <a:lnTo>
                      <a:pt x="218" y="18"/>
                    </a:lnTo>
                    <a:lnTo>
                      <a:pt x="222" y="18"/>
                    </a:lnTo>
                    <a:lnTo>
                      <a:pt x="224" y="16"/>
                    </a:lnTo>
                    <a:lnTo>
                      <a:pt x="226" y="13"/>
                    </a:lnTo>
                    <a:lnTo>
                      <a:pt x="226" y="14"/>
                    </a:lnTo>
                    <a:lnTo>
                      <a:pt x="231" y="9"/>
                    </a:lnTo>
                    <a:lnTo>
                      <a:pt x="235" y="5"/>
                    </a:lnTo>
                    <a:lnTo>
                      <a:pt x="239" y="3"/>
                    </a:lnTo>
                    <a:lnTo>
                      <a:pt x="246" y="0"/>
                    </a:lnTo>
                    <a:lnTo>
                      <a:pt x="248" y="2"/>
                    </a:lnTo>
                    <a:lnTo>
                      <a:pt x="251" y="3"/>
                    </a:lnTo>
                    <a:lnTo>
                      <a:pt x="251" y="5"/>
                    </a:lnTo>
                    <a:lnTo>
                      <a:pt x="253" y="7"/>
                    </a:lnTo>
                    <a:lnTo>
                      <a:pt x="255" y="11"/>
                    </a:lnTo>
                    <a:lnTo>
                      <a:pt x="261" y="14"/>
                    </a:lnTo>
                    <a:lnTo>
                      <a:pt x="257" y="18"/>
                    </a:lnTo>
                    <a:lnTo>
                      <a:pt x="255" y="26"/>
                    </a:lnTo>
                    <a:lnTo>
                      <a:pt x="251" y="24"/>
                    </a:lnTo>
                    <a:lnTo>
                      <a:pt x="248" y="40"/>
                    </a:lnTo>
                    <a:lnTo>
                      <a:pt x="250" y="40"/>
                    </a:lnTo>
                    <a:lnTo>
                      <a:pt x="253" y="40"/>
                    </a:lnTo>
                    <a:lnTo>
                      <a:pt x="255" y="39"/>
                    </a:lnTo>
                    <a:lnTo>
                      <a:pt x="257" y="39"/>
                    </a:lnTo>
                    <a:lnTo>
                      <a:pt x="259" y="39"/>
                    </a:lnTo>
                    <a:lnTo>
                      <a:pt x="261" y="39"/>
                    </a:lnTo>
                    <a:lnTo>
                      <a:pt x="264" y="39"/>
                    </a:lnTo>
                    <a:lnTo>
                      <a:pt x="268" y="40"/>
                    </a:lnTo>
                    <a:lnTo>
                      <a:pt x="275" y="42"/>
                    </a:lnTo>
                    <a:lnTo>
                      <a:pt x="277" y="42"/>
                    </a:lnTo>
                    <a:lnTo>
                      <a:pt x="279" y="42"/>
                    </a:lnTo>
                    <a:lnTo>
                      <a:pt x="281" y="42"/>
                    </a:lnTo>
                    <a:lnTo>
                      <a:pt x="283" y="42"/>
                    </a:lnTo>
                    <a:lnTo>
                      <a:pt x="292" y="46"/>
                    </a:lnTo>
                    <a:lnTo>
                      <a:pt x="290" y="46"/>
                    </a:lnTo>
                    <a:lnTo>
                      <a:pt x="290" y="48"/>
                    </a:lnTo>
                    <a:lnTo>
                      <a:pt x="288" y="51"/>
                    </a:lnTo>
                    <a:lnTo>
                      <a:pt x="288" y="53"/>
                    </a:lnTo>
                    <a:lnTo>
                      <a:pt x="290" y="53"/>
                    </a:lnTo>
                    <a:lnTo>
                      <a:pt x="290" y="55"/>
                    </a:lnTo>
                    <a:lnTo>
                      <a:pt x="288" y="55"/>
                    </a:lnTo>
                    <a:lnTo>
                      <a:pt x="288" y="57"/>
                    </a:lnTo>
                    <a:lnTo>
                      <a:pt x="287" y="59"/>
                    </a:lnTo>
                    <a:lnTo>
                      <a:pt x="287" y="61"/>
                    </a:lnTo>
                    <a:lnTo>
                      <a:pt x="287" y="63"/>
                    </a:lnTo>
                    <a:lnTo>
                      <a:pt x="285" y="64"/>
                    </a:lnTo>
                    <a:lnTo>
                      <a:pt x="285" y="66"/>
                    </a:lnTo>
                    <a:lnTo>
                      <a:pt x="287" y="68"/>
                    </a:lnTo>
                    <a:lnTo>
                      <a:pt x="288" y="68"/>
                    </a:lnTo>
                    <a:lnTo>
                      <a:pt x="288" y="66"/>
                    </a:lnTo>
                    <a:lnTo>
                      <a:pt x="288" y="68"/>
                    </a:lnTo>
                    <a:lnTo>
                      <a:pt x="290" y="70"/>
                    </a:lnTo>
                    <a:lnTo>
                      <a:pt x="288" y="72"/>
                    </a:lnTo>
                    <a:lnTo>
                      <a:pt x="292" y="72"/>
                    </a:lnTo>
                    <a:lnTo>
                      <a:pt x="292" y="74"/>
                    </a:lnTo>
                    <a:lnTo>
                      <a:pt x="294" y="74"/>
                    </a:lnTo>
                    <a:lnTo>
                      <a:pt x="294" y="76"/>
                    </a:lnTo>
                    <a:lnTo>
                      <a:pt x="296" y="77"/>
                    </a:lnTo>
                    <a:lnTo>
                      <a:pt x="296" y="79"/>
                    </a:lnTo>
                    <a:lnTo>
                      <a:pt x="294" y="79"/>
                    </a:lnTo>
                    <a:lnTo>
                      <a:pt x="294" y="81"/>
                    </a:lnTo>
                    <a:lnTo>
                      <a:pt x="294" y="83"/>
                    </a:lnTo>
                    <a:lnTo>
                      <a:pt x="294" y="85"/>
                    </a:lnTo>
                    <a:lnTo>
                      <a:pt x="294" y="87"/>
                    </a:lnTo>
                    <a:lnTo>
                      <a:pt x="296" y="88"/>
                    </a:lnTo>
                    <a:lnTo>
                      <a:pt x="296" y="90"/>
                    </a:lnTo>
                    <a:lnTo>
                      <a:pt x="300" y="90"/>
                    </a:lnTo>
                    <a:lnTo>
                      <a:pt x="301" y="92"/>
                    </a:lnTo>
                    <a:lnTo>
                      <a:pt x="305" y="87"/>
                    </a:lnTo>
                    <a:lnTo>
                      <a:pt x="311" y="79"/>
                    </a:lnTo>
                    <a:lnTo>
                      <a:pt x="314" y="72"/>
                    </a:lnTo>
                    <a:lnTo>
                      <a:pt x="316" y="72"/>
                    </a:lnTo>
                    <a:lnTo>
                      <a:pt x="314" y="70"/>
                    </a:lnTo>
                    <a:lnTo>
                      <a:pt x="316" y="70"/>
                    </a:lnTo>
                    <a:lnTo>
                      <a:pt x="316" y="68"/>
                    </a:lnTo>
                    <a:lnTo>
                      <a:pt x="318" y="68"/>
                    </a:lnTo>
                    <a:lnTo>
                      <a:pt x="322" y="59"/>
                    </a:lnTo>
                    <a:lnTo>
                      <a:pt x="324" y="59"/>
                    </a:lnTo>
                    <a:lnTo>
                      <a:pt x="325" y="59"/>
                    </a:lnTo>
                    <a:lnTo>
                      <a:pt x="324" y="59"/>
                    </a:lnTo>
                    <a:lnTo>
                      <a:pt x="324" y="57"/>
                    </a:lnTo>
                    <a:lnTo>
                      <a:pt x="325" y="57"/>
                    </a:lnTo>
                    <a:lnTo>
                      <a:pt x="325" y="55"/>
                    </a:lnTo>
                    <a:lnTo>
                      <a:pt x="327" y="55"/>
                    </a:lnTo>
                    <a:lnTo>
                      <a:pt x="327" y="53"/>
                    </a:lnTo>
                    <a:lnTo>
                      <a:pt x="327" y="51"/>
                    </a:lnTo>
                    <a:lnTo>
                      <a:pt x="329" y="50"/>
                    </a:lnTo>
                    <a:lnTo>
                      <a:pt x="331" y="50"/>
                    </a:lnTo>
                    <a:lnTo>
                      <a:pt x="333" y="50"/>
                    </a:lnTo>
                    <a:lnTo>
                      <a:pt x="333" y="48"/>
                    </a:lnTo>
                    <a:lnTo>
                      <a:pt x="335" y="48"/>
                    </a:lnTo>
                    <a:lnTo>
                      <a:pt x="336" y="48"/>
                    </a:lnTo>
                    <a:lnTo>
                      <a:pt x="340" y="50"/>
                    </a:lnTo>
                    <a:lnTo>
                      <a:pt x="340" y="44"/>
                    </a:lnTo>
                    <a:lnTo>
                      <a:pt x="340" y="37"/>
                    </a:lnTo>
                    <a:lnTo>
                      <a:pt x="340" y="31"/>
                    </a:lnTo>
                    <a:lnTo>
                      <a:pt x="340" y="27"/>
                    </a:lnTo>
                    <a:lnTo>
                      <a:pt x="340" y="26"/>
                    </a:lnTo>
                    <a:lnTo>
                      <a:pt x="338" y="26"/>
                    </a:lnTo>
                    <a:lnTo>
                      <a:pt x="336" y="24"/>
                    </a:lnTo>
                    <a:lnTo>
                      <a:pt x="335" y="22"/>
                    </a:lnTo>
                    <a:lnTo>
                      <a:pt x="333" y="20"/>
                    </a:lnTo>
                    <a:lnTo>
                      <a:pt x="333" y="18"/>
                    </a:lnTo>
                    <a:lnTo>
                      <a:pt x="333" y="16"/>
                    </a:lnTo>
                    <a:lnTo>
                      <a:pt x="333" y="14"/>
                    </a:lnTo>
                    <a:lnTo>
                      <a:pt x="333" y="11"/>
                    </a:lnTo>
                    <a:lnTo>
                      <a:pt x="335" y="11"/>
                    </a:lnTo>
                    <a:lnTo>
                      <a:pt x="340" y="9"/>
                    </a:lnTo>
                    <a:lnTo>
                      <a:pt x="342" y="7"/>
                    </a:lnTo>
                    <a:lnTo>
                      <a:pt x="344" y="5"/>
                    </a:lnTo>
                    <a:lnTo>
                      <a:pt x="346" y="5"/>
                    </a:lnTo>
                    <a:lnTo>
                      <a:pt x="348" y="5"/>
                    </a:lnTo>
                    <a:lnTo>
                      <a:pt x="349" y="5"/>
                    </a:lnTo>
                    <a:lnTo>
                      <a:pt x="351" y="5"/>
                    </a:lnTo>
                    <a:lnTo>
                      <a:pt x="353" y="5"/>
                    </a:lnTo>
                    <a:lnTo>
                      <a:pt x="355" y="5"/>
                    </a:lnTo>
                    <a:lnTo>
                      <a:pt x="357" y="7"/>
                    </a:lnTo>
                    <a:lnTo>
                      <a:pt x="361" y="9"/>
                    </a:lnTo>
                    <a:lnTo>
                      <a:pt x="362" y="11"/>
                    </a:lnTo>
                    <a:lnTo>
                      <a:pt x="364" y="11"/>
                    </a:lnTo>
                    <a:lnTo>
                      <a:pt x="364" y="13"/>
                    </a:lnTo>
                    <a:lnTo>
                      <a:pt x="366" y="14"/>
                    </a:lnTo>
                    <a:lnTo>
                      <a:pt x="366" y="16"/>
                    </a:lnTo>
                    <a:lnTo>
                      <a:pt x="370" y="20"/>
                    </a:lnTo>
                    <a:lnTo>
                      <a:pt x="370" y="22"/>
                    </a:lnTo>
                    <a:lnTo>
                      <a:pt x="372" y="26"/>
                    </a:lnTo>
                    <a:lnTo>
                      <a:pt x="372" y="27"/>
                    </a:lnTo>
                    <a:lnTo>
                      <a:pt x="373" y="29"/>
                    </a:lnTo>
                    <a:lnTo>
                      <a:pt x="373" y="31"/>
                    </a:lnTo>
                    <a:lnTo>
                      <a:pt x="375" y="31"/>
                    </a:lnTo>
                    <a:lnTo>
                      <a:pt x="375" y="33"/>
                    </a:lnTo>
                    <a:lnTo>
                      <a:pt x="377" y="33"/>
                    </a:lnTo>
                    <a:lnTo>
                      <a:pt x="379" y="33"/>
                    </a:lnTo>
                    <a:lnTo>
                      <a:pt x="379" y="35"/>
                    </a:lnTo>
                    <a:lnTo>
                      <a:pt x="381" y="35"/>
                    </a:lnTo>
                    <a:lnTo>
                      <a:pt x="383" y="35"/>
                    </a:lnTo>
                    <a:lnTo>
                      <a:pt x="385" y="35"/>
                    </a:lnTo>
                    <a:lnTo>
                      <a:pt x="386" y="37"/>
                    </a:lnTo>
                    <a:lnTo>
                      <a:pt x="388" y="37"/>
                    </a:lnTo>
                    <a:lnTo>
                      <a:pt x="390" y="37"/>
                    </a:lnTo>
                    <a:lnTo>
                      <a:pt x="390" y="39"/>
                    </a:lnTo>
                    <a:lnTo>
                      <a:pt x="392" y="39"/>
                    </a:lnTo>
                    <a:lnTo>
                      <a:pt x="392" y="40"/>
                    </a:lnTo>
                    <a:lnTo>
                      <a:pt x="394" y="40"/>
                    </a:lnTo>
                    <a:lnTo>
                      <a:pt x="394" y="42"/>
                    </a:lnTo>
                    <a:lnTo>
                      <a:pt x="396" y="44"/>
                    </a:lnTo>
                    <a:lnTo>
                      <a:pt x="396" y="46"/>
                    </a:lnTo>
                    <a:lnTo>
                      <a:pt x="398" y="46"/>
                    </a:lnTo>
                    <a:lnTo>
                      <a:pt x="398" y="48"/>
                    </a:lnTo>
                    <a:lnTo>
                      <a:pt x="398" y="50"/>
                    </a:lnTo>
                    <a:lnTo>
                      <a:pt x="398" y="51"/>
                    </a:lnTo>
                    <a:lnTo>
                      <a:pt x="399" y="51"/>
                    </a:lnTo>
                    <a:lnTo>
                      <a:pt x="399" y="53"/>
                    </a:lnTo>
                    <a:lnTo>
                      <a:pt x="401" y="55"/>
                    </a:lnTo>
                    <a:lnTo>
                      <a:pt x="403" y="57"/>
                    </a:lnTo>
                    <a:lnTo>
                      <a:pt x="405" y="57"/>
                    </a:lnTo>
                    <a:lnTo>
                      <a:pt x="405" y="59"/>
                    </a:lnTo>
                    <a:lnTo>
                      <a:pt x="407" y="59"/>
                    </a:lnTo>
                    <a:lnTo>
                      <a:pt x="409" y="61"/>
                    </a:lnTo>
                    <a:lnTo>
                      <a:pt x="410" y="61"/>
                    </a:lnTo>
                    <a:lnTo>
                      <a:pt x="412" y="61"/>
                    </a:lnTo>
                    <a:lnTo>
                      <a:pt x="412" y="63"/>
                    </a:lnTo>
                    <a:lnTo>
                      <a:pt x="416" y="63"/>
                    </a:lnTo>
                    <a:lnTo>
                      <a:pt x="418" y="63"/>
                    </a:lnTo>
                    <a:lnTo>
                      <a:pt x="418" y="64"/>
                    </a:lnTo>
                    <a:lnTo>
                      <a:pt x="422" y="64"/>
                    </a:lnTo>
                    <a:lnTo>
                      <a:pt x="423" y="64"/>
                    </a:lnTo>
                    <a:lnTo>
                      <a:pt x="427" y="64"/>
                    </a:lnTo>
                    <a:lnTo>
                      <a:pt x="429" y="64"/>
                    </a:lnTo>
                    <a:lnTo>
                      <a:pt x="433" y="64"/>
                    </a:lnTo>
                    <a:lnTo>
                      <a:pt x="434" y="64"/>
                    </a:lnTo>
                    <a:lnTo>
                      <a:pt x="436" y="64"/>
                    </a:lnTo>
                    <a:lnTo>
                      <a:pt x="438" y="64"/>
                    </a:lnTo>
                    <a:lnTo>
                      <a:pt x="440" y="64"/>
                    </a:lnTo>
                    <a:lnTo>
                      <a:pt x="442" y="64"/>
                    </a:lnTo>
                    <a:lnTo>
                      <a:pt x="442" y="63"/>
                    </a:lnTo>
                    <a:lnTo>
                      <a:pt x="444" y="63"/>
                    </a:lnTo>
                    <a:lnTo>
                      <a:pt x="446" y="63"/>
                    </a:lnTo>
                    <a:lnTo>
                      <a:pt x="449" y="61"/>
                    </a:lnTo>
                    <a:lnTo>
                      <a:pt x="449" y="59"/>
                    </a:lnTo>
                    <a:lnTo>
                      <a:pt x="451" y="59"/>
                    </a:lnTo>
                    <a:lnTo>
                      <a:pt x="457" y="53"/>
                    </a:lnTo>
                    <a:lnTo>
                      <a:pt x="466" y="50"/>
                    </a:lnTo>
                    <a:lnTo>
                      <a:pt x="466" y="53"/>
                    </a:lnTo>
                    <a:lnTo>
                      <a:pt x="468" y="55"/>
                    </a:lnTo>
                    <a:lnTo>
                      <a:pt x="470" y="57"/>
                    </a:lnTo>
                    <a:lnTo>
                      <a:pt x="471" y="57"/>
                    </a:lnTo>
                    <a:lnTo>
                      <a:pt x="473" y="57"/>
                    </a:lnTo>
                    <a:lnTo>
                      <a:pt x="475" y="57"/>
                    </a:lnTo>
                    <a:lnTo>
                      <a:pt x="475" y="59"/>
                    </a:lnTo>
                    <a:lnTo>
                      <a:pt x="475" y="57"/>
                    </a:lnTo>
                    <a:lnTo>
                      <a:pt x="477" y="57"/>
                    </a:lnTo>
                    <a:lnTo>
                      <a:pt x="479" y="57"/>
                    </a:lnTo>
                    <a:lnTo>
                      <a:pt x="479" y="55"/>
                    </a:lnTo>
                    <a:lnTo>
                      <a:pt x="481" y="55"/>
                    </a:lnTo>
                    <a:lnTo>
                      <a:pt x="481" y="57"/>
                    </a:lnTo>
                    <a:lnTo>
                      <a:pt x="481" y="59"/>
                    </a:lnTo>
                    <a:lnTo>
                      <a:pt x="483" y="59"/>
                    </a:lnTo>
                    <a:lnTo>
                      <a:pt x="483" y="61"/>
                    </a:lnTo>
                    <a:lnTo>
                      <a:pt x="483" y="63"/>
                    </a:lnTo>
                    <a:lnTo>
                      <a:pt x="484" y="63"/>
                    </a:lnTo>
                    <a:lnTo>
                      <a:pt x="486" y="63"/>
                    </a:lnTo>
                    <a:lnTo>
                      <a:pt x="488" y="63"/>
                    </a:lnTo>
                    <a:lnTo>
                      <a:pt x="488" y="64"/>
                    </a:lnTo>
                    <a:lnTo>
                      <a:pt x="490" y="64"/>
                    </a:lnTo>
                    <a:lnTo>
                      <a:pt x="490" y="63"/>
                    </a:lnTo>
                    <a:lnTo>
                      <a:pt x="492" y="64"/>
                    </a:lnTo>
                    <a:lnTo>
                      <a:pt x="492" y="63"/>
                    </a:lnTo>
                    <a:lnTo>
                      <a:pt x="492" y="64"/>
                    </a:lnTo>
                    <a:lnTo>
                      <a:pt x="494" y="64"/>
                    </a:lnTo>
                    <a:lnTo>
                      <a:pt x="494" y="66"/>
                    </a:lnTo>
                    <a:lnTo>
                      <a:pt x="494" y="64"/>
                    </a:lnTo>
                    <a:lnTo>
                      <a:pt x="494" y="66"/>
                    </a:lnTo>
                    <a:lnTo>
                      <a:pt x="494" y="68"/>
                    </a:lnTo>
                    <a:lnTo>
                      <a:pt x="495" y="68"/>
                    </a:lnTo>
                    <a:lnTo>
                      <a:pt x="495" y="70"/>
                    </a:lnTo>
                    <a:lnTo>
                      <a:pt x="495" y="72"/>
                    </a:lnTo>
                    <a:lnTo>
                      <a:pt x="497" y="72"/>
                    </a:lnTo>
                    <a:lnTo>
                      <a:pt x="497" y="74"/>
                    </a:lnTo>
                    <a:lnTo>
                      <a:pt x="499" y="74"/>
                    </a:lnTo>
                    <a:lnTo>
                      <a:pt x="501" y="76"/>
                    </a:lnTo>
                    <a:lnTo>
                      <a:pt x="503" y="76"/>
                    </a:lnTo>
                    <a:lnTo>
                      <a:pt x="505" y="76"/>
                    </a:lnTo>
                    <a:lnTo>
                      <a:pt x="507" y="77"/>
                    </a:lnTo>
                    <a:lnTo>
                      <a:pt x="508" y="77"/>
                    </a:lnTo>
                    <a:lnTo>
                      <a:pt x="510" y="77"/>
                    </a:lnTo>
                    <a:lnTo>
                      <a:pt x="512" y="77"/>
                    </a:lnTo>
                    <a:lnTo>
                      <a:pt x="514" y="79"/>
                    </a:lnTo>
                    <a:lnTo>
                      <a:pt x="516" y="79"/>
                    </a:lnTo>
                    <a:lnTo>
                      <a:pt x="516" y="77"/>
                    </a:lnTo>
                    <a:lnTo>
                      <a:pt x="518" y="77"/>
                    </a:lnTo>
                    <a:lnTo>
                      <a:pt x="520" y="77"/>
                    </a:lnTo>
                    <a:lnTo>
                      <a:pt x="521" y="77"/>
                    </a:lnTo>
                    <a:lnTo>
                      <a:pt x="521" y="79"/>
                    </a:lnTo>
                    <a:lnTo>
                      <a:pt x="523" y="79"/>
                    </a:lnTo>
                    <a:lnTo>
                      <a:pt x="523" y="77"/>
                    </a:lnTo>
                    <a:lnTo>
                      <a:pt x="525" y="77"/>
                    </a:lnTo>
                    <a:lnTo>
                      <a:pt x="527" y="77"/>
                    </a:lnTo>
                    <a:lnTo>
                      <a:pt x="529" y="79"/>
                    </a:lnTo>
                    <a:lnTo>
                      <a:pt x="531" y="79"/>
                    </a:lnTo>
                    <a:lnTo>
                      <a:pt x="532" y="79"/>
                    </a:lnTo>
                    <a:lnTo>
                      <a:pt x="534" y="79"/>
                    </a:lnTo>
                    <a:lnTo>
                      <a:pt x="536" y="79"/>
                    </a:lnTo>
                    <a:lnTo>
                      <a:pt x="538" y="79"/>
                    </a:lnTo>
                    <a:lnTo>
                      <a:pt x="538" y="81"/>
                    </a:lnTo>
                    <a:lnTo>
                      <a:pt x="538" y="79"/>
                    </a:lnTo>
                    <a:lnTo>
                      <a:pt x="538" y="81"/>
                    </a:lnTo>
                    <a:lnTo>
                      <a:pt x="540" y="81"/>
                    </a:lnTo>
                    <a:lnTo>
                      <a:pt x="542" y="81"/>
                    </a:lnTo>
                    <a:lnTo>
                      <a:pt x="544" y="83"/>
                    </a:lnTo>
                    <a:lnTo>
                      <a:pt x="545" y="83"/>
                    </a:lnTo>
                    <a:lnTo>
                      <a:pt x="547" y="83"/>
                    </a:lnTo>
                    <a:lnTo>
                      <a:pt x="549" y="83"/>
                    </a:lnTo>
                    <a:lnTo>
                      <a:pt x="551" y="85"/>
                    </a:lnTo>
                    <a:lnTo>
                      <a:pt x="553" y="85"/>
                    </a:lnTo>
                    <a:lnTo>
                      <a:pt x="555" y="85"/>
                    </a:lnTo>
                    <a:lnTo>
                      <a:pt x="555" y="87"/>
                    </a:lnTo>
                    <a:lnTo>
                      <a:pt x="556" y="87"/>
                    </a:lnTo>
                    <a:lnTo>
                      <a:pt x="558" y="87"/>
                    </a:lnTo>
                    <a:lnTo>
                      <a:pt x="560" y="87"/>
                    </a:lnTo>
                    <a:lnTo>
                      <a:pt x="560" y="88"/>
                    </a:lnTo>
                    <a:lnTo>
                      <a:pt x="562" y="88"/>
                    </a:lnTo>
                    <a:lnTo>
                      <a:pt x="564" y="88"/>
                    </a:lnTo>
                    <a:lnTo>
                      <a:pt x="566" y="88"/>
                    </a:lnTo>
                    <a:lnTo>
                      <a:pt x="568" y="88"/>
                    </a:lnTo>
                    <a:lnTo>
                      <a:pt x="569" y="90"/>
                    </a:lnTo>
                    <a:lnTo>
                      <a:pt x="571" y="90"/>
                    </a:lnTo>
                    <a:lnTo>
                      <a:pt x="571" y="92"/>
                    </a:lnTo>
                    <a:lnTo>
                      <a:pt x="571" y="94"/>
                    </a:lnTo>
                    <a:lnTo>
                      <a:pt x="571" y="96"/>
                    </a:lnTo>
                    <a:lnTo>
                      <a:pt x="571" y="98"/>
                    </a:lnTo>
                    <a:lnTo>
                      <a:pt x="569" y="100"/>
                    </a:lnTo>
                    <a:lnTo>
                      <a:pt x="569" y="101"/>
                    </a:lnTo>
                    <a:lnTo>
                      <a:pt x="568" y="101"/>
                    </a:lnTo>
                    <a:lnTo>
                      <a:pt x="568" y="103"/>
                    </a:lnTo>
                    <a:lnTo>
                      <a:pt x="569" y="103"/>
                    </a:lnTo>
                    <a:lnTo>
                      <a:pt x="569" y="105"/>
                    </a:lnTo>
                    <a:lnTo>
                      <a:pt x="569" y="107"/>
                    </a:lnTo>
                    <a:lnTo>
                      <a:pt x="569" y="109"/>
                    </a:lnTo>
                    <a:lnTo>
                      <a:pt x="569" y="116"/>
                    </a:lnTo>
                    <a:lnTo>
                      <a:pt x="571" y="120"/>
                    </a:lnTo>
                    <a:lnTo>
                      <a:pt x="573" y="122"/>
                    </a:lnTo>
                    <a:lnTo>
                      <a:pt x="575" y="122"/>
                    </a:lnTo>
                    <a:lnTo>
                      <a:pt x="573" y="124"/>
                    </a:lnTo>
                    <a:lnTo>
                      <a:pt x="573" y="125"/>
                    </a:lnTo>
                    <a:lnTo>
                      <a:pt x="573" y="127"/>
                    </a:lnTo>
                    <a:lnTo>
                      <a:pt x="575" y="127"/>
                    </a:lnTo>
                    <a:lnTo>
                      <a:pt x="575" y="129"/>
                    </a:lnTo>
                    <a:lnTo>
                      <a:pt x="573" y="133"/>
                    </a:lnTo>
                    <a:lnTo>
                      <a:pt x="573" y="135"/>
                    </a:lnTo>
                    <a:lnTo>
                      <a:pt x="573" y="137"/>
                    </a:lnTo>
                    <a:lnTo>
                      <a:pt x="571" y="137"/>
                    </a:lnTo>
                    <a:lnTo>
                      <a:pt x="569" y="137"/>
                    </a:lnTo>
                    <a:lnTo>
                      <a:pt x="569" y="138"/>
                    </a:lnTo>
                    <a:lnTo>
                      <a:pt x="569" y="140"/>
                    </a:lnTo>
                    <a:lnTo>
                      <a:pt x="568" y="142"/>
                    </a:lnTo>
                    <a:lnTo>
                      <a:pt x="566" y="144"/>
                    </a:lnTo>
                    <a:lnTo>
                      <a:pt x="568" y="144"/>
                    </a:lnTo>
                    <a:lnTo>
                      <a:pt x="569" y="144"/>
                    </a:lnTo>
                    <a:lnTo>
                      <a:pt x="571" y="144"/>
                    </a:lnTo>
                    <a:lnTo>
                      <a:pt x="571" y="142"/>
                    </a:lnTo>
                    <a:lnTo>
                      <a:pt x="573" y="142"/>
                    </a:lnTo>
                    <a:lnTo>
                      <a:pt x="573" y="140"/>
                    </a:lnTo>
                    <a:lnTo>
                      <a:pt x="575" y="140"/>
                    </a:lnTo>
                    <a:lnTo>
                      <a:pt x="575" y="138"/>
                    </a:lnTo>
                    <a:lnTo>
                      <a:pt x="577" y="138"/>
                    </a:lnTo>
                    <a:lnTo>
                      <a:pt x="579" y="138"/>
                    </a:lnTo>
                    <a:lnTo>
                      <a:pt x="581" y="138"/>
                    </a:lnTo>
                    <a:lnTo>
                      <a:pt x="581" y="140"/>
                    </a:lnTo>
                    <a:lnTo>
                      <a:pt x="582" y="138"/>
                    </a:lnTo>
                    <a:lnTo>
                      <a:pt x="584" y="138"/>
                    </a:lnTo>
                    <a:lnTo>
                      <a:pt x="582" y="137"/>
                    </a:lnTo>
                    <a:lnTo>
                      <a:pt x="582" y="135"/>
                    </a:lnTo>
                    <a:lnTo>
                      <a:pt x="581" y="135"/>
                    </a:lnTo>
                    <a:lnTo>
                      <a:pt x="581" y="133"/>
                    </a:lnTo>
                    <a:lnTo>
                      <a:pt x="582" y="133"/>
                    </a:lnTo>
                    <a:lnTo>
                      <a:pt x="582" y="131"/>
                    </a:lnTo>
                    <a:lnTo>
                      <a:pt x="582" y="133"/>
                    </a:lnTo>
                    <a:lnTo>
                      <a:pt x="584" y="135"/>
                    </a:lnTo>
                    <a:lnTo>
                      <a:pt x="586" y="133"/>
                    </a:lnTo>
                    <a:lnTo>
                      <a:pt x="586" y="135"/>
                    </a:lnTo>
                    <a:lnTo>
                      <a:pt x="588" y="135"/>
                    </a:lnTo>
                    <a:lnTo>
                      <a:pt x="588" y="137"/>
                    </a:lnTo>
                    <a:lnTo>
                      <a:pt x="590" y="137"/>
                    </a:lnTo>
                    <a:lnTo>
                      <a:pt x="592" y="137"/>
                    </a:lnTo>
                    <a:lnTo>
                      <a:pt x="593" y="137"/>
                    </a:lnTo>
                    <a:lnTo>
                      <a:pt x="595" y="137"/>
                    </a:lnTo>
                    <a:lnTo>
                      <a:pt x="595" y="135"/>
                    </a:lnTo>
                    <a:lnTo>
                      <a:pt x="597" y="133"/>
                    </a:lnTo>
                    <a:lnTo>
                      <a:pt x="599" y="131"/>
                    </a:lnTo>
                    <a:lnTo>
                      <a:pt x="603" y="127"/>
                    </a:lnTo>
                    <a:lnTo>
                      <a:pt x="603" y="125"/>
                    </a:lnTo>
                    <a:lnTo>
                      <a:pt x="603" y="124"/>
                    </a:lnTo>
                    <a:lnTo>
                      <a:pt x="605" y="122"/>
                    </a:lnTo>
                    <a:lnTo>
                      <a:pt x="605" y="120"/>
                    </a:lnTo>
                    <a:lnTo>
                      <a:pt x="606" y="120"/>
                    </a:lnTo>
                    <a:lnTo>
                      <a:pt x="608" y="118"/>
                    </a:lnTo>
                    <a:lnTo>
                      <a:pt x="610" y="116"/>
                    </a:lnTo>
                    <a:lnTo>
                      <a:pt x="614" y="113"/>
                    </a:lnTo>
                    <a:lnTo>
                      <a:pt x="616" y="113"/>
                    </a:lnTo>
                    <a:lnTo>
                      <a:pt x="617" y="113"/>
                    </a:lnTo>
                    <a:lnTo>
                      <a:pt x="617" y="111"/>
                    </a:lnTo>
                    <a:lnTo>
                      <a:pt x="619" y="109"/>
                    </a:lnTo>
                    <a:lnTo>
                      <a:pt x="619" y="107"/>
                    </a:lnTo>
                    <a:lnTo>
                      <a:pt x="623" y="103"/>
                    </a:lnTo>
                    <a:lnTo>
                      <a:pt x="625" y="101"/>
                    </a:lnTo>
                    <a:lnTo>
                      <a:pt x="627" y="100"/>
                    </a:lnTo>
                    <a:lnTo>
                      <a:pt x="629" y="100"/>
                    </a:lnTo>
                    <a:lnTo>
                      <a:pt x="629" y="98"/>
                    </a:lnTo>
                    <a:lnTo>
                      <a:pt x="629" y="94"/>
                    </a:lnTo>
                    <a:lnTo>
                      <a:pt x="630" y="92"/>
                    </a:lnTo>
                    <a:lnTo>
                      <a:pt x="630" y="90"/>
                    </a:lnTo>
                    <a:lnTo>
                      <a:pt x="630" y="88"/>
                    </a:lnTo>
                    <a:lnTo>
                      <a:pt x="630" y="87"/>
                    </a:lnTo>
                    <a:lnTo>
                      <a:pt x="630" y="85"/>
                    </a:lnTo>
                    <a:lnTo>
                      <a:pt x="630" y="79"/>
                    </a:lnTo>
                    <a:lnTo>
                      <a:pt x="630" y="77"/>
                    </a:lnTo>
                    <a:lnTo>
                      <a:pt x="632" y="77"/>
                    </a:lnTo>
                    <a:lnTo>
                      <a:pt x="630" y="77"/>
                    </a:lnTo>
                    <a:lnTo>
                      <a:pt x="630" y="76"/>
                    </a:lnTo>
                    <a:lnTo>
                      <a:pt x="630" y="70"/>
                    </a:lnTo>
                    <a:lnTo>
                      <a:pt x="630" y="68"/>
                    </a:lnTo>
                    <a:lnTo>
                      <a:pt x="632" y="68"/>
                    </a:lnTo>
                    <a:lnTo>
                      <a:pt x="634" y="64"/>
                    </a:lnTo>
                    <a:lnTo>
                      <a:pt x="632" y="64"/>
                    </a:lnTo>
                    <a:lnTo>
                      <a:pt x="632" y="63"/>
                    </a:lnTo>
                    <a:lnTo>
                      <a:pt x="630" y="61"/>
                    </a:lnTo>
                    <a:lnTo>
                      <a:pt x="632" y="61"/>
                    </a:lnTo>
                    <a:lnTo>
                      <a:pt x="634" y="61"/>
                    </a:lnTo>
                    <a:lnTo>
                      <a:pt x="636" y="61"/>
                    </a:lnTo>
                    <a:lnTo>
                      <a:pt x="638" y="61"/>
                    </a:lnTo>
                    <a:lnTo>
                      <a:pt x="640" y="61"/>
                    </a:lnTo>
                    <a:lnTo>
                      <a:pt x="642" y="61"/>
                    </a:lnTo>
                    <a:lnTo>
                      <a:pt x="643" y="61"/>
                    </a:lnTo>
                    <a:lnTo>
                      <a:pt x="645" y="63"/>
                    </a:lnTo>
                    <a:lnTo>
                      <a:pt x="647" y="63"/>
                    </a:lnTo>
                    <a:lnTo>
                      <a:pt x="649" y="63"/>
                    </a:lnTo>
                    <a:lnTo>
                      <a:pt x="651" y="61"/>
                    </a:lnTo>
                    <a:lnTo>
                      <a:pt x="653" y="61"/>
                    </a:lnTo>
                    <a:lnTo>
                      <a:pt x="654" y="59"/>
                    </a:lnTo>
                    <a:lnTo>
                      <a:pt x="656" y="57"/>
                    </a:lnTo>
                    <a:lnTo>
                      <a:pt x="658" y="59"/>
                    </a:lnTo>
                    <a:lnTo>
                      <a:pt x="660" y="59"/>
                    </a:lnTo>
                    <a:lnTo>
                      <a:pt x="660" y="61"/>
                    </a:lnTo>
                    <a:lnTo>
                      <a:pt x="662" y="61"/>
                    </a:lnTo>
                    <a:lnTo>
                      <a:pt x="662" y="63"/>
                    </a:lnTo>
                    <a:lnTo>
                      <a:pt x="664" y="63"/>
                    </a:lnTo>
                    <a:lnTo>
                      <a:pt x="667" y="68"/>
                    </a:lnTo>
                    <a:lnTo>
                      <a:pt x="667" y="70"/>
                    </a:lnTo>
                    <a:lnTo>
                      <a:pt x="669" y="72"/>
                    </a:lnTo>
                    <a:lnTo>
                      <a:pt x="669" y="74"/>
                    </a:lnTo>
                    <a:lnTo>
                      <a:pt x="671" y="76"/>
                    </a:lnTo>
                    <a:lnTo>
                      <a:pt x="671" y="77"/>
                    </a:lnTo>
                    <a:lnTo>
                      <a:pt x="671" y="79"/>
                    </a:lnTo>
                    <a:lnTo>
                      <a:pt x="673" y="81"/>
                    </a:lnTo>
                    <a:lnTo>
                      <a:pt x="673" y="83"/>
                    </a:lnTo>
                    <a:lnTo>
                      <a:pt x="673" y="85"/>
                    </a:lnTo>
                    <a:lnTo>
                      <a:pt x="673" y="87"/>
                    </a:lnTo>
                    <a:lnTo>
                      <a:pt x="673" y="90"/>
                    </a:lnTo>
                    <a:lnTo>
                      <a:pt x="677" y="90"/>
                    </a:lnTo>
                    <a:lnTo>
                      <a:pt x="680" y="90"/>
                    </a:lnTo>
                    <a:lnTo>
                      <a:pt x="682" y="88"/>
                    </a:lnTo>
                    <a:lnTo>
                      <a:pt x="682" y="87"/>
                    </a:lnTo>
                    <a:lnTo>
                      <a:pt x="684" y="85"/>
                    </a:lnTo>
                    <a:lnTo>
                      <a:pt x="686" y="83"/>
                    </a:lnTo>
                    <a:lnTo>
                      <a:pt x="688" y="83"/>
                    </a:lnTo>
                    <a:lnTo>
                      <a:pt x="690" y="83"/>
                    </a:lnTo>
                    <a:lnTo>
                      <a:pt x="691" y="83"/>
                    </a:lnTo>
                    <a:lnTo>
                      <a:pt x="690" y="83"/>
                    </a:lnTo>
                    <a:lnTo>
                      <a:pt x="690" y="85"/>
                    </a:lnTo>
                    <a:lnTo>
                      <a:pt x="690" y="87"/>
                    </a:lnTo>
                    <a:lnTo>
                      <a:pt x="690" y="88"/>
                    </a:lnTo>
                    <a:lnTo>
                      <a:pt x="690" y="90"/>
                    </a:lnTo>
                    <a:lnTo>
                      <a:pt x="688" y="92"/>
                    </a:lnTo>
                    <a:lnTo>
                      <a:pt x="688" y="94"/>
                    </a:lnTo>
                    <a:lnTo>
                      <a:pt x="690" y="94"/>
                    </a:lnTo>
                    <a:lnTo>
                      <a:pt x="690" y="96"/>
                    </a:lnTo>
                    <a:lnTo>
                      <a:pt x="690" y="98"/>
                    </a:lnTo>
                    <a:lnTo>
                      <a:pt x="690" y="100"/>
                    </a:lnTo>
                    <a:lnTo>
                      <a:pt x="690" y="101"/>
                    </a:lnTo>
                    <a:lnTo>
                      <a:pt x="690" y="103"/>
                    </a:lnTo>
                    <a:lnTo>
                      <a:pt x="690" y="101"/>
                    </a:lnTo>
                    <a:lnTo>
                      <a:pt x="691" y="101"/>
                    </a:lnTo>
                    <a:lnTo>
                      <a:pt x="693" y="101"/>
                    </a:lnTo>
                    <a:lnTo>
                      <a:pt x="695" y="105"/>
                    </a:lnTo>
                    <a:lnTo>
                      <a:pt x="697" y="109"/>
                    </a:lnTo>
                    <a:lnTo>
                      <a:pt x="701" y="113"/>
                    </a:lnTo>
                    <a:lnTo>
                      <a:pt x="703" y="113"/>
                    </a:lnTo>
                    <a:lnTo>
                      <a:pt x="704" y="113"/>
                    </a:lnTo>
                    <a:lnTo>
                      <a:pt x="706" y="114"/>
                    </a:lnTo>
                    <a:lnTo>
                      <a:pt x="712" y="114"/>
                    </a:lnTo>
                    <a:lnTo>
                      <a:pt x="714" y="116"/>
                    </a:lnTo>
                    <a:lnTo>
                      <a:pt x="715" y="116"/>
                    </a:lnTo>
                    <a:lnTo>
                      <a:pt x="715" y="118"/>
                    </a:lnTo>
                    <a:lnTo>
                      <a:pt x="715" y="120"/>
                    </a:lnTo>
                    <a:lnTo>
                      <a:pt x="715" y="124"/>
                    </a:lnTo>
                    <a:lnTo>
                      <a:pt x="717" y="125"/>
                    </a:lnTo>
                    <a:lnTo>
                      <a:pt x="719" y="125"/>
                    </a:lnTo>
                    <a:lnTo>
                      <a:pt x="721" y="127"/>
                    </a:lnTo>
                    <a:lnTo>
                      <a:pt x="721" y="129"/>
                    </a:lnTo>
                    <a:lnTo>
                      <a:pt x="721" y="131"/>
                    </a:lnTo>
                    <a:lnTo>
                      <a:pt x="721" y="133"/>
                    </a:lnTo>
                    <a:lnTo>
                      <a:pt x="723" y="135"/>
                    </a:lnTo>
                    <a:lnTo>
                      <a:pt x="723" y="137"/>
                    </a:lnTo>
                    <a:lnTo>
                      <a:pt x="725" y="140"/>
                    </a:lnTo>
                    <a:lnTo>
                      <a:pt x="728" y="142"/>
                    </a:lnTo>
                    <a:lnTo>
                      <a:pt x="730" y="146"/>
                    </a:lnTo>
                    <a:lnTo>
                      <a:pt x="730" y="148"/>
                    </a:lnTo>
                    <a:lnTo>
                      <a:pt x="730" y="151"/>
                    </a:lnTo>
                    <a:lnTo>
                      <a:pt x="730" y="153"/>
                    </a:lnTo>
                    <a:lnTo>
                      <a:pt x="730" y="157"/>
                    </a:lnTo>
                    <a:lnTo>
                      <a:pt x="730" y="161"/>
                    </a:lnTo>
                    <a:lnTo>
                      <a:pt x="732" y="161"/>
                    </a:lnTo>
                    <a:lnTo>
                      <a:pt x="739" y="161"/>
                    </a:lnTo>
                    <a:lnTo>
                      <a:pt x="741" y="161"/>
                    </a:lnTo>
                    <a:lnTo>
                      <a:pt x="743" y="162"/>
                    </a:lnTo>
                    <a:lnTo>
                      <a:pt x="745" y="162"/>
                    </a:lnTo>
                    <a:lnTo>
                      <a:pt x="747" y="164"/>
                    </a:lnTo>
                    <a:lnTo>
                      <a:pt x="749" y="164"/>
                    </a:lnTo>
                    <a:lnTo>
                      <a:pt x="751" y="164"/>
                    </a:lnTo>
                    <a:lnTo>
                      <a:pt x="752" y="164"/>
                    </a:lnTo>
                    <a:lnTo>
                      <a:pt x="754" y="164"/>
                    </a:lnTo>
                    <a:lnTo>
                      <a:pt x="756" y="164"/>
                    </a:lnTo>
                    <a:lnTo>
                      <a:pt x="760" y="162"/>
                    </a:lnTo>
                    <a:lnTo>
                      <a:pt x="762" y="164"/>
                    </a:lnTo>
                    <a:lnTo>
                      <a:pt x="762" y="166"/>
                    </a:lnTo>
                    <a:lnTo>
                      <a:pt x="764" y="166"/>
                    </a:lnTo>
                    <a:lnTo>
                      <a:pt x="764" y="164"/>
                    </a:lnTo>
                    <a:lnTo>
                      <a:pt x="765" y="164"/>
                    </a:lnTo>
                    <a:lnTo>
                      <a:pt x="767" y="166"/>
                    </a:lnTo>
                    <a:lnTo>
                      <a:pt x="769" y="166"/>
                    </a:lnTo>
                    <a:lnTo>
                      <a:pt x="771" y="166"/>
                    </a:lnTo>
                    <a:lnTo>
                      <a:pt x="773" y="166"/>
                    </a:lnTo>
                    <a:lnTo>
                      <a:pt x="773" y="164"/>
                    </a:lnTo>
                    <a:lnTo>
                      <a:pt x="775" y="164"/>
                    </a:lnTo>
                    <a:lnTo>
                      <a:pt x="780" y="162"/>
                    </a:lnTo>
                    <a:lnTo>
                      <a:pt x="786" y="159"/>
                    </a:lnTo>
                    <a:lnTo>
                      <a:pt x="788" y="159"/>
                    </a:lnTo>
                    <a:lnTo>
                      <a:pt x="788" y="161"/>
                    </a:lnTo>
                    <a:lnTo>
                      <a:pt x="786" y="162"/>
                    </a:lnTo>
                    <a:lnTo>
                      <a:pt x="786" y="164"/>
                    </a:lnTo>
                    <a:lnTo>
                      <a:pt x="786" y="166"/>
                    </a:lnTo>
                    <a:lnTo>
                      <a:pt x="784" y="166"/>
                    </a:lnTo>
                    <a:lnTo>
                      <a:pt x="786" y="168"/>
                    </a:lnTo>
                    <a:lnTo>
                      <a:pt x="786" y="172"/>
                    </a:lnTo>
                    <a:lnTo>
                      <a:pt x="786" y="174"/>
                    </a:lnTo>
                    <a:lnTo>
                      <a:pt x="786" y="175"/>
                    </a:lnTo>
                    <a:lnTo>
                      <a:pt x="786" y="177"/>
                    </a:lnTo>
                    <a:lnTo>
                      <a:pt x="784" y="177"/>
                    </a:lnTo>
                    <a:lnTo>
                      <a:pt x="784" y="179"/>
                    </a:lnTo>
                    <a:lnTo>
                      <a:pt x="784" y="181"/>
                    </a:lnTo>
                    <a:lnTo>
                      <a:pt x="784" y="183"/>
                    </a:lnTo>
                    <a:lnTo>
                      <a:pt x="784" y="185"/>
                    </a:lnTo>
                    <a:lnTo>
                      <a:pt x="782" y="185"/>
                    </a:lnTo>
                    <a:lnTo>
                      <a:pt x="782" y="186"/>
                    </a:lnTo>
                    <a:lnTo>
                      <a:pt x="782" y="188"/>
                    </a:lnTo>
                    <a:lnTo>
                      <a:pt x="782" y="190"/>
                    </a:lnTo>
                    <a:lnTo>
                      <a:pt x="782" y="192"/>
                    </a:lnTo>
                    <a:lnTo>
                      <a:pt x="782" y="194"/>
                    </a:lnTo>
                    <a:lnTo>
                      <a:pt x="780" y="196"/>
                    </a:lnTo>
                    <a:lnTo>
                      <a:pt x="780" y="198"/>
                    </a:lnTo>
                    <a:lnTo>
                      <a:pt x="780" y="199"/>
                    </a:lnTo>
                    <a:lnTo>
                      <a:pt x="780" y="201"/>
                    </a:lnTo>
                    <a:lnTo>
                      <a:pt x="780" y="203"/>
                    </a:lnTo>
                    <a:lnTo>
                      <a:pt x="778" y="205"/>
                    </a:lnTo>
                    <a:lnTo>
                      <a:pt x="778" y="207"/>
                    </a:lnTo>
                    <a:lnTo>
                      <a:pt x="782" y="205"/>
                    </a:lnTo>
                    <a:lnTo>
                      <a:pt x="784" y="205"/>
                    </a:lnTo>
                    <a:lnTo>
                      <a:pt x="786" y="203"/>
                    </a:lnTo>
                    <a:lnTo>
                      <a:pt x="788" y="205"/>
                    </a:lnTo>
                    <a:lnTo>
                      <a:pt x="789" y="203"/>
                    </a:lnTo>
                    <a:lnTo>
                      <a:pt x="791" y="203"/>
                    </a:lnTo>
                    <a:lnTo>
                      <a:pt x="791" y="205"/>
                    </a:lnTo>
                    <a:lnTo>
                      <a:pt x="793" y="205"/>
                    </a:lnTo>
                    <a:lnTo>
                      <a:pt x="795" y="207"/>
                    </a:lnTo>
                    <a:lnTo>
                      <a:pt x="797" y="207"/>
                    </a:lnTo>
                    <a:lnTo>
                      <a:pt x="799" y="209"/>
                    </a:lnTo>
                    <a:lnTo>
                      <a:pt x="800" y="212"/>
                    </a:lnTo>
                    <a:lnTo>
                      <a:pt x="802" y="212"/>
                    </a:lnTo>
                    <a:lnTo>
                      <a:pt x="802" y="214"/>
                    </a:lnTo>
                    <a:lnTo>
                      <a:pt x="802" y="216"/>
                    </a:lnTo>
                    <a:lnTo>
                      <a:pt x="802" y="218"/>
                    </a:lnTo>
                    <a:lnTo>
                      <a:pt x="800" y="220"/>
                    </a:lnTo>
                    <a:lnTo>
                      <a:pt x="802" y="220"/>
                    </a:lnTo>
                    <a:lnTo>
                      <a:pt x="800" y="220"/>
                    </a:lnTo>
                    <a:lnTo>
                      <a:pt x="802" y="222"/>
                    </a:lnTo>
                    <a:lnTo>
                      <a:pt x="802" y="220"/>
                    </a:lnTo>
                    <a:lnTo>
                      <a:pt x="802" y="222"/>
                    </a:lnTo>
                    <a:lnTo>
                      <a:pt x="804" y="222"/>
                    </a:lnTo>
                    <a:lnTo>
                      <a:pt x="804" y="223"/>
                    </a:lnTo>
                    <a:lnTo>
                      <a:pt x="804" y="225"/>
                    </a:lnTo>
                    <a:lnTo>
                      <a:pt x="802" y="225"/>
                    </a:lnTo>
                    <a:lnTo>
                      <a:pt x="802" y="227"/>
                    </a:lnTo>
                    <a:lnTo>
                      <a:pt x="804" y="227"/>
                    </a:lnTo>
                    <a:lnTo>
                      <a:pt x="802" y="227"/>
                    </a:lnTo>
                    <a:lnTo>
                      <a:pt x="802" y="229"/>
                    </a:lnTo>
                    <a:lnTo>
                      <a:pt x="800" y="229"/>
                    </a:lnTo>
                    <a:lnTo>
                      <a:pt x="800" y="231"/>
                    </a:lnTo>
                    <a:lnTo>
                      <a:pt x="799" y="231"/>
                    </a:lnTo>
                    <a:lnTo>
                      <a:pt x="799" y="233"/>
                    </a:lnTo>
                    <a:lnTo>
                      <a:pt x="797" y="233"/>
                    </a:lnTo>
                    <a:lnTo>
                      <a:pt x="797" y="235"/>
                    </a:lnTo>
                    <a:lnTo>
                      <a:pt x="795" y="235"/>
                    </a:lnTo>
                    <a:lnTo>
                      <a:pt x="795" y="236"/>
                    </a:lnTo>
                    <a:lnTo>
                      <a:pt x="793" y="236"/>
                    </a:lnTo>
                    <a:lnTo>
                      <a:pt x="793" y="238"/>
                    </a:lnTo>
                    <a:lnTo>
                      <a:pt x="793" y="240"/>
                    </a:lnTo>
                    <a:lnTo>
                      <a:pt x="791" y="238"/>
                    </a:lnTo>
                    <a:lnTo>
                      <a:pt x="791" y="240"/>
                    </a:lnTo>
                    <a:lnTo>
                      <a:pt x="789" y="240"/>
                    </a:lnTo>
                    <a:lnTo>
                      <a:pt x="789" y="242"/>
                    </a:lnTo>
                    <a:lnTo>
                      <a:pt x="788" y="244"/>
                    </a:lnTo>
                    <a:lnTo>
                      <a:pt x="789" y="246"/>
                    </a:lnTo>
                    <a:lnTo>
                      <a:pt x="789" y="251"/>
                    </a:lnTo>
                    <a:lnTo>
                      <a:pt x="791" y="253"/>
                    </a:lnTo>
                    <a:lnTo>
                      <a:pt x="791" y="255"/>
                    </a:lnTo>
                    <a:lnTo>
                      <a:pt x="791" y="257"/>
                    </a:lnTo>
                    <a:lnTo>
                      <a:pt x="793" y="257"/>
                    </a:lnTo>
                    <a:lnTo>
                      <a:pt x="793" y="259"/>
                    </a:lnTo>
                    <a:lnTo>
                      <a:pt x="793" y="260"/>
                    </a:lnTo>
                    <a:lnTo>
                      <a:pt x="795" y="262"/>
                    </a:lnTo>
                    <a:lnTo>
                      <a:pt x="795" y="264"/>
                    </a:lnTo>
                    <a:lnTo>
                      <a:pt x="795" y="266"/>
                    </a:lnTo>
                    <a:lnTo>
                      <a:pt x="793" y="268"/>
                    </a:lnTo>
                    <a:lnTo>
                      <a:pt x="795" y="270"/>
                    </a:lnTo>
                    <a:lnTo>
                      <a:pt x="797" y="272"/>
                    </a:lnTo>
                    <a:lnTo>
                      <a:pt x="797" y="273"/>
                    </a:lnTo>
                    <a:lnTo>
                      <a:pt x="799" y="275"/>
                    </a:lnTo>
                    <a:lnTo>
                      <a:pt x="799" y="277"/>
                    </a:lnTo>
                    <a:lnTo>
                      <a:pt x="800" y="277"/>
                    </a:lnTo>
                    <a:lnTo>
                      <a:pt x="800" y="279"/>
                    </a:lnTo>
                    <a:lnTo>
                      <a:pt x="802" y="279"/>
                    </a:lnTo>
                    <a:lnTo>
                      <a:pt x="802" y="281"/>
                    </a:lnTo>
                    <a:lnTo>
                      <a:pt x="804" y="283"/>
                    </a:lnTo>
                    <a:lnTo>
                      <a:pt x="806" y="283"/>
                    </a:lnTo>
                    <a:lnTo>
                      <a:pt x="808" y="285"/>
                    </a:lnTo>
                    <a:lnTo>
                      <a:pt x="810" y="288"/>
                    </a:lnTo>
                    <a:lnTo>
                      <a:pt x="808" y="288"/>
                    </a:lnTo>
                    <a:lnTo>
                      <a:pt x="808" y="290"/>
                    </a:lnTo>
                    <a:lnTo>
                      <a:pt x="806" y="290"/>
                    </a:lnTo>
                    <a:lnTo>
                      <a:pt x="804" y="290"/>
                    </a:lnTo>
                    <a:lnTo>
                      <a:pt x="802" y="292"/>
                    </a:lnTo>
                    <a:lnTo>
                      <a:pt x="802" y="294"/>
                    </a:lnTo>
                    <a:lnTo>
                      <a:pt x="802" y="296"/>
                    </a:lnTo>
                    <a:lnTo>
                      <a:pt x="800" y="297"/>
                    </a:lnTo>
                    <a:lnTo>
                      <a:pt x="799" y="297"/>
                    </a:lnTo>
                    <a:lnTo>
                      <a:pt x="800" y="297"/>
                    </a:lnTo>
                    <a:lnTo>
                      <a:pt x="802" y="299"/>
                    </a:lnTo>
                    <a:lnTo>
                      <a:pt x="800" y="301"/>
                    </a:lnTo>
                    <a:lnTo>
                      <a:pt x="799" y="301"/>
                    </a:lnTo>
                    <a:lnTo>
                      <a:pt x="799" y="299"/>
                    </a:lnTo>
                    <a:lnTo>
                      <a:pt x="797" y="299"/>
                    </a:lnTo>
                    <a:lnTo>
                      <a:pt x="795" y="299"/>
                    </a:lnTo>
                    <a:lnTo>
                      <a:pt x="793" y="299"/>
                    </a:lnTo>
                    <a:lnTo>
                      <a:pt x="791" y="299"/>
                    </a:lnTo>
                    <a:lnTo>
                      <a:pt x="788" y="301"/>
                    </a:lnTo>
                    <a:lnTo>
                      <a:pt x="786" y="303"/>
                    </a:lnTo>
                    <a:lnTo>
                      <a:pt x="784" y="303"/>
                    </a:lnTo>
                    <a:lnTo>
                      <a:pt x="782" y="303"/>
                    </a:lnTo>
                    <a:lnTo>
                      <a:pt x="780" y="303"/>
                    </a:lnTo>
                    <a:lnTo>
                      <a:pt x="780" y="305"/>
                    </a:lnTo>
                    <a:lnTo>
                      <a:pt x="778" y="305"/>
                    </a:lnTo>
                    <a:lnTo>
                      <a:pt x="776" y="305"/>
                    </a:lnTo>
                    <a:lnTo>
                      <a:pt x="776" y="307"/>
                    </a:lnTo>
                    <a:lnTo>
                      <a:pt x="775" y="307"/>
                    </a:lnTo>
                    <a:lnTo>
                      <a:pt x="775" y="309"/>
                    </a:lnTo>
                    <a:lnTo>
                      <a:pt x="773" y="309"/>
                    </a:lnTo>
                    <a:lnTo>
                      <a:pt x="773" y="310"/>
                    </a:lnTo>
                    <a:lnTo>
                      <a:pt x="775" y="316"/>
                    </a:lnTo>
                    <a:lnTo>
                      <a:pt x="773" y="318"/>
                    </a:lnTo>
                    <a:lnTo>
                      <a:pt x="773" y="320"/>
                    </a:lnTo>
                    <a:lnTo>
                      <a:pt x="771" y="320"/>
                    </a:lnTo>
                    <a:lnTo>
                      <a:pt x="771" y="322"/>
                    </a:lnTo>
                    <a:lnTo>
                      <a:pt x="769" y="322"/>
                    </a:lnTo>
                    <a:lnTo>
                      <a:pt x="767" y="323"/>
                    </a:lnTo>
                    <a:lnTo>
                      <a:pt x="765" y="323"/>
                    </a:lnTo>
                    <a:lnTo>
                      <a:pt x="764" y="323"/>
                    </a:lnTo>
                    <a:lnTo>
                      <a:pt x="764" y="325"/>
                    </a:lnTo>
                    <a:lnTo>
                      <a:pt x="762" y="325"/>
                    </a:lnTo>
                    <a:lnTo>
                      <a:pt x="760" y="325"/>
                    </a:lnTo>
                    <a:lnTo>
                      <a:pt x="760" y="327"/>
                    </a:lnTo>
                    <a:lnTo>
                      <a:pt x="758" y="327"/>
                    </a:lnTo>
                    <a:lnTo>
                      <a:pt x="758" y="329"/>
                    </a:lnTo>
                    <a:lnTo>
                      <a:pt x="756" y="329"/>
                    </a:lnTo>
                    <a:lnTo>
                      <a:pt x="754" y="329"/>
                    </a:lnTo>
                    <a:lnTo>
                      <a:pt x="752" y="327"/>
                    </a:lnTo>
                    <a:lnTo>
                      <a:pt x="752" y="329"/>
                    </a:lnTo>
                    <a:lnTo>
                      <a:pt x="751" y="329"/>
                    </a:lnTo>
                    <a:lnTo>
                      <a:pt x="749" y="331"/>
                    </a:lnTo>
                    <a:lnTo>
                      <a:pt x="747" y="331"/>
                    </a:lnTo>
                    <a:lnTo>
                      <a:pt x="745" y="331"/>
                    </a:lnTo>
                    <a:lnTo>
                      <a:pt x="743" y="333"/>
                    </a:lnTo>
                    <a:lnTo>
                      <a:pt x="741" y="333"/>
                    </a:lnTo>
                    <a:lnTo>
                      <a:pt x="739" y="333"/>
                    </a:lnTo>
                    <a:lnTo>
                      <a:pt x="739" y="334"/>
                    </a:lnTo>
                    <a:lnTo>
                      <a:pt x="738" y="334"/>
                    </a:lnTo>
                    <a:lnTo>
                      <a:pt x="738" y="336"/>
                    </a:lnTo>
                    <a:lnTo>
                      <a:pt x="736" y="334"/>
                    </a:lnTo>
                    <a:lnTo>
                      <a:pt x="734" y="333"/>
                    </a:lnTo>
                    <a:lnTo>
                      <a:pt x="732" y="331"/>
                    </a:lnTo>
                    <a:lnTo>
                      <a:pt x="730" y="327"/>
                    </a:lnTo>
                    <a:lnTo>
                      <a:pt x="727" y="329"/>
                    </a:lnTo>
                    <a:lnTo>
                      <a:pt x="725" y="331"/>
                    </a:lnTo>
                    <a:lnTo>
                      <a:pt x="723" y="331"/>
                    </a:lnTo>
                    <a:lnTo>
                      <a:pt x="723" y="329"/>
                    </a:lnTo>
                    <a:lnTo>
                      <a:pt x="721" y="327"/>
                    </a:lnTo>
                    <a:lnTo>
                      <a:pt x="717" y="325"/>
                    </a:lnTo>
                    <a:lnTo>
                      <a:pt x="715" y="323"/>
                    </a:lnTo>
                    <a:lnTo>
                      <a:pt x="710" y="318"/>
                    </a:lnTo>
                    <a:lnTo>
                      <a:pt x="708" y="318"/>
                    </a:lnTo>
                    <a:lnTo>
                      <a:pt x="706" y="318"/>
                    </a:lnTo>
                    <a:lnTo>
                      <a:pt x="704" y="320"/>
                    </a:lnTo>
                    <a:lnTo>
                      <a:pt x="701" y="322"/>
                    </a:lnTo>
                    <a:lnTo>
                      <a:pt x="703" y="323"/>
                    </a:lnTo>
                    <a:lnTo>
                      <a:pt x="701" y="325"/>
                    </a:lnTo>
                    <a:lnTo>
                      <a:pt x="703" y="327"/>
                    </a:lnTo>
                    <a:lnTo>
                      <a:pt x="701" y="329"/>
                    </a:lnTo>
                    <a:lnTo>
                      <a:pt x="701" y="331"/>
                    </a:lnTo>
                    <a:lnTo>
                      <a:pt x="699" y="331"/>
                    </a:lnTo>
                    <a:lnTo>
                      <a:pt x="697" y="331"/>
                    </a:lnTo>
                    <a:lnTo>
                      <a:pt x="697" y="329"/>
                    </a:lnTo>
                    <a:lnTo>
                      <a:pt x="693" y="331"/>
                    </a:lnTo>
                    <a:lnTo>
                      <a:pt x="690" y="338"/>
                    </a:lnTo>
                    <a:lnTo>
                      <a:pt x="686" y="340"/>
                    </a:lnTo>
                    <a:lnTo>
                      <a:pt x="682" y="342"/>
                    </a:lnTo>
                    <a:lnTo>
                      <a:pt x="684" y="347"/>
                    </a:lnTo>
                    <a:lnTo>
                      <a:pt x="684" y="349"/>
                    </a:lnTo>
                    <a:lnTo>
                      <a:pt x="686" y="351"/>
                    </a:lnTo>
                    <a:lnTo>
                      <a:pt x="688" y="353"/>
                    </a:lnTo>
                    <a:lnTo>
                      <a:pt x="690" y="353"/>
                    </a:lnTo>
                    <a:lnTo>
                      <a:pt x="691" y="353"/>
                    </a:lnTo>
                    <a:lnTo>
                      <a:pt x="693" y="353"/>
                    </a:lnTo>
                    <a:lnTo>
                      <a:pt x="693" y="355"/>
                    </a:lnTo>
                    <a:lnTo>
                      <a:pt x="693" y="357"/>
                    </a:lnTo>
                    <a:lnTo>
                      <a:pt x="695" y="357"/>
                    </a:lnTo>
                    <a:lnTo>
                      <a:pt x="695" y="359"/>
                    </a:lnTo>
                    <a:lnTo>
                      <a:pt x="697" y="359"/>
                    </a:lnTo>
                    <a:lnTo>
                      <a:pt x="697" y="360"/>
                    </a:lnTo>
                    <a:lnTo>
                      <a:pt x="695" y="360"/>
                    </a:lnTo>
                    <a:lnTo>
                      <a:pt x="695" y="362"/>
                    </a:lnTo>
                    <a:lnTo>
                      <a:pt x="695" y="364"/>
                    </a:lnTo>
                    <a:lnTo>
                      <a:pt x="697" y="364"/>
                    </a:lnTo>
                    <a:lnTo>
                      <a:pt x="695" y="366"/>
                    </a:lnTo>
                    <a:lnTo>
                      <a:pt x="691" y="364"/>
                    </a:lnTo>
                    <a:lnTo>
                      <a:pt x="690" y="366"/>
                    </a:lnTo>
                    <a:lnTo>
                      <a:pt x="688" y="366"/>
                    </a:lnTo>
                    <a:lnTo>
                      <a:pt x="686" y="368"/>
                    </a:lnTo>
                    <a:lnTo>
                      <a:pt x="684" y="370"/>
                    </a:lnTo>
                    <a:lnTo>
                      <a:pt x="682" y="371"/>
                    </a:lnTo>
                    <a:lnTo>
                      <a:pt x="680" y="371"/>
                    </a:lnTo>
                    <a:lnTo>
                      <a:pt x="678" y="371"/>
                    </a:lnTo>
                    <a:lnTo>
                      <a:pt x="677" y="371"/>
                    </a:lnTo>
                    <a:lnTo>
                      <a:pt x="675" y="370"/>
                    </a:lnTo>
                    <a:lnTo>
                      <a:pt x="673" y="370"/>
                    </a:lnTo>
                    <a:lnTo>
                      <a:pt x="671" y="370"/>
                    </a:lnTo>
                    <a:lnTo>
                      <a:pt x="669" y="371"/>
                    </a:lnTo>
                    <a:lnTo>
                      <a:pt x="669" y="373"/>
                    </a:lnTo>
                    <a:lnTo>
                      <a:pt x="667" y="375"/>
                    </a:lnTo>
                    <a:lnTo>
                      <a:pt x="654" y="377"/>
                    </a:lnTo>
                    <a:lnTo>
                      <a:pt x="654" y="379"/>
                    </a:lnTo>
                    <a:lnTo>
                      <a:pt x="653" y="381"/>
                    </a:lnTo>
                    <a:lnTo>
                      <a:pt x="651" y="381"/>
                    </a:lnTo>
                    <a:lnTo>
                      <a:pt x="649" y="381"/>
                    </a:lnTo>
                    <a:lnTo>
                      <a:pt x="649" y="383"/>
                    </a:lnTo>
                    <a:lnTo>
                      <a:pt x="647" y="383"/>
                    </a:lnTo>
                    <a:lnTo>
                      <a:pt x="645" y="383"/>
                    </a:lnTo>
                    <a:lnTo>
                      <a:pt x="643" y="384"/>
                    </a:lnTo>
                    <a:lnTo>
                      <a:pt x="642" y="384"/>
                    </a:lnTo>
                    <a:lnTo>
                      <a:pt x="642" y="386"/>
                    </a:lnTo>
                    <a:lnTo>
                      <a:pt x="640" y="386"/>
                    </a:lnTo>
                    <a:lnTo>
                      <a:pt x="640" y="388"/>
                    </a:lnTo>
                    <a:lnTo>
                      <a:pt x="638" y="388"/>
                    </a:lnTo>
                    <a:lnTo>
                      <a:pt x="638" y="390"/>
                    </a:lnTo>
                    <a:lnTo>
                      <a:pt x="636" y="390"/>
                    </a:lnTo>
                    <a:lnTo>
                      <a:pt x="636" y="392"/>
                    </a:lnTo>
                    <a:lnTo>
                      <a:pt x="634" y="396"/>
                    </a:lnTo>
                    <a:lnTo>
                      <a:pt x="632" y="399"/>
                    </a:lnTo>
                    <a:lnTo>
                      <a:pt x="632" y="401"/>
                    </a:lnTo>
                    <a:lnTo>
                      <a:pt x="630" y="403"/>
                    </a:lnTo>
                    <a:lnTo>
                      <a:pt x="629" y="405"/>
                    </a:lnTo>
                    <a:lnTo>
                      <a:pt x="627" y="405"/>
                    </a:lnTo>
                    <a:lnTo>
                      <a:pt x="625" y="405"/>
                    </a:lnTo>
                    <a:lnTo>
                      <a:pt x="625" y="407"/>
                    </a:lnTo>
                    <a:lnTo>
                      <a:pt x="623" y="407"/>
                    </a:lnTo>
                    <a:lnTo>
                      <a:pt x="621" y="407"/>
                    </a:lnTo>
                    <a:lnTo>
                      <a:pt x="619" y="407"/>
                    </a:lnTo>
                    <a:lnTo>
                      <a:pt x="617" y="407"/>
                    </a:lnTo>
                    <a:lnTo>
                      <a:pt x="617" y="408"/>
                    </a:lnTo>
                    <a:lnTo>
                      <a:pt x="616" y="408"/>
                    </a:lnTo>
                    <a:lnTo>
                      <a:pt x="614" y="408"/>
                    </a:lnTo>
                    <a:lnTo>
                      <a:pt x="612" y="408"/>
                    </a:lnTo>
                    <a:lnTo>
                      <a:pt x="610" y="408"/>
                    </a:lnTo>
                    <a:lnTo>
                      <a:pt x="608" y="408"/>
                    </a:lnTo>
                    <a:lnTo>
                      <a:pt x="608" y="410"/>
                    </a:lnTo>
                    <a:lnTo>
                      <a:pt x="606" y="410"/>
                    </a:lnTo>
                    <a:lnTo>
                      <a:pt x="606" y="408"/>
                    </a:lnTo>
                    <a:lnTo>
                      <a:pt x="606" y="410"/>
                    </a:lnTo>
                    <a:lnTo>
                      <a:pt x="605" y="410"/>
                    </a:lnTo>
                    <a:lnTo>
                      <a:pt x="603" y="410"/>
                    </a:lnTo>
                    <a:lnTo>
                      <a:pt x="601" y="408"/>
                    </a:lnTo>
                    <a:lnTo>
                      <a:pt x="601" y="410"/>
                    </a:lnTo>
                    <a:lnTo>
                      <a:pt x="599" y="410"/>
                    </a:lnTo>
                    <a:lnTo>
                      <a:pt x="597" y="410"/>
                    </a:lnTo>
                    <a:lnTo>
                      <a:pt x="595" y="410"/>
                    </a:lnTo>
                    <a:lnTo>
                      <a:pt x="593" y="410"/>
                    </a:lnTo>
                    <a:lnTo>
                      <a:pt x="590" y="412"/>
                    </a:lnTo>
                    <a:lnTo>
                      <a:pt x="588" y="418"/>
                    </a:lnTo>
                    <a:lnTo>
                      <a:pt x="586" y="418"/>
                    </a:lnTo>
                    <a:lnTo>
                      <a:pt x="584" y="421"/>
                    </a:lnTo>
                    <a:lnTo>
                      <a:pt x="582" y="423"/>
                    </a:lnTo>
                    <a:lnTo>
                      <a:pt x="581" y="429"/>
                    </a:lnTo>
                    <a:lnTo>
                      <a:pt x="581" y="433"/>
                    </a:lnTo>
                    <a:lnTo>
                      <a:pt x="579" y="436"/>
                    </a:lnTo>
                    <a:lnTo>
                      <a:pt x="581" y="440"/>
                    </a:lnTo>
                    <a:lnTo>
                      <a:pt x="581" y="444"/>
                    </a:lnTo>
                    <a:lnTo>
                      <a:pt x="579" y="449"/>
                    </a:lnTo>
                    <a:lnTo>
                      <a:pt x="579" y="453"/>
                    </a:lnTo>
                    <a:lnTo>
                      <a:pt x="579" y="455"/>
                    </a:lnTo>
                    <a:lnTo>
                      <a:pt x="577" y="457"/>
                    </a:lnTo>
                    <a:lnTo>
                      <a:pt x="577" y="458"/>
                    </a:lnTo>
                    <a:lnTo>
                      <a:pt x="573" y="458"/>
                    </a:lnTo>
                    <a:lnTo>
                      <a:pt x="571" y="458"/>
                    </a:lnTo>
                    <a:lnTo>
                      <a:pt x="569" y="460"/>
                    </a:lnTo>
                    <a:lnTo>
                      <a:pt x="566" y="460"/>
                    </a:lnTo>
                    <a:lnTo>
                      <a:pt x="566" y="458"/>
                    </a:lnTo>
                    <a:lnTo>
                      <a:pt x="564" y="458"/>
                    </a:lnTo>
                    <a:lnTo>
                      <a:pt x="562" y="457"/>
                    </a:lnTo>
                    <a:lnTo>
                      <a:pt x="560" y="457"/>
                    </a:lnTo>
                    <a:lnTo>
                      <a:pt x="558" y="458"/>
                    </a:lnTo>
                    <a:lnTo>
                      <a:pt x="556" y="458"/>
                    </a:lnTo>
                    <a:lnTo>
                      <a:pt x="555" y="458"/>
                    </a:lnTo>
                    <a:lnTo>
                      <a:pt x="555" y="457"/>
                    </a:lnTo>
                    <a:lnTo>
                      <a:pt x="553" y="457"/>
                    </a:lnTo>
                    <a:lnTo>
                      <a:pt x="551" y="457"/>
                    </a:lnTo>
                    <a:lnTo>
                      <a:pt x="549" y="457"/>
                    </a:lnTo>
                    <a:lnTo>
                      <a:pt x="549" y="458"/>
                    </a:lnTo>
                    <a:lnTo>
                      <a:pt x="547" y="458"/>
                    </a:lnTo>
                    <a:lnTo>
                      <a:pt x="545" y="458"/>
                    </a:lnTo>
                    <a:lnTo>
                      <a:pt x="544" y="458"/>
                    </a:lnTo>
                    <a:lnTo>
                      <a:pt x="544" y="453"/>
                    </a:lnTo>
                    <a:lnTo>
                      <a:pt x="540" y="451"/>
                    </a:lnTo>
                    <a:lnTo>
                      <a:pt x="536" y="451"/>
                    </a:lnTo>
                    <a:lnTo>
                      <a:pt x="523" y="449"/>
                    </a:lnTo>
                    <a:lnTo>
                      <a:pt x="520" y="447"/>
                    </a:lnTo>
                    <a:lnTo>
                      <a:pt x="518" y="445"/>
                    </a:lnTo>
                    <a:lnTo>
                      <a:pt x="516" y="444"/>
                    </a:lnTo>
                    <a:lnTo>
                      <a:pt x="512" y="442"/>
                    </a:lnTo>
                    <a:lnTo>
                      <a:pt x="510" y="440"/>
                    </a:lnTo>
                    <a:lnTo>
                      <a:pt x="507" y="436"/>
                    </a:lnTo>
                    <a:lnTo>
                      <a:pt x="503" y="433"/>
                    </a:lnTo>
                    <a:lnTo>
                      <a:pt x="501" y="429"/>
                    </a:lnTo>
                    <a:lnTo>
                      <a:pt x="501" y="427"/>
                    </a:lnTo>
                    <a:lnTo>
                      <a:pt x="495" y="420"/>
                    </a:lnTo>
                    <a:lnTo>
                      <a:pt x="492" y="408"/>
                    </a:lnTo>
                    <a:lnTo>
                      <a:pt x="490" y="408"/>
                    </a:lnTo>
                    <a:lnTo>
                      <a:pt x="490" y="407"/>
                    </a:lnTo>
                    <a:lnTo>
                      <a:pt x="488" y="401"/>
                    </a:lnTo>
                    <a:lnTo>
                      <a:pt x="488" y="399"/>
                    </a:lnTo>
                    <a:lnTo>
                      <a:pt x="486" y="399"/>
                    </a:lnTo>
                    <a:lnTo>
                      <a:pt x="486" y="397"/>
                    </a:lnTo>
                    <a:lnTo>
                      <a:pt x="484" y="397"/>
                    </a:lnTo>
                    <a:lnTo>
                      <a:pt x="473" y="396"/>
                    </a:lnTo>
                    <a:lnTo>
                      <a:pt x="471" y="396"/>
                    </a:lnTo>
                    <a:lnTo>
                      <a:pt x="471" y="394"/>
                    </a:lnTo>
                    <a:lnTo>
                      <a:pt x="470" y="394"/>
                    </a:lnTo>
                    <a:lnTo>
                      <a:pt x="468" y="394"/>
                    </a:lnTo>
                    <a:lnTo>
                      <a:pt x="466" y="394"/>
                    </a:lnTo>
                    <a:lnTo>
                      <a:pt x="464" y="394"/>
                    </a:lnTo>
                    <a:lnTo>
                      <a:pt x="462" y="392"/>
                    </a:lnTo>
                    <a:lnTo>
                      <a:pt x="460" y="392"/>
                    </a:lnTo>
                    <a:lnTo>
                      <a:pt x="459" y="392"/>
                    </a:lnTo>
                    <a:lnTo>
                      <a:pt x="457" y="392"/>
                    </a:lnTo>
                    <a:lnTo>
                      <a:pt x="455" y="392"/>
                    </a:lnTo>
                    <a:lnTo>
                      <a:pt x="453" y="392"/>
                    </a:lnTo>
                    <a:lnTo>
                      <a:pt x="451" y="390"/>
                    </a:lnTo>
                    <a:lnTo>
                      <a:pt x="449" y="390"/>
                    </a:lnTo>
                    <a:lnTo>
                      <a:pt x="431" y="394"/>
                    </a:lnTo>
                    <a:lnTo>
                      <a:pt x="429" y="394"/>
                    </a:lnTo>
                    <a:lnTo>
                      <a:pt x="425" y="394"/>
                    </a:lnTo>
                    <a:lnTo>
                      <a:pt x="423" y="394"/>
                    </a:lnTo>
                    <a:lnTo>
                      <a:pt x="422" y="394"/>
                    </a:lnTo>
                    <a:lnTo>
                      <a:pt x="420" y="394"/>
                    </a:lnTo>
                    <a:lnTo>
                      <a:pt x="418" y="394"/>
                    </a:lnTo>
                    <a:lnTo>
                      <a:pt x="412" y="396"/>
                    </a:lnTo>
                    <a:lnTo>
                      <a:pt x="405" y="397"/>
                    </a:lnTo>
                    <a:lnTo>
                      <a:pt x="403" y="397"/>
                    </a:lnTo>
                    <a:lnTo>
                      <a:pt x="401" y="397"/>
                    </a:lnTo>
                    <a:lnTo>
                      <a:pt x="399" y="397"/>
                    </a:lnTo>
                    <a:lnTo>
                      <a:pt x="390" y="399"/>
                    </a:lnTo>
                    <a:lnTo>
                      <a:pt x="386" y="399"/>
                    </a:lnTo>
                    <a:lnTo>
                      <a:pt x="383" y="399"/>
                    </a:lnTo>
                    <a:lnTo>
                      <a:pt x="379" y="401"/>
                    </a:lnTo>
                    <a:lnTo>
                      <a:pt x="377" y="401"/>
                    </a:lnTo>
                    <a:lnTo>
                      <a:pt x="375" y="401"/>
                    </a:lnTo>
                    <a:lnTo>
                      <a:pt x="373" y="401"/>
                    </a:lnTo>
                    <a:lnTo>
                      <a:pt x="370" y="401"/>
                    </a:lnTo>
                    <a:lnTo>
                      <a:pt x="370" y="397"/>
                    </a:lnTo>
                    <a:lnTo>
                      <a:pt x="370" y="396"/>
                    </a:lnTo>
                    <a:lnTo>
                      <a:pt x="370" y="394"/>
                    </a:lnTo>
                    <a:lnTo>
                      <a:pt x="370" y="392"/>
                    </a:lnTo>
                    <a:lnTo>
                      <a:pt x="370" y="390"/>
                    </a:lnTo>
                    <a:lnTo>
                      <a:pt x="368" y="388"/>
                    </a:lnTo>
                    <a:lnTo>
                      <a:pt x="370" y="388"/>
                    </a:lnTo>
                    <a:lnTo>
                      <a:pt x="370" y="386"/>
                    </a:lnTo>
                    <a:lnTo>
                      <a:pt x="370" y="384"/>
                    </a:lnTo>
                    <a:lnTo>
                      <a:pt x="368" y="383"/>
                    </a:lnTo>
                    <a:lnTo>
                      <a:pt x="368" y="381"/>
                    </a:lnTo>
                    <a:lnTo>
                      <a:pt x="368" y="379"/>
                    </a:lnTo>
                    <a:lnTo>
                      <a:pt x="366" y="379"/>
                    </a:lnTo>
                    <a:lnTo>
                      <a:pt x="366" y="377"/>
                    </a:lnTo>
                    <a:lnTo>
                      <a:pt x="368" y="377"/>
                    </a:lnTo>
                    <a:lnTo>
                      <a:pt x="368" y="375"/>
                    </a:lnTo>
                    <a:lnTo>
                      <a:pt x="368" y="373"/>
                    </a:lnTo>
                    <a:lnTo>
                      <a:pt x="366" y="373"/>
                    </a:lnTo>
                    <a:lnTo>
                      <a:pt x="364" y="373"/>
                    </a:lnTo>
                    <a:lnTo>
                      <a:pt x="362" y="373"/>
                    </a:lnTo>
                    <a:lnTo>
                      <a:pt x="361" y="373"/>
                    </a:lnTo>
                    <a:lnTo>
                      <a:pt x="359" y="373"/>
                    </a:lnTo>
                    <a:lnTo>
                      <a:pt x="357" y="371"/>
                    </a:lnTo>
                    <a:lnTo>
                      <a:pt x="355" y="370"/>
                    </a:lnTo>
                    <a:lnTo>
                      <a:pt x="355" y="366"/>
                    </a:lnTo>
                    <a:lnTo>
                      <a:pt x="355" y="364"/>
                    </a:lnTo>
                    <a:lnTo>
                      <a:pt x="359" y="364"/>
                    </a:lnTo>
                    <a:lnTo>
                      <a:pt x="361" y="362"/>
                    </a:lnTo>
                    <a:lnTo>
                      <a:pt x="361" y="360"/>
                    </a:lnTo>
                    <a:lnTo>
                      <a:pt x="361" y="355"/>
                    </a:lnTo>
                    <a:lnTo>
                      <a:pt x="359" y="344"/>
                    </a:lnTo>
                    <a:lnTo>
                      <a:pt x="359" y="340"/>
                    </a:lnTo>
                    <a:lnTo>
                      <a:pt x="359" y="334"/>
                    </a:lnTo>
                    <a:lnTo>
                      <a:pt x="357" y="327"/>
                    </a:lnTo>
                    <a:lnTo>
                      <a:pt x="357" y="325"/>
                    </a:lnTo>
                    <a:lnTo>
                      <a:pt x="357" y="322"/>
                    </a:lnTo>
                    <a:lnTo>
                      <a:pt x="355" y="320"/>
                    </a:lnTo>
                    <a:lnTo>
                      <a:pt x="355" y="314"/>
                    </a:lnTo>
                    <a:lnTo>
                      <a:pt x="364" y="314"/>
                    </a:lnTo>
                    <a:lnTo>
                      <a:pt x="375" y="314"/>
                    </a:lnTo>
                    <a:lnTo>
                      <a:pt x="388" y="316"/>
                    </a:lnTo>
                    <a:lnTo>
                      <a:pt x="394" y="314"/>
                    </a:lnTo>
                    <a:lnTo>
                      <a:pt x="396" y="314"/>
                    </a:lnTo>
                    <a:lnTo>
                      <a:pt x="398" y="314"/>
                    </a:lnTo>
                    <a:lnTo>
                      <a:pt x="401" y="310"/>
                    </a:lnTo>
                    <a:lnTo>
                      <a:pt x="405" y="309"/>
                    </a:lnTo>
                    <a:lnTo>
                      <a:pt x="412" y="303"/>
                    </a:lnTo>
                    <a:lnTo>
                      <a:pt x="420" y="299"/>
                    </a:lnTo>
                    <a:lnTo>
                      <a:pt x="422" y="294"/>
                    </a:lnTo>
                    <a:lnTo>
                      <a:pt x="423" y="288"/>
                    </a:lnTo>
                    <a:lnTo>
                      <a:pt x="423" y="283"/>
                    </a:lnTo>
                    <a:lnTo>
                      <a:pt x="425" y="279"/>
                    </a:lnTo>
                    <a:lnTo>
                      <a:pt x="427" y="275"/>
                    </a:lnTo>
                    <a:lnTo>
                      <a:pt x="425" y="272"/>
                    </a:lnTo>
                    <a:lnTo>
                      <a:pt x="427" y="270"/>
                    </a:lnTo>
                    <a:lnTo>
                      <a:pt x="429" y="268"/>
                    </a:lnTo>
                    <a:lnTo>
                      <a:pt x="429" y="266"/>
                    </a:lnTo>
                    <a:lnTo>
                      <a:pt x="427" y="260"/>
                    </a:lnTo>
                    <a:lnTo>
                      <a:pt x="423" y="255"/>
                    </a:lnTo>
                    <a:lnTo>
                      <a:pt x="423" y="253"/>
                    </a:lnTo>
                    <a:lnTo>
                      <a:pt x="425" y="251"/>
                    </a:lnTo>
                    <a:lnTo>
                      <a:pt x="425" y="249"/>
                    </a:lnTo>
                    <a:lnTo>
                      <a:pt x="425" y="248"/>
                    </a:lnTo>
                    <a:lnTo>
                      <a:pt x="425" y="242"/>
                    </a:lnTo>
                    <a:lnTo>
                      <a:pt x="425" y="240"/>
                    </a:lnTo>
                    <a:lnTo>
                      <a:pt x="427" y="236"/>
                    </a:lnTo>
                    <a:lnTo>
                      <a:pt x="427" y="235"/>
                    </a:lnTo>
                    <a:lnTo>
                      <a:pt x="429" y="235"/>
                    </a:lnTo>
                    <a:lnTo>
                      <a:pt x="429" y="233"/>
                    </a:lnTo>
                    <a:lnTo>
                      <a:pt x="431" y="231"/>
                    </a:lnTo>
                    <a:lnTo>
                      <a:pt x="433" y="231"/>
                    </a:lnTo>
                    <a:lnTo>
                      <a:pt x="433" y="229"/>
                    </a:lnTo>
                    <a:lnTo>
                      <a:pt x="434" y="229"/>
                    </a:lnTo>
                    <a:lnTo>
                      <a:pt x="434" y="227"/>
                    </a:lnTo>
                    <a:lnTo>
                      <a:pt x="434" y="225"/>
                    </a:lnTo>
                    <a:lnTo>
                      <a:pt x="436" y="225"/>
                    </a:lnTo>
                    <a:lnTo>
                      <a:pt x="436" y="223"/>
                    </a:lnTo>
                    <a:lnTo>
                      <a:pt x="438" y="223"/>
                    </a:lnTo>
                    <a:lnTo>
                      <a:pt x="440" y="223"/>
                    </a:lnTo>
                    <a:lnTo>
                      <a:pt x="440" y="222"/>
                    </a:lnTo>
                    <a:lnTo>
                      <a:pt x="440" y="223"/>
                    </a:lnTo>
                    <a:lnTo>
                      <a:pt x="442" y="223"/>
                    </a:lnTo>
                    <a:lnTo>
                      <a:pt x="442" y="222"/>
                    </a:lnTo>
                    <a:lnTo>
                      <a:pt x="444" y="222"/>
                    </a:lnTo>
                    <a:lnTo>
                      <a:pt x="446" y="222"/>
                    </a:lnTo>
                    <a:lnTo>
                      <a:pt x="446" y="220"/>
                    </a:lnTo>
                    <a:lnTo>
                      <a:pt x="446" y="218"/>
                    </a:lnTo>
                    <a:lnTo>
                      <a:pt x="446" y="216"/>
                    </a:lnTo>
                    <a:lnTo>
                      <a:pt x="446" y="214"/>
                    </a:lnTo>
                    <a:lnTo>
                      <a:pt x="446" y="212"/>
                    </a:lnTo>
                    <a:lnTo>
                      <a:pt x="446" y="211"/>
                    </a:lnTo>
                    <a:lnTo>
                      <a:pt x="447" y="211"/>
                    </a:lnTo>
                    <a:lnTo>
                      <a:pt x="447" y="209"/>
                    </a:lnTo>
                    <a:lnTo>
                      <a:pt x="447" y="211"/>
                    </a:lnTo>
                    <a:lnTo>
                      <a:pt x="447" y="209"/>
                    </a:lnTo>
                    <a:lnTo>
                      <a:pt x="447" y="207"/>
                    </a:lnTo>
                    <a:lnTo>
                      <a:pt x="449" y="205"/>
                    </a:lnTo>
                    <a:lnTo>
                      <a:pt x="451" y="205"/>
                    </a:lnTo>
                    <a:lnTo>
                      <a:pt x="451" y="203"/>
                    </a:lnTo>
                    <a:lnTo>
                      <a:pt x="451" y="201"/>
                    </a:lnTo>
                    <a:lnTo>
                      <a:pt x="453" y="201"/>
                    </a:lnTo>
                    <a:lnTo>
                      <a:pt x="453" y="199"/>
                    </a:lnTo>
                    <a:lnTo>
                      <a:pt x="455" y="199"/>
                    </a:lnTo>
                    <a:lnTo>
                      <a:pt x="455" y="198"/>
                    </a:lnTo>
                    <a:lnTo>
                      <a:pt x="455" y="196"/>
                    </a:lnTo>
                    <a:lnTo>
                      <a:pt x="457" y="196"/>
                    </a:lnTo>
                    <a:lnTo>
                      <a:pt x="457" y="194"/>
                    </a:lnTo>
                    <a:lnTo>
                      <a:pt x="459" y="194"/>
                    </a:lnTo>
                    <a:lnTo>
                      <a:pt x="459" y="192"/>
                    </a:lnTo>
                    <a:lnTo>
                      <a:pt x="460" y="192"/>
                    </a:lnTo>
                    <a:lnTo>
                      <a:pt x="459" y="186"/>
                    </a:lnTo>
                    <a:lnTo>
                      <a:pt x="457" y="183"/>
                    </a:lnTo>
                    <a:lnTo>
                      <a:pt x="457" y="181"/>
                    </a:lnTo>
                    <a:lnTo>
                      <a:pt x="455" y="181"/>
                    </a:lnTo>
                    <a:lnTo>
                      <a:pt x="455" y="179"/>
                    </a:lnTo>
                    <a:lnTo>
                      <a:pt x="453" y="177"/>
                    </a:lnTo>
                    <a:lnTo>
                      <a:pt x="451" y="175"/>
                    </a:lnTo>
                    <a:lnTo>
                      <a:pt x="447" y="172"/>
                    </a:lnTo>
                    <a:lnTo>
                      <a:pt x="447" y="170"/>
                    </a:lnTo>
                    <a:lnTo>
                      <a:pt x="442" y="168"/>
                    </a:lnTo>
                    <a:lnTo>
                      <a:pt x="440" y="168"/>
                    </a:lnTo>
                    <a:lnTo>
                      <a:pt x="438" y="168"/>
                    </a:lnTo>
                    <a:lnTo>
                      <a:pt x="434" y="168"/>
                    </a:lnTo>
                    <a:lnTo>
                      <a:pt x="425" y="166"/>
                    </a:lnTo>
                    <a:lnTo>
                      <a:pt x="423" y="164"/>
                    </a:lnTo>
                    <a:lnTo>
                      <a:pt x="422" y="164"/>
                    </a:lnTo>
                    <a:lnTo>
                      <a:pt x="420" y="162"/>
                    </a:lnTo>
                    <a:lnTo>
                      <a:pt x="418" y="162"/>
                    </a:lnTo>
                    <a:lnTo>
                      <a:pt x="416" y="161"/>
                    </a:lnTo>
                    <a:lnTo>
                      <a:pt x="412" y="162"/>
                    </a:lnTo>
                    <a:lnTo>
                      <a:pt x="409" y="162"/>
                    </a:lnTo>
                    <a:lnTo>
                      <a:pt x="405" y="161"/>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61" name="Freeform 213"/>
              <p:cNvSpPr>
                <a:spLocks/>
              </p:cNvSpPr>
              <p:nvPr/>
            </p:nvSpPr>
            <p:spPr bwMode="auto">
              <a:xfrm>
                <a:off x="4111625" y="1420812"/>
                <a:ext cx="125413" cy="92075"/>
              </a:xfrm>
              <a:custGeom>
                <a:avLst/>
                <a:gdLst>
                  <a:gd name="T0" fmla="*/ 77 w 79"/>
                  <a:gd name="T1" fmla="*/ 21 h 58"/>
                  <a:gd name="T2" fmla="*/ 79 w 79"/>
                  <a:gd name="T3" fmla="*/ 23 h 58"/>
                  <a:gd name="T4" fmla="*/ 79 w 79"/>
                  <a:gd name="T5" fmla="*/ 26 h 58"/>
                  <a:gd name="T6" fmla="*/ 77 w 79"/>
                  <a:gd name="T7" fmla="*/ 28 h 58"/>
                  <a:gd name="T8" fmla="*/ 74 w 79"/>
                  <a:gd name="T9" fmla="*/ 32 h 58"/>
                  <a:gd name="T10" fmla="*/ 70 w 79"/>
                  <a:gd name="T11" fmla="*/ 52 h 58"/>
                  <a:gd name="T12" fmla="*/ 66 w 79"/>
                  <a:gd name="T13" fmla="*/ 58 h 58"/>
                  <a:gd name="T14" fmla="*/ 59 w 79"/>
                  <a:gd name="T15" fmla="*/ 58 h 58"/>
                  <a:gd name="T16" fmla="*/ 46 w 79"/>
                  <a:gd name="T17" fmla="*/ 54 h 58"/>
                  <a:gd name="T18" fmla="*/ 42 w 79"/>
                  <a:gd name="T19" fmla="*/ 48 h 58"/>
                  <a:gd name="T20" fmla="*/ 35 w 79"/>
                  <a:gd name="T21" fmla="*/ 43 h 58"/>
                  <a:gd name="T22" fmla="*/ 29 w 79"/>
                  <a:gd name="T23" fmla="*/ 39 h 58"/>
                  <a:gd name="T24" fmla="*/ 26 w 79"/>
                  <a:gd name="T25" fmla="*/ 34 h 58"/>
                  <a:gd name="T26" fmla="*/ 22 w 79"/>
                  <a:gd name="T27" fmla="*/ 30 h 58"/>
                  <a:gd name="T28" fmla="*/ 22 w 79"/>
                  <a:gd name="T29" fmla="*/ 28 h 58"/>
                  <a:gd name="T30" fmla="*/ 20 w 79"/>
                  <a:gd name="T31" fmla="*/ 28 h 58"/>
                  <a:gd name="T32" fmla="*/ 22 w 79"/>
                  <a:gd name="T33" fmla="*/ 26 h 58"/>
                  <a:gd name="T34" fmla="*/ 22 w 79"/>
                  <a:gd name="T35" fmla="*/ 26 h 58"/>
                  <a:gd name="T36" fmla="*/ 20 w 79"/>
                  <a:gd name="T37" fmla="*/ 24 h 58"/>
                  <a:gd name="T38" fmla="*/ 13 w 79"/>
                  <a:gd name="T39" fmla="*/ 24 h 58"/>
                  <a:gd name="T40" fmla="*/ 5 w 79"/>
                  <a:gd name="T41" fmla="*/ 23 h 58"/>
                  <a:gd name="T42" fmla="*/ 0 w 79"/>
                  <a:gd name="T43" fmla="*/ 19 h 58"/>
                  <a:gd name="T44" fmla="*/ 0 w 79"/>
                  <a:gd name="T45" fmla="*/ 19 h 58"/>
                  <a:gd name="T46" fmla="*/ 0 w 79"/>
                  <a:gd name="T47" fmla="*/ 19 h 58"/>
                  <a:gd name="T48" fmla="*/ 0 w 79"/>
                  <a:gd name="T49" fmla="*/ 17 h 58"/>
                  <a:gd name="T50" fmla="*/ 0 w 79"/>
                  <a:gd name="T51" fmla="*/ 17 h 58"/>
                  <a:gd name="T52" fmla="*/ 0 w 79"/>
                  <a:gd name="T53" fmla="*/ 15 h 58"/>
                  <a:gd name="T54" fmla="*/ 0 w 79"/>
                  <a:gd name="T55" fmla="*/ 15 h 58"/>
                  <a:gd name="T56" fmla="*/ 0 w 79"/>
                  <a:gd name="T57" fmla="*/ 13 h 58"/>
                  <a:gd name="T58" fmla="*/ 0 w 79"/>
                  <a:gd name="T59" fmla="*/ 13 h 58"/>
                  <a:gd name="T60" fmla="*/ 2 w 79"/>
                  <a:gd name="T61" fmla="*/ 11 h 58"/>
                  <a:gd name="T62" fmla="*/ 2 w 79"/>
                  <a:gd name="T63" fmla="*/ 11 h 58"/>
                  <a:gd name="T64" fmla="*/ 2 w 79"/>
                  <a:gd name="T65" fmla="*/ 11 h 58"/>
                  <a:gd name="T66" fmla="*/ 4 w 79"/>
                  <a:gd name="T67" fmla="*/ 10 h 58"/>
                  <a:gd name="T68" fmla="*/ 4 w 79"/>
                  <a:gd name="T69" fmla="*/ 8 h 58"/>
                  <a:gd name="T70" fmla="*/ 4 w 79"/>
                  <a:gd name="T71" fmla="*/ 8 h 58"/>
                  <a:gd name="T72" fmla="*/ 4 w 79"/>
                  <a:gd name="T73" fmla="*/ 6 h 58"/>
                  <a:gd name="T74" fmla="*/ 2 w 79"/>
                  <a:gd name="T75" fmla="*/ 4 h 58"/>
                  <a:gd name="T76" fmla="*/ 5 w 79"/>
                  <a:gd name="T77" fmla="*/ 2 h 58"/>
                  <a:gd name="T78" fmla="*/ 7 w 79"/>
                  <a:gd name="T79" fmla="*/ 0 h 58"/>
                  <a:gd name="T80" fmla="*/ 9 w 79"/>
                  <a:gd name="T81" fmla="*/ 2 h 58"/>
                  <a:gd name="T82" fmla="*/ 15 w 79"/>
                  <a:gd name="T83" fmla="*/ 2 h 58"/>
                  <a:gd name="T84" fmla="*/ 20 w 79"/>
                  <a:gd name="T85" fmla="*/ 6 h 58"/>
                  <a:gd name="T86" fmla="*/ 26 w 79"/>
                  <a:gd name="T87" fmla="*/ 10 h 58"/>
                  <a:gd name="T88" fmla="*/ 28 w 79"/>
                  <a:gd name="T89" fmla="*/ 11 h 58"/>
                  <a:gd name="T90" fmla="*/ 33 w 79"/>
                  <a:gd name="T91" fmla="*/ 13 h 58"/>
                  <a:gd name="T92" fmla="*/ 40 w 79"/>
                  <a:gd name="T93" fmla="*/ 17 h 58"/>
                  <a:gd name="T94" fmla="*/ 44 w 79"/>
                  <a:gd name="T95" fmla="*/ 15 h 58"/>
                  <a:gd name="T96" fmla="*/ 50 w 79"/>
                  <a:gd name="T97" fmla="*/ 17 h 58"/>
                  <a:gd name="T98" fmla="*/ 52 w 79"/>
                  <a:gd name="T99" fmla="*/ 17 h 58"/>
                  <a:gd name="T100" fmla="*/ 59 w 79"/>
                  <a:gd name="T101" fmla="*/ 15 h 58"/>
                  <a:gd name="T102" fmla="*/ 63 w 79"/>
                  <a:gd name="T103" fmla="*/ 17 h 58"/>
                  <a:gd name="T104" fmla="*/ 66 w 79"/>
                  <a:gd name="T105" fmla="*/ 17 h 58"/>
                  <a:gd name="T106" fmla="*/ 68 w 79"/>
                  <a:gd name="T107" fmla="*/ 17 h 58"/>
                  <a:gd name="T108" fmla="*/ 76 w 79"/>
                  <a:gd name="T109" fmla="*/ 21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79" h="58">
                    <a:moveTo>
                      <a:pt x="77" y="21"/>
                    </a:moveTo>
                    <a:lnTo>
                      <a:pt x="77" y="21"/>
                    </a:lnTo>
                    <a:lnTo>
                      <a:pt x="77" y="21"/>
                    </a:lnTo>
                    <a:lnTo>
                      <a:pt x="77" y="21"/>
                    </a:lnTo>
                    <a:lnTo>
                      <a:pt x="77" y="21"/>
                    </a:lnTo>
                    <a:lnTo>
                      <a:pt x="77" y="21"/>
                    </a:lnTo>
                    <a:lnTo>
                      <a:pt x="77" y="21"/>
                    </a:lnTo>
                    <a:lnTo>
                      <a:pt x="77" y="21"/>
                    </a:lnTo>
                    <a:lnTo>
                      <a:pt x="77" y="21"/>
                    </a:lnTo>
                    <a:lnTo>
                      <a:pt x="79" y="23"/>
                    </a:lnTo>
                    <a:lnTo>
                      <a:pt x="79" y="23"/>
                    </a:lnTo>
                    <a:lnTo>
                      <a:pt x="79" y="23"/>
                    </a:lnTo>
                    <a:lnTo>
                      <a:pt x="79" y="23"/>
                    </a:lnTo>
                    <a:lnTo>
                      <a:pt x="79" y="23"/>
                    </a:lnTo>
                    <a:lnTo>
                      <a:pt x="79" y="24"/>
                    </a:lnTo>
                    <a:lnTo>
                      <a:pt x="79" y="24"/>
                    </a:lnTo>
                    <a:lnTo>
                      <a:pt x="79" y="26"/>
                    </a:lnTo>
                    <a:lnTo>
                      <a:pt x="79" y="26"/>
                    </a:lnTo>
                    <a:lnTo>
                      <a:pt x="79" y="26"/>
                    </a:lnTo>
                    <a:lnTo>
                      <a:pt x="77" y="26"/>
                    </a:lnTo>
                    <a:lnTo>
                      <a:pt x="77" y="26"/>
                    </a:lnTo>
                    <a:lnTo>
                      <a:pt x="77" y="28"/>
                    </a:lnTo>
                    <a:lnTo>
                      <a:pt x="77" y="28"/>
                    </a:lnTo>
                    <a:lnTo>
                      <a:pt x="77" y="28"/>
                    </a:lnTo>
                    <a:lnTo>
                      <a:pt x="76" y="28"/>
                    </a:lnTo>
                    <a:lnTo>
                      <a:pt x="76" y="28"/>
                    </a:lnTo>
                    <a:lnTo>
                      <a:pt x="76" y="30"/>
                    </a:lnTo>
                    <a:lnTo>
                      <a:pt x="74" y="30"/>
                    </a:lnTo>
                    <a:lnTo>
                      <a:pt x="74" y="30"/>
                    </a:lnTo>
                    <a:lnTo>
                      <a:pt x="74" y="32"/>
                    </a:lnTo>
                    <a:lnTo>
                      <a:pt x="74" y="37"/>
                    </a:lnTo>
                    <a:lnTo>
                      <a:pt x="74" y="37"/>
                    </a:lnTo>
                    <a:lnTo>
                      <a:pt x="74" y="39"/>
                    </a:lnTo>
                    <a:lnTo>
                      <a:pt x="74" y="43"/>
                    </a:lnTo>
                    <a:lnTo>
                      <a:pt x="72" y="48"/>
                    </a:lnTo>
                    <a:lnTo>
                      <a:pt x="70" y="52"/>
                    </a:lnTo>
                    <a:lnTo>
                      <a:pt x="70" y="56"/>
                    </a:lnTo>
                    <a:lnTo>
                      <a:pt x="70" y="58"/>
                    </a:lnTo>
                    <a:lnTo>
                      <a:pt x="68" y="58"/>
                    </a:lnTo>
                    <a:lnTo>
                      <a:pt x="68" y="58"/>
                    </a:lnTo>
                    <a:lnTo>
                      <a:pt x="66" y="58"/>
                    </a:lnTo>
                    <a:lnTo>
                      <a:pt x="66" y="58"/>
                    </a:lnTo>
                    <a:lnTo>
                      <a:pt x="65" y="58"/>
                    </a:lnTo>
                    <a:lnTo>
                      <a:pt x="65" y="58"/>
                    </a:lnTo>
                    <a:lnTo>
                      <a:pt x="65" y="58"/>
                    </a:lnTo>
                    <a:lnTo>
                      <a:pt x="61" y="58"/>
                    </a:lnTo>
                    <a:lnTo>
                      <a:pt x="61" y="58"/>
                    </a:lnTo>
                    <a:lnTo>
                      <a:pt x="59" y="58"/>
                    </a:lnTo>
                    <a:lnTo>
                      <a:pt x="57" y="58"/>
                    </a:lnTo>
                    <a:lnTo>
                      <a:pt x="57" y="56"/>
                    </a:lnTo>
                    <a:lnTo>
                      <a:pt x="55" y="56"/>
                    </a:lnTo>
                    <a:lnTo>
                      <a:pt x="52" y="56"/>
                    </a:lnTo>
                    <a:lnTo>
                      <a:pt x="52" y="56"/>
                    </a:lnTo>
                    <a:lnTo>
                      <a:pt x="46" y="54"/>
                    </a:lnTo>
                    <a:lnTo>
                      <a:pt x="44" y="56"/>
                    </a:lnTo>
                    <a:lnTo>
                      <a:pt x="44" y="56"/>
                    </a:lnTo>
                    <a:lnTo>
                      <a:pt x="44" y="52"/>
                    </a:lnTo>
                    <a:lnTo>
                      <a:pt x="44" y="48"/>
                    </a:lnTo>
                    <a:lnTo>
                      <a:pt x="44" y="48"/>
                    </a:lnTo>
                    <a:lnTo>
                      <a:pt x="42" y="48"/>
                    </a:lnTo>
                    <a:lnTo>
                      <a:pt x="40" y="48"/>
                    </a:lnTo>
                    <a:lnTo>
                      <a:pt x="40" y="47"/>
                    </a:lnTo>
                    <a:lnTo>
                      <a:pt x="39" y="45"/>
                    </a:lnTo>
                    <a:lnTo>
                      <a:pt x="37" y="45"/>
                    </a:lnTo>
                    <a:lnTo>
                      <a:pt x="37" y="43"/>
                    </a:lnTo>
                    <a:lnTo>
                      <a:pt x="35" y="43"/>
                    </a:lnTo>
                    <a:lnTo>
                      <a:pt x="35" y="43"/>
                    </a:lnTo>
                    <a:lnTo>
                      <a:pt x="33" y="43"/>
                    </a:lnTo>
                    <a:lnTo>
                      <a:pt x="33" y="41"/>
                    </a:lnTo>
                    <a:lnTo>
                      <a:pt x="31" y="39"/>
                    </a:lnTo>
                    <a:lnTo>
                      <a:pt x="31" y="39"/>
                    </a:lnTo>
                    <a:lnTo>
                      <a:pt x="29" y="39"/>
                    </a:lnTo>
                    <a:lnTo>
                      <a:pt x="28" y="37"/>
                    </a:lnTo>
                    <a:lnTo>
                      <a:pt x="28" y="37"/>
                    </a:lnTo>
                    <a:lnTo>
                      <a:pt x="28" y="37"/>
                    </a:lnTo>
                    <a:lnTo>
                      <a:pt x="26" y="36"/>
                    </a:lnTo>
                    <a:lnTo>
                      <a:pt x="26" y="34"/>
                    </a:lnTo>
                    <a:lnTo>
                      <a:pt x="26" y="34"/>
                    </a:lnTo>
                    <a:lnTo>
                      <a:pt x="24" y="32"/>
                    </a:lnTo>
                    <a:lnTo>
                      <a:pt x="24" y="32"/>
                    </a:lnTo>
                    <a:lnTo>
                      <a:pt x="22" y="32"/>
                    </a:lnTo>
                    <a:lnTo>
                      <a:pt x="22" y="32"/>
                    </a:lnTo>
                    <a:lnTo>
                      <a:pt x="22" y="30"/>
                    </a:lnTo>
                    <a:lnTo>
                      <a:pt x="22" y="30"/>
                    </a:lnTo>
                    <a:lnTo>
                      <a:pt x="22" y="30"/>
                    </a:lnTo>
                    <a:lnTo>
                      <a:pt x="22" y="28"/>
                    </a:lnTo>
                    <a:lnTo>
                      <a:pt x="22" y="28"/>
                    </a:lnTo>
                    <a:lnTo>
                      <a:pt x="22" y="28"/>
                    </a:lnTo>
                    <a:lnTo>
                      <a:pt x="22" y="28"/>
                    </a:lnTo>
                    <a:lnTo>
                      <a:pt x="22" y="28"/>
                    </a:lnTo>
                    <a:lnTo>
                      <a:pt x="22" y="28"/>
                    </a:lnTo>
                    <a:lnTo>
                      <a:pt x="22" y="28"/>
                    </a:lnTo>
                    <a:lnTo>
                      <a:pt x="22" y="28"/>
                    </a:lnTo>
                    <a:lnTo>
                      <a:pt x="20" y="28"/>
                    </a:lnTo>
                    <a:lnTo>
                      <a:pt x="20" y="28"/>
                    </a:lnTo>
                    <a:lnTo>
                      <a:pt x="20" y="28"/>
                    </a:lnTo>
                    <a:lnTo>
                      <a:pt x="20" y="28"/>
                    </a:lnTo>
                    <a:lnTo>
                      <a:pt x="20" y="28"/>
                    </a:lnTo>
                    <a:lnTo>
                      <a:pt x="22" y="28"/>
                    </a:lnTo>
                    <a:lnTo>
                      <a:pt x="22" y="26"/>
                    </a:lnTo>
                    <a:lnTo>
                      <a:pt x="22" y="26"/>
                    </a:lnTo>
                    <a:lnTo>
                      <a:pt x="22" y="26"/>
                    </a:lnTo>
                    <a:lnTo>
                      <a:pt x="22" y="26"/>
                    </a:lnTo>
                    <a:lnTo>
                      <a:pt x="22" y="26"/>
                    </a:lnTo>
                    <a:lnTo>
                      <a:pt x="22" y="26"/>
                    </a:lnTo>
                    <a:lnTo>
                      <a:pt x="22" y="26"/>
                    </a:lnTo>
                    <a:lnTo>
                      <a:pt x="22" y="26"/>
                    </a:lnTo>
                    <a:lnTo>
                      <a:pt x="22" y="26"/>
                    </a:lnTo>
                    <a:lnTo>
                      <a:pt x="22" y="26"/>
                    </a:lnTo>
                    <a:lnTo>
                      <a:pt x="20" y="26"/>
                    </a:lnTo>
                    <a:lnTo>
                      <a:pt x="20" y="26"/>
                    </a:lnTo>
                    <a:lnTo>
                      <a:pt x="20" y="26"/>
                    </a:lnTo>
                    <a:lnTo>
                      <a:pt x="20" y="26"/>
                    </a:lnTo>
                    <a:lnTo>
                      <a:pt x="20" y="24"/>
                    </a:lnTo>
                    <a:lnTo>
                      <a:pt x="18" y="24"/>
                    </a:lnTo>
                    <a:lnTo>
                      <a:pt x="16" y="26"/>
                    </a:lnTo>
                    <a:lnTo>
                      <a:pt x="16" y="24"/>
                    </a:lnTo>
                    <a:lnTo>
                      <a:pt x="16" y="24"/>
                    </a:lnTo>
                    <a:lnTo>
                      <a:pt x="15" y="24"/>
                    </a:lnTo>
                    <a:lnTo>
                      <a:pt x="13" y="24"/>
                    </a:lnTo>
                    <a:lnTo>
                      <a:pt x="11" y="24"/>
                    </a:lnTo>
                    <a:lnTo>
                      <a:pt x="9" y="24"/>
                    </a:lnTo>
                    <a:lnTo>
                      <a:pt x="7" y="23"/>
                    </a:lnTo>
                    <a:lnTo>
                      <a:pt x="7" y="23"/>
                    </a:lnTo>
                    <a:lnTo>
                      <a:pt x="5" y="23"/>
                    </a:lnTo>
                    <a:lnTo>
                      <a:pt x="5" y="23"/>
                    </a:lnTo>
                    <a:lnTo>
                      <a:pt x="2" y="21"/>
                    </a:lnTo>
                    <a:lnTo>
                      <a:pt x="2" y="21"/>
                    </a:lnTo>
                    <a:lnTo>
                      <a:pt x="2" y="21"/>
                    </a:lnTo>
                    <a:lnTo>
                      <a:pt x="2" y="21"/>
                    </a:lnTo>
                    <a:lnTo>
                      <a:pt x="2" y="21"/>
                    </a:lnTo>
                    <a:lnTo>
                      <a:pt x="0" y="19"/>
                    </a:lnTo>
                    <a:lnTo>
                      <a:pt x="0" y="19"/>
                    </a:lnTo>
                    <a:lnTo>
                      <a:pt x="0" y="19"/>
                    </a:lnTo>
                    <a:lnTo>
                      <a:pt x="0" y="19"/>
                    </a:lnTo>
                    <a:lnTo>
                      <a:pt x="2" y="19"/>
                    </a:lnTo>
                    <a:lnTo>
                      <a:pt x="2" y="19"/>
                    </a:lnTo>
                    <a:lnTo>
                      <a:pt x="0" y="19"/>
                    </a:lnTo>
                    <a:lnTo>
                      <a:pt x="0" y="19"/>
                    </a:lnTo>
                    <a:lnTo>
                      <a:pt x="0" y="19"/>
                    </a:lnTo>
                    <a:lnTo>
                      <a:pt x="0" y="19"/>
                    </a:lnTo>
                    <a:lnTo>
                      <a:pt x="0" y="19"/>
                    </a:lnTo>
                    <a:lnTo>
                      <a:pt x="0" y="19"/>
                    </a:lnTo>
                    <a:lnTo>
                      <a:pt x="0" y="19"/>
                    </a:lnTo>
                    <a:lnTo>
                      <a:pt x="0" y="17"/>
                    </a:lnTo>
                    <a:lnTo>
                      <a:pt x="0" y="17"/>
                    </a:lnTo>
                    <a:lnTo>
                      <a:pt x="0" y="17"/>
                    </a:lnTo>
                    <a:lnTo>
                      <a:pt x="0" y="17"/>
                    </a:lnTo>
                    <a:lnTo>
                      <a:pt x="0" y="17"/>
                    </a:lnTo>
                    <a:lnTo>
                      <a:pt x="0" y="17"/>
                    </a:lnTo>
                    <a:lnTo>
                      <a:pt x="0" y="17"/>
                    </a:lnTo>
                    <a:lnTo>
                      <a:pt x="0" y="17"/>
                    </a:lnTo>
                    <a:lnTo>
                      <a:pt x="0" y="17"/>
                    </a:lnTo>
                    <a:lnTo>
                      <a:pt x="0" y="17"/>
                    </a:lnTo>
                    <a:lnTo>
                      <a:pt x="0" y="17"/>
                    </a:lnTo>
                    <a:lnTo>
                      <a:pt x="0" y="17"/>
                    </a:lnTo>
                    <a:lnTo>
                      <a:pt x="0" y="17"/>
                    </a:lnTo>
                    <a:lnTo>
                      <a:pt x="0" y="17"/>
                    </a:lnTo>
                    <a:lnTo>
                      <a:pt x="0" y="17"/>
                    </a:lnTo>
                    <a:lnTo>
                      <a:pt x="0" y="17"/>
                    </a:lnTo>
                    <a:lnTo>
                      <a:pt x="0" y="15"/>
                    </a:lnTo>
                    <a:lnTo>
                      <a:pt x="0" y="15"/>
                    </a:lnTo>
                    <a:lnTo>
                      <a:pt x="0" y="15"/>
                    </a:lnTo>
                    <a:lnTo>
                      <a:pt x="0" y="15"/>
                    </a:lnTo>
                    <a:lnTo>
                      <a:pt x="0" y="15"/>
                    </a:lnTo>
                    <a:lnTo>
                      <a:pt x="0" y="15"/>
                    </a:lnTo>
                    <a:lnTo>
                      <a:pt x="0" y="15"/>
                    </a:lnTo>
                    <a:lnTo>
                      <a:pt x="0" y="15"/>
                    </a:lnTo>
                    <a:lnTo>
                      <a:pt x="0" y="15"/>
                    </a:lnTo>
                    <a:lnTo>
                      <a:pt x="0" y="15"/>
                    </a:lnTo>
                    <a:lnTo>
                      <a:pt x="0" y="15"/>
                    </a:lnTo>
                    <a:lnTo>
                      <a:pt x="0" y="13"/>
                    </a:lnTo>
                    <a:lnTo>
                      <a:pt x="0" y="13"/>
                    </a:lnTo>
                    <a:lnTo>
                      <a:pt x="0" y="13"/>
                    </a:lnTo>
                    <a:lnTo>
                      <a:pt x="0" y="13"/>
                    </a:lnTo>
                    <a:lnTo>
                      <a:pt x="0" y="13"/>
                    </a:lnTo>
                    <a:lnTo>
                      <a:pt x="0" y="13"/>
                    </a:lnTo>
                    <a:lnTo>
                      <a:pt x="0" y="13"/>
                    </a:lnTo>
                    <a:lnTo>
                      <a:pt x="0" y="13"/>
                    </a:lnTo>
                    <a:lnTo>
                      <a:pt x="0" y="13"/>
                    </a:lnTo>
                    <a:lnTo>
                      <a:pt x="0" y="13"/>
                    </a:lnTo>
                    <a:lnTo>
                      <a:pt x="2" y="13"/>
                    </a:lnTo>
                    <a:lnTo>
                      <a:pt x="2" y="13"/>
                    </a:lnTo>
                    <a:lnTo>
                      <a:pt x="2" y="13"/>
                    </a:lnTo>
                    <a:lnTo>
                      <a:pt x="2" y="11"/>
                    </a:lnTo>
                    <a:lnTo>
                      <a:pt x="2" y="11"/>
                    </a:lnTo>
                    <a:lnTo>
                      <a:pt x="2" y="11"/>
                    </a:lnTo>
                    <a:lnTo>
                      <a:pt x="2" y="11"/>
                    </a:lnTo>
                    <a:lnTo>
                      <a:pt x="2" y="11"/>
                    </a:lnTo>
                    <a:lnTo>
                      <a:pt x="2" y="11"/>
                    </a:lnTo>
                    <a:lnTo>
                      <a:pt x="2" y="11"/>
                    </a:lnTo>
                    <a:lnTo>
                      <a:pt x="2" y="11"/>
                    </a:lnTo>
                    <a:lnTo>
                      <a:pt x="2" y="11"/>
                    </a:lnTo>
                    <a:lnTo>
                      <a:pt x="2" y="11"/>
                    </a:lnTo>
                    <a:lnTo>
                      <a:pt x="2" y="11"/>
                    </a:lnTo>
                    <a:lnTo>
                      <a:pt x="2" y="11"/>
                    </a:lnTo>
                    <a:lnTo>
                      <a:pt x="2" y="11"/>
                    </a:lnTo>
                    <a:lnTo>
                      <a:pt x="2" y="11"/>
                    </a:lnTo>
                    <a:lnTo>
                      <a:pt x="2" y="10"/>
                    </a:lnTo>
                    <a:lnTo>
                      <a:pt x="4" y="10"/>
                    </a:lnTo>
                    <a:lnTo>
                      <a:pt x="4" y="10"/>
                    </a:lnTo>
                    <a:lnTo>
                      <a:pt x="4" y="10"/>
                    </a:lnTo>
                    <a:lnTo>
                      <a:pt x="4" y="10"/>
                    </a:lnTo>
                    <a:lnTo>
                      <a:pt x="4" y="10"/>
                    </a:lnTo>
                    <a:lnTo>
                      <a:pt x="4" y="10"/>
                    </a:lnTo>
                    <a:lnTo>
                      <a:pt x="4" y="10"/>
                    </a:lnTo>
                    <a:lnTo>
                      <a:pt x="4" y="10"/>
                    </a:lnTo>
                    <a:lnTo>
                      <a:pt x="4" y="10"/>
                    </a:lnTo>
                    <a:lnTo>
                      <a:pt x="4" y="10"/>
                    </a:lnTo>
                    <a:lnTo>
                      <a:pt x="4" y="8"/>
                    </a:lnTo>
                    <a:lnTo>
                      <a:pt x="4" y="8"/>
                    </a:lnTo>
                    <a:lnTo>
                      <a:pt x="4" y="8"/>
                    </a:lnTo>
                    <a:lnTo>
                      <a:pt x="4" y="8"/>
                    </a:lnTo>
                    <a:lnTo>
                      <a:pt x="4" y="8"/>
                    </a:lnTo>
                    <a:lnTo>
                      <a:pt x="4" y="8"/>
                    </a:lnTo>
                    <a:lnTo>
                      <a:pt x="4" y="8"/>
                    </a:lnTo>
                    <a:lnTo>
                      <a:pt x="4" y="8"/>
                    </a:lnTo>
                    <a:lnTo>
                      <a:pt x="4" y="8"/>
                    </a:lnTo>
                    <a:lnTo>
                      <a:pt x="4" y="8"/>
                    </a:lnTo>
                    <a:lnTo>
                      <a:pt x="4" y="6"/>
                    </a:lnTo>
                    <a:lnTo>
                      <a:pt x="4" y="6"/>
                    </a:lnTo>
                    <a:lnTo>
                      <a:pt x="4" y="6"/>
                    </a:lnTo>
                    <a:lnTo>
                      <a:pt x="4" y="6"/>
                    </a:lnTo>
                    <a:lnTo>
                      <a:pt x="4" y="6"/>
                    </a:lnTo>
                    <a:lnTo>
                      <a:pt x="4" y="6"/>
                    </a:lnTo>
                    <a:lnTo>
                      <a:pt x="2" y="4"/>
                    </a:lnTo>
                    <a:lnTo>
                      <a:pt x="2" y="4"/>
                    </a:lnTo>
                    <a:lnTo>
                      <a:pt x="2" y="4"/>
                    </a:lnTo>
                    <a:lnTo>
                      <a:pt x="2" y="4"/>
                    </a:lnTo>
                    <a:lnTo>
                      <a:pt x="2" y="4"/>
                    </a:lnTo>
                    <a:lnTo>
                      <a:pt x="4" y="4"/>
                    </a:lnTo>
                    <a:lnTo>
                      <a:pt x="4" y="2"/>
                    </a:lnTo>
                    <a:lnTo>
                      <a:pt x="4" y="2"/>
                    </a:lnTo>
                    <a:lnTo>
                      <a:pt x="5" y="2"/>
                    </a:lnTo>
                    <a:lnTo>
                      <a:pt x="5" y="2"/>
                    </a:lnTo>
                    <a:lnTo>
                      <a:pt x="5" y="2"/>
                    </a:lnTo>
                    <a:lnTo>
                      <a:pt x="5" y="0"/>
                    </a:lnTo>
                    <a:lnTo>
                      <a:pt x="7" y="0"/>
                    </a:lnTo>
                    <a:lnTo>
                      <a:pt x="7" y="0"/>
                    </a:lnTo>
                    <a:lnTo>
                      <a:pt x="7" y="0"/>
                    </a:lnTo>
                    <a:lnTo>
                      <a:pt x="7" y="0"/>
                    </a:lnTo>
                    <a:lnTo>
                      <a:pt x="7" y="2"/>
                    </a:lnTo>
                    <a:lnTo>
                      <a:pt x="9" y="2"/>
                    </a:lnTo>
                    <a:lnTo>
                      <a:pt x="9" y="2"/>
                    </a:lnTo>
                    <a:lnTo>
                      <a:pt x="9" y="2"/>
                    </a:lnTo>
                    <a:lnTo>
                      <a:pt x="9" y="2"/>
                    </a:lnTo>
                    <a:lnTo>
                      <a:pt x="11" y="2"/>
                    </a:lnTo>
                    <a:lnTo>
                      <a:pt x="11" y="2"/>
                    </a:lnTo>
                    <a:lnTo>
                      <a:pt x="13" y="2"/>
                    </a:lnTo>
                    <a:lnTo>
                      <a:pt x="13" y="2"/>
                    </a:lnTo>
                    <a:lnTo>
                      <a:pt x="15" y="2"/>
                    </a:lnTo>
                    <a:lnTo>
                      <a:pt x="15" y="2"/>
                    </a:lnTo>
                    <a:lnTo>
                      <a:pt x="18" y="2"/>
                    </a:lnTo>
                    <a:lnTo>
                      <a:pt x="18" y="2"/>
                    </a:lnTo>
                    <a:lnTo>
                      <a:pt x="18" y="2"/>
                    </a:lnTo>
                    <a:lnTo>
                      <a:pt x="20" y="4"/>
                    </a:lnTo>
                    <a:lnTo>
                      <a:pt x="20" y="4"/>
                    </a:lnTo>
                    <a:lnTo>
                      <a:pt x="20" y="6"/>
                    </a:lnTo>
                    <a:lnTo>
                      <a:pt x="22" y="6"/>
                    </a:lnTo>
                    <a:lnTo>
                      <a:pt x="26" y="10"/>
                    </a:lnTo>
                    <a:lnTo>
                      <a:pt x="26" y="10"/>
                    </a:lnTo>
                    <a:lnTo>
                      <a:pt x="26" y="10"/>
                    </a:lnTo>
                    <a:lnTo>
                      <a:pt x="26" y="10"/>
                    </a:lnTo>
                    <a:lnTo>
                      <a:pt x="26" y="10"/>
                    </a:lnTo>
                    <a:lnTo>
                      <a:pt x="26" y="10"/>
                    </a:lnTo>
                    <a:lnTo>
                      <a:pt x="26" y="11"/>
                    </a:lnTo>
                    <a:lnTo>
                      <a:pt x="26" y="11"/>
                    </a:lnTo>
                    <a:lnTo>
                      <a:pt x="28" y="11"/>
                    </a:lnTo>
                    <a:lnTo>
                      <a:pt x="28" y="11"/>
                    </a:lnTo>
                    <a:lnTo>
                      <a:pt x="28" y="11"/>
                    </a:lnTo>
                    <a:lnTo>
                      <a:pt x="29" y="13"/>
                    </a:lnTo>
                    <a:lnTo>
                      <a:pt x="29" y="13"/>
                    </a:lnTo>
                    <a:lnTo>
                      <a:pt x="29" y="13"/>
                    </a:lnTo>
                    <a:lnTo>
                      <a:pt x="31" y="13"/>
                    </a:lnTo>
                    <a:lnTo>
                      <a:pt x="33" y="13"/>
                    </a:lnTo>
                    <a:lnTo>
                      <a:pt x="33" y="13"/>
                    </a:lnTo>
                    <a:lnTo>
                      <a:pt x="35" y="13"/>
                    </a:lnTo>
                    <a:lnTo>
                      <a:pt x="35" y="15"/>
                    </a:lnTo>
                    <a:lnTo>
                      <a:pt x="37" y="15"/>
                    </a:lnTo>
                    <a:lnTo>
                      <a:pt x="39" y="15"/>
                    </a:lnTo>
                    <a:lnTo>
                      <a:pt x="39" y="15"/>
                    </a:lnTo>
                    <a:lnTo>
                      <a:pt x="40" y="17"/>
                    </a:lnTo>
                    <a:lnTo>
                      <a:pt x="40" y="17"/>
                    </a:lnTo>
                    <a:lnTo>
                      <a:pt x="40" y="17"/>
                    </a:lnTo>
                    <a:lnTo>
                      <a:pt x="42" y="15"/>
                    </a:lnTo>
                    <a:lnTo>
                      <a:pt x="44" y="15"/>
                    </a:lnTo>
                    <a:lnTo>
                      <a:pt x="44" y="15"/>
                    </a:lnTo>
                    <a:lnTo>
                      <a:pt x="44" y="15"/>
                    </a:lnTo>
                    <a:lnTo>
                      <a:pt x="46" y="15"/>
                    </a:lnTo>
                    <a:lnTo>
                      <a:pt x="46" y="15"/>
                    </a:lnTo>
                    <a:lnTo>
                      <a:pt x="48" y="15"/>
                    </a:lnTo>
                    <a:lnTo>
                      <a:pt x="48" y="17"/>
                    </a:lnTo>
                    <a:lnTo>
                      <a:pt x="48" y="15"/>
                    </a:lnTo>
                    <a:lnTo>
                      <a:pt x="50" y="17"/>
                    </a:lnTo>
                    <a:lnTo>
                      <a:pt x="50" y="17"/>
                    </a:lnTo>
                    <a:lnTo>
                      <a:pt x="50" y="17"/>
                    </a:lnTo>
                    <a:lnTo>
                      <a:pt x="50" y="17"/>
                    </a:lnTo>
                    <a:lnTo>
                      <a:pt x="52" y="17"/>
                    </a:lnTo>
                    <a:lnTo>
                      <a:pt x="52" y="17"/>
                    </a:lnTo>
                    <a:lnTo>
                      <a:pt x="52" y="17"/>
                    </a:lnTo>
                    <a:lnTo>
                      <a:pt x="53" y="17"/>
                    </a:lnTo>
                    <a:lnTo>
                      <a:pt x="53" y="17"/>
                    </a:lnTo>
                    <a:lnTo>
                      <a:pt x="55" y="17"/>
                    </a:lnTo>
                    <a:lnTo>
                      <a:pt x="55" y="17"/>
                    </a:lnTo>
                    <a:lnTo>
                      <a:pt x="57" y="17"/>
                    </a:lnTo>
                    <a:lnTo>
                      <a:pt x="59" y="15"/>
                    </a:lnTo>
                    <a:lnTo>
                      <a:pt x="59" y="15"/>
                    </a:lnTo>
                    <a:lnTo>
                      <a:pt x="61" y="17"/>
                    </a:lnTo>
                    <a:lnTo>
                      <a:pt x="61" y="17"/>
                    </a:lnTo>
                    <a:lnTo>
                      <a:pt x="63" y="17"/>
                    </a:lnTo>
                    <a:lnTo>
                      <a:pt x="63" y="17"/>
                    </a:lnTo>
                    <a:lnTo>
                      <a:pt x="63" y="17"/>
                    </a:lnTo>
                    <a:lnTo>
                      <a:pt x="65" y="17"/>
                    </a:lnTo>
                    <a:lnTo>
                      <a:pt x="65" y="17"/>
                    </a:lnTo>
                    <a:lnTo>
                      <a:pt x="65" y="17"/>
                    </a:lnTo>
                    <a:lnTo>
                      <a:pt x="66" y="17"/>
                    </a:lnTo>
                    <a:lnTo>
                      <a:pt x="66" y="17"/>
                    </a:lnTo>
                    <a:lnTo>
                      <a:pt x="66" y="17"/>
                    </a:lnTo>
                    <a:lnTo>
                      <a:pt x="66" y="17"/>
                    </a:lnTo>
                    <a:lnTo>
                      <a:pt x="66" y="17"/>
                    </a:lnTo>
                    <a:lnTo>
                      <a:pt x="66" y="17"/>
                    </a:lnTo>
                    <a:lnTo>
                      <a:pt x="66" y="19"/>
                    </a:lnTo>
                    <a:lnTo>
                      <a:pt x="68" y="19"/>
                    </a:lnTo>
                    <a:lnTo>
                      <a:pt x="68" y="17"/>
                    </a:lnTo>
                    <a:lnTo>
                      <a:pt x="70" y="17"/>
                    </a:lnTo>
                    <a:lnTo>
                      <a:pt x="70" y="19"/>
                    </a:lnTo>
                    <a:lnTo>
                      <a:pt x="72" y="19"/>
                    </a:lnTo>
                    <a:lnTo>
                      <a:pt x="72" y="19"/>
                    </a:lnTo>
                    <a:lnTo>
                      <a:pt x="74" y="19"/>
                    </a:lnTo>
                    <a:lnTo>
                      <a:pt x="76" y="21"/>
                    </a:lnTo>
                    <a:lnTo>
                      <a:pt x="77" y="21"/>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grpSp>
          <p:nvGrpSpPr>
            <p:cNvPr id="62" name="Gruppieren 61"/>
            <p:cNvGrpSpPr/>
            <p:nvPr/>
          </p:nvGrpSpPr>
          <p:grpSpPr>
            <a:xfrm>
              <a:off x="6668556" y="2606542"/>
              <a:ext cx="438880" cy="453474"/>
              <a:chOff x="8472487" y="1350962"/>
              <a:chExt cx="668338" cy="690563"/>
            </a:xfrm>
          </p:grpSpPr>
          <p:sp>
            <p:nvSpPr>
              <p:cNvPr id="63" name="Freeform 175"/>
              <p:cNvSpPr>
                <a:spLocks/>
              </p:cNvSpPr>
              <p:nvPr/>
            </p:nvSpPr>
            <p:spPr bwMode="auto">
              <a:xfrm>
                <a:off x="8472487" y="1544637"/>
                <a:ext cx="425450" cy="496888"/>
              </a:xfrm>
              <a:custGeom>
                <a:avLst/>
                <a:gdLst>
                  <a:gd name="T0" fmla="*/ 48 w 268"/>
                  <a:gd name="T1" fmla="*/ 80 h 313"/>
                  <a:gd name="T2" fmla="*/ 52 w 268"/>
                  <a:gd name="T3" fmla="*/ 69 h 313"/>
                  <a:gd name="T4" fmla="*/ 64 w 268"/>
                  <a:gd name="T5" fmla="*/ 65 h 313"/>
                  <a:gd name="T6" fmla="*/ 72 w 268"/>
                  <a:gd name="T7" fmla="*/ 61 h 313"/>
                  <a:gd name="T8" fmla="*/ 70 w 268"/>
                  <a:gd name="T9" fmla="*/ 50 h 313"/>
                  <a:gd name="T10" fmla="*/ 66 w 268"/>
                  <a:gd name="T11" fmla="*/ 41 h 313"/>
                  <a:gd name="T12" fmla="*/ 66 w 268"/>
                  <a:gd name="T13" fmla="*/ 26 h 313"/>
                  <a:gd name="T14" fmla="*/ 59 w 268"/>
                  <a:gd name="T15" fmla="*/ 15 h 313"/>
                  <a:gd name="T16" fmla="*/ 57 w 268"/>
                  <a:gd name="T17" fmla="*/ 7 h 313"/>
                  <a:gd name="T18" fmla="*/ 68 w 268"/>
                  <a:gd name="T19" fmla="*/ 6 h 313"/>
                  <a:gd name="T20" fmla="*/ 81 w 268"/>
                  <a:gd name="T21" fmla="*/ 7 h 313"/>
                  <a:gd name="T22" fmla="*/ 90 w 268"/>
                  <a:gd name="T23" fmla="*/ 2 h 313"/>
                  <a:gd name="T24" fmla="*/ 94 w 268"/>
                  <a:gd name="T25" fmla="*/ 11 h 313"/>
                  <a:gd name="T26" fmla="*/ 101 w 268"/>
                  <a:gd name="T27" fmla="*/ 17 h 313"/>
                  <a:gd name="T28" fmla="*/ 111 w 268"/>
                  <a:gd name="T29" fmla="*/ 19 h 313"/>
                  <a:gd name="T30" fmla="*/ 120 w 268"/>
                  <a:gd name="T31" fmla="*/ 20 h 313"/>
                  <a:gd name="T32" fmla="*/ 125 w 268"/>
                  <a:gd name="T33" fmla="*/ 24 h 313"/>
                  <a:gd name="T34" fmla="*/ 131 w 268"/>
                  <a:gd name="T35" fmla="*/ 32 h 313"/>
                  <a:gd name="T36" fmla="*/ 151 w 268"/>
                  <a:gd name="T37" fmla="*/ 37 h 313"/>
                  <a:gd name="T38" fmla="*/ 161 w 268"/>
                  <a:gd name="T39" fmla="*/ 33 h 313"/>
                  <a:gd name="T40" fmla="*/ 166 w 268"/>
                  <a:gd name="T41" fmla="*/ 39 h 313"/>
                  <a:gd name="T42" fmla="*/ 179 w 268"/>
                  <a:gd name="T43" fmla="*/ 59 h 313"/>
                  <a:gd name="T44" fmla="*/ 190 w 268"/>
                  <a:gd name="T45" fmla="*/ 65 h 313"/>
                  <a:gd name="T46" fmla="*/ 223 w 268"/>
                  <a:gd name="T47" fmla="*/ 80 h 313"/>
                  <a:gd name="T48" fmla="*/ 268 w 268"/>
                  <a:gd name="T49" fmla="*/ 104 h 313"/>
                  <a:gd name="T50" fmla="*/ 264 w 268"/>
                  <a:gd name="T51" fmla="*/ 115 h 313"/>
                  <a:gd name="T52" fmla="*/ 262 w 268"/>
                  <a:gd name="T53" fmla="*/ 135 h 313"/>
                  <a:gd name="T54" fmla="*/ 259 w 268"/>
                  <a:gd name="T55" fmla="*/ 141 h 313"/>
                  <a:gd name="T56" fmla="*/ 255 w 268"/>
                  <a:gd name="T57" fmla="*/ 150 h 313"/>
                  <a:gd name="T58" fmla="*/ 259 w 268"/>
                  <a:gd name="T59" fmla="*/ 163 h 313"/>
                  <a:gd name="T60" fmla="*/ 251 w 268"/>
                  <a:gd name="T61" fmla="*/ 172 h 313"/>
                  <a:gd name="T62" fmla="*/ 247 w 268"/>
                  <a:gd name="T63" fmla="*/ 194 h 313"/>
                  <a:gd name="T64" fmla="*/ 240 w 268"/>
                  <a:gd name="T65" fmla="*/ 211 h 313"/>
                  <a:gd name="T66" fmla="*/ 235 w 268"/>
                  <a:gd name="T67" fmla="*/ 224 h 313"/>
                  <a:gd name="T68" fmla="*/ 227 w 268"/>
                  <a:gd name="T69" fmla="*/ 235 h 313"/>
                  <a:gd name="T70" fmla="*/ 218 w 268"/>
                  <a:gd name="T71" fmla="*/ 244 h 313"/>
                  <a:gd name="T72" fmla="*/ 207 w 268"/>
                  <a:gd name="T73" fmla="*/ 252 h 313"/>
                  <a:gd name="T74" fmla="*/ 198 w 268"/>
                  <a:gd name="T75" fmla="*/ 259 h 313"/>
                  <a:gd name="T76" fmla="*/ 188 w 268"/>
                  <a:gd name="T77" fmla="*/ 270 h 313"/>
                  <a:gd name="T78" fmla="*/ 179 w 268"/>
                  <a:gd name="T79" fmla="*/ 276 h 313"/>
                  <a:gd name="T80" fmla="*/ 168 w 268"/>
                  <a:gd name="T81" fmla="*/ 283 h 313"/>
                  <a:gd name="T82" fmla="*/ 149 w 268"/>
                  <a:gd name="T83" fmla="*/ 289 h 313"/>
                  <a:gd name="T84" fmla="*/ 138 w 268"/>
                  <a:gd name="T85" fmla="*/ 298 h 313"/>
                  <a:gd name="T86" fmla="*/ 124 w 268"/>
                  <a:gd name="T87" fmla="*/ 305 h 313"/>
                  <a:gd name="T88" fmla="*/ 107 w 268"/>
                  <a:gd name="T89" fmla="*/ 311 h 313"/>
                  <a:gd name="T90" fmla="*/ 87 w 268"/>
                  <a:gd name="T91" fmla="*/ 300 h 313"/>
                  <a:gd name="T92" fmla="*/ 76 w 268"/>
                  <a:gd name="T93" fmla="*/ 294 h 313"/>
                  <a:gd name="T94" fmla="*/ 61 w 268"/>
                  <a:gd name="T95" fmla="*/ 292 h 313"/>
                  <a:gd name="T96" fmla="*/ 52 w 268"/>
                  <a:gd name="T97" fmla="*/ 285 h 313"/>
                  <a:gd name="T98" fmla="*/ 39 w 268"/>
                  <a:gd name="T99" fmla="*/ 261 h 313"/>
                  <a:gd name="T100" fmla="*/ 35 w 268"/>
                  <a:gd name="T101" fmla="*/ 248 h 313"/>
                  <a:gd name="T102" fmla="*/ 15 w 268"/>
                  <a:gd name="T103" fmla="*/ 205 h 313"/>
                  <a:gd name="T104" fmla="*/ 7 w 268"/>
                  <a:gd name="T105" fmla="*/ 196 h 313"/>
                  <a:gd name="T106" fmla="*/ 7 w 268"/>
                  <a:gd name="T107" fmla="*/ 187 h 313"/>
                  <a:gd name="T108" fmla="*/ 9 w 268"/>
                  <a:gd name="T109" fmla="*/ 170 h 313"/>
                  <a:gd name="T110" fmla="*/ 9 w 268"/>
                  <a:gd name="T111" fmla="*/ 155 h 313"/>
                  <a:gd name="T112" fmla="*/ 9 w 268"/>
                  <a:gd name="T113" fmla="*/ 146 h 313"/>
                  <a:gd name="T114" fmla="*/ 5 w 268"/>
                  <a:gd name="T115" fmla="*/ 137 h 313"/>
                  <a:gd name="T116" fmla="*/ 3 w 268"/>
                  <a:gd name="T117" fmla="*/ 130 h 313"/>
                  <a:gd name="T118" fmla="*/ 18 w 268"/>
                  <a:gd name="T119" fmla="*/ 122 h 313"/>
                  <a:gd name="T120" fmla="*/ 33 w 268"/>
                  <a:gd name="T121" fmla="*/ 94 h 3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268" h="313">
                    <a:moveTo>
                      <a:pt x="46" y="89"/>
                    </a:moveTo>
                    <a:lnTo>
                      <a:pt x="48" y="89"/>
                    </a:lnTo>
                    <a:lnTo>
                      <a:pt x="50" y="89"/>
                    </a:lnTo>
                    <a:lnTo>
                      <a:pt x="50" y="87"/>
                    </a:lnTo>
                    <a:lnTo>
                      <a:pt x="50" y="85"/>
                    </a:lnTo>
                    <a:lnTo>
                      <a:pt x="48" y="85"/>
                    </a:lnTo>
                    <a:lnTo>
                      <a:pt x="48" y="83"/>
                    </a:lnTo>
                    <a:lnTo>
                      <a:pt x="48" y="81"/>
                    </a:lnTo>
                    <a:lnTo>
                      <a:pt x="48" y="80"/>
                    </a:lnTo>
                    <a:lnTo>
                      <a:pt x="46" y="80"/>
                    </a:lnTo>
                    <a:lnTo>
                      <a:pt x="46" y="78"/>
                    </a:lnTo>
                    <a:lnTo>
                      <a:pt x="46" y="76"/>
                    </a:lnTo>
                    <a:lnTo>
                      <a:pt x="46" y="74"/>
                    </a:lnTo>
                    <a:lnTo>
                      <a:pt x="46" y="72"/>
                    </a:lnTo>
                    <a:lnTo>
                      <a:pt x="48" y="72"/>
                    </a:lnTo>
                    <a:lnTo>
                      <a:pt x="50" y="70"/>
                    </a:lnTo>
                    <a:lnTo>
                      <a:pt x="50" y="69"/>
                    </a:lnTo>
                    <a:lnTo>
                      <a:pt x="52" y="69"/>
                    </a:lnTo>
                    <a:lnTo>
                      <a:pt x="53" y="69"/>
                    </a:lnTo>
                    <a:lnTo>
                      <a:pt x="55" y="69"/>
                    </a:lnTo>
                    <a:lnTo>
                      <a:pt x="57" y="69"/>
                    </a:lnTo>
                    <a:lnTo>
                      <a:pt x="57" y="67"/>
                    </a:lnTo>
                    <a:lnTo>
                      <a:pt x="59" y="67"/>
                    </a:lnTo>
                    <a:lnTo>
                      <a:pt x="61" y="67"/>
                    </a:lnTo>
                    <a:lnTo>
                      <a:pt x="63" y="67"/>
                    </a:lnTo>
                    <a:lnTo>
                      <a:pt x="64" y="67"/>
                    </a:lnTo>
                    <a:lnTo>
                      <a:pt x="64" y="65"/>
                    </a:lnTo>
                    <a:lnTo>
                      <a:pt x="66" y="65"/>
                    </a:lnTo>
                    <a:lnTo>
                      <a:pt x="66" y="63"/>
                    </a:lnTo>
                    <a:lnTo>
                      <a:pt x="68" y="63"/>
                    </a:lnTo>
                    <a:lnTo>
                      <a:pt x="70" y="63"/>
                    </a:lnTo>
                    <a:lnTo>
                      <a:pt x="72" y="63"/>
                    </a:lnTo>
                    <a:lnTo>
                      <a:pt x="70" y="61"/>
                    </a:lnTo>
                    <a:lnTo>
                      <a:pt x="72" y="61"/>
                    </a:lnTo>
                    <a:lnTo>
                      <a:pt x="72" y="63"/>
                    </a:lnTo>
                    <a:lnTo>
                      <a:pt x="72" y="61"/>
                    </a:lnTo>
                    <a:lnTo>
                      <a:pt x="74" y="61"/>
                    </a:lnTo>
                    <a:lnTo>
                      <a:pt x="76" y="61"/>
                    </a:lnTo>
                    <a:lnTo>
                      <a:pt x="76" y="59"/>
                    </a:lnTo>
                    <a:lnTo>
                      <a:pt x="74" y="57"/>
                    </a:lnTo>
                    <a:lnTo>
                      <a:pt x="74" y="56"/>
                    </a:lnTo>
                    <a:lnTo>
                      <a:pt x="72" y="56"/>
                    </a:lnTo>
                    <a:lnTo>
                      <a:pt x="72" y="54"/>
                    </a:lnTo>
                    <a:lnTo>
                      <a:pt x="70" y="52"/>
                    </a:lnTo>
                    <a:lnTo>
                      <a:pt x="70" y="50"/>
                    </a:lnTo>
                    <a:lnTo>
                      <a:pt x="68" y="50"/>
                    </a:lnTo>
                    <a:lnTo>
                      <a:pt x="68" y="48"/>
                    </a:lnTo>
                    <a:lnTo>
                      <a:pt x="68" y="46"/>
                    </a:lnTo>
                    <a:lnTo>
                      <a:pt x="70" y="44"/>
                    </a:lnTo>
                    <a:lnTo>
                      <a:pt x="68" y="43"/>
                    </a:lnTo>
                    <a:lnTo>
                      <a:pt x="68" y="44"/>
                    </a:lnTo>
                    <a:lnTo>
                      <a:pt x="68" y="43"/>
                    </a:lnTo>
                    <a:lnTo>
                      <a:pt x="66" y="43"/>
                    </a:lnTo>
                    <a:lnTo>
                      <a:pt x="66" y="41"/>
                    </a:lnTo>
                    <a:lnTo>
                      <a:pt x="66" y="39"/>
                    </a:lnTo>
                    <a:lnTo>
                      <a:pt x="64" y="39"/>
                    </a:lnTo>
                    <a:lnTo>
                      <a:pt x="64" y="37"/>
                    </a:lnTo>
                    <a:lnTo>
                      <a:pt x="64" y="35"/>
                    </a:lnTo>
                    <a:lnTo>
                      <a:pt x="63" y="33"/>
                    </a:lnTo>
                    <a:lnTo>
                      <a:pt x="64" y="32"/>
                    </a:lnTo>
                    <a:lnTo>
                      <a:pt x="66" y="30"/>
                    </a:lnTo>
                    <a:lnTo>
                      <a:pt x="66" y="28"/>
                    </a:lnTo>
                    <a:lnTo>
                      <a:pt x="66" y="26"/>
                    </a:lnTo>
                    <a:lnTo>
                      <a:pt x="66" y="24"/>
                    </a:lnTo>
                    <a:lnTo>
                      <a:pt x="66" y="22"/>
                    </a:lnTo>
                    <a:lnTo>
                      <a:pt x="64" y="22"/>
                    </a:lnTo>
                    <a:lnTo>
                      <a:pt x="66" y="20"/>
                    </a:lnTo>
                    <a:lnTo>
                      <a:pt x="64" y="20"/>
                    </a:lnTo>
                    <a:lnTo>
                      <a:pt x="64" y="19"/>
                    </a:lnTo>
                    <a:lnTo>
                      <a:pt x="63" y="19"/>
                    </a:lnTo>
                    <a:lnTo>
                      <a:pt x="61" y="17"/>
                    </a:lnTo>
                    <a:lnTo>
                      <a:pt x="59" y="15"/>
                    </a:lnTo>
                    <a:lnTo>
                      <a:pt x="59" y="13"/>
                    </a:lnTo>
                    <a:lnTo>
                      <a:pt x="57" y="13"/>
                    </a:lnTo>
                    <a:lnTo>
                      <a:pt x="55" y="13"/>
                    </a:lnTo>
                    <a:lnTo>
                      <a:pt x="55" y="11"/>
                    </a:lnTo>
                    <a:lnTo>
                      <a:pt x="53" y="11"/>
                    </a:lnTo>
                    <a:lnTo>
                      <a:pt x="53" y="9"/>
                    </a:lnTo>
                    <a:lnTo>
                      <a:pt x="55" y="9"/>
                    </a:lnTo>
                    <a:lnTo>
                      <a:pt x="57" y="9"/>
                    </a:lnTo>
                    <a:lnTo>
                      <a:pt x="57" y="7"/>
                    </a:lnTo>
                    <a:lnTo>
                      <a:pt x="59" y="7"/>
                    </a:lnTo>
                    <a:lnTo>
                      <a:pt x="61" y="7"/>
                    </a:lnTo>
                    <a:lnTo>
                      <a:pt x="61" y="9"/>
                    </a:lnTo>
                    <a:lnTo>
                      <a:pt x="63" y="9"/>
                    </a:lnTo>
                    <a:lnTo>
                      <a:pt x="63" y="7"/>
                    </a:lnTo>
                    <a:lnTo>
                      <a:pt x="63" y="6"/>
                    </a:lnTo>
                    <a:lnTo>
                      <a:pt x="64" y="6"/>
                    </a:lnTo>
                    <a:lnTo>
                      <a:pt x="66" y="6"/>
                    </a:lnTo>
                    <a:lnTo>
                      <a:pt x="68" y="6"/>
                    </a:lnTo>
                    <a:lnTo>
                      <a:pt x="70" y="6"/>
                    </a:lnTo>
                    <a:lnTo>
                      <a:pt x="70" y="7"/>
                    </a:lnTo>
                    <a:lnTo>
                      <a:pt x="72" y="7"/>
                    </a:lnTo>
                    <a:lnTo>
                      <a:pt x="74" y="7"/>
                    </a:lnTo>
                    <a:lnTo>
                      <a:pt x="74" y="6"/>
                    </a:lnTo>
                    <a:lnTo>
                      <a:pt x="76" y="6"/>
                    </a:lnTo>
                    <a:lnTo>
                      <a:pt x="77" y="6"/>
                    </a:lnTo>
                    <a:lnTo>
                      <a:pt x="79" y="6"/>
                    </a:lnTo>
                    <a:lnTo>
                      <a:pt x="81" y="7"/>
                    </a:lnTo>
                    <a:lnTo>
                      <a:pt x="83" y="7"/>
                    </a:lnTo>
                    <a:lnTo>
                      <a:pt x="85" y="7"/>
                    </a:lnTo>
                    <a:lnTo>
                      <a:pt x="85" y="6"/>
                    </a:lnTo>
                    <a:lnTo>
                      <a:pt x="85" y="4"/>
                    </a:lnTo>
                    <a:lnTo>
                      <a:pt x="85" y="2"/>
                    </a:lnTo>
                    <a:lnTo>
                      <a:pt x="87" y="2"/>
                    </a:lnTo>
                    <a:lnTo>
                      <a:pt x="88" y="2"/>
                    </a:lnTo>
                    <a:lnTo>
                      <a:pt x="90" y="0"/>
                    </a:lnTo>
                    <a:lnTo>
                      <a:pt x="90" y="2"/>
                    </a:lnTo>
                    <a:lnTo>
                      <a:pt x="92" y="2"/>
                    </a:lnTo>
                    <a:lnTo>
                      <a:pt x="94" y="2"/>
                    </a:lnTo>
                    <a:lnTo>
                      <a:pt x="94" y="4"/>
                    </a:lnTo>
                    <a:lnTo>
                      <a:pt x="94" y="6"/>
                    </a:lnTo>
                    <a:lnTo>
                      <a:pt x="94" y="7"/>
                    </a:lnTo>
                    <a:lnTo>
                      <a:pt x="92" y="7"/>
                    </a:lnTo>
                    <a:lnTo>
                      <a:pt x="92" y="9"/>
                    </a:lnTo>
                    <a:lnTo>
                      <a:pt x="94" y="9"/>
                    </a:lnTo>
                    <a:lnTo>
                      <a:pt x="94" y="11"/>
                    </a:lnTo>
                    <a:lnTo>
                      <a:pt x="92" y="11"/>
                    </a:lnTo>
                    <a:lnTo>
                      <a:pt x="92" y="13"/>
                    </a:lnTo>
                    <a:lnTo>
                      <a:pt x="92" y="15"/>
                    </a:lnTo>
                    <a:lnTo>
                      <a:pt x="94" y="15"/>
                    </a:lnTo>
                    <a:lnTo>
                      <a:pt x="96" y="15"/>
                    </a:lnTo>
                    <a:lnTo>
                      <a:pt x="98" y="15"/>
                    </a:lnTo>
                    <a:lnTo>
                      <a:pt x="98" y="17"/>
                    </a:lnTo>
                    <a:lnTo>
                      <a:pt x="100" y="17"/>
                    </a:lnTo>
                    <a:lnTo>
                      <a:pt x="101" y="17"/>
                    </a:lnTo>
                    <a:lnTo>
                      <a:pt x="103" y="17"/>
                    </a:lnTo>
                    <a:lnTo>
                      <a:pt x="103" y="19"/>
                    </a:lnTo>
                    <a:lnTo>
                      <a:pt x="103" y="20"/>
                    </a:lnTo>
                    <a:lnTo>
                      <a:pt x="105" y="20"/>
                    </a:lnTo>
                    <a:lnTo>
                      <a:pt x="105" y="19"/>
                    </a:lnTo>
                    <a:lnTo>
                      <a:pt x="107" y="20"/>
                    </a:lnTo>
                    <a:lnTo>
                      <a:pt x="109" y="20"/>
                    </a:lnTo>
                    <a:lnTo>
                      <a:pt x="109" y="19"/>
                    </a:lnTo>
                    <a:lnTo>
                      <a:pt x="111" y="19"/>
                    </a:lnTo>
                    <a:lnTo>
                      <a:pt x="111" y="17"/>
                    </a:lnTo>
                    <a:lnTo>
                      <a:pt x="113" y="15"/>
                    </a:lnTo>
                    <a:lnTo>
                      <a:pt x="114" y="15"/>
                    </a:lnTo>
                    <a:lnTo>
                      <a:pt x="116" y="15"/>
                    </a:lnTo>
                    <a:lnTo>
                      <a:pt x="116" y="17"/>
                    </a:lnTo>
                    <a:lnTo>
                      <a:pt x="118" y="17"/>
                    </a:lnTo>
                    <a:lnTo>
                      <a:pt x="120" y="17"/>
                    </a:lnTo>
                    <a:lnTo>
                      <a:pt x="120" y="19"/>
                    </a:lnTo>
                    <a:lnTo>
                      <a:pt x="120" y="20"/>
                    </a:lnTo>
                    <a:lnTo>
                      <a:pt x="122" y="20"/>
                    </a:lnTo>
                    <a:lnTo>
                      <a:pt x="122" y="19"/>
                    </a:lnTo>
                    <a:lnTo>
                      <a:pt x="124" y="19"/>
                    </a:lnTo>
                    <a:lnTo>
                      <a:pt x="124" y="20"/>
                    </a:lnTo>
                    <a:lnTo>
                      <a:pt x="125" y="22"/>
                    </a:lnTo>
                    <a:lnTo>
                      <a:pt x="125" y="20"/>
                    </a:lnTo>
                    <a:lnTo>
                      <a:pt x="127" y="22"/>
                    </a:lnTo>
                    <a:lnTo>
                      <a:pt x="125" y="22"/>
                    </a:lnTo>
                    <a:lnTo>
                      <a:pt x="125" y="24"/>
                    </a:lnTo>
                    <a:lnTo>
                      <a:pt x="125" y="22"/>
                    </a:lnTo>
                    <a:lnTo>
                      <a:pt x="125" y="24"/>
                    </a:lnTo>
                    <a:lnTo>
                      <a:pt x="125" y="26"/>
                    </a:lnTo>
                    <a:lnTo>
                      <a:pt x="127" y="26"/>
                    </a:lnTo>
                    <a:lnTo>
                      <a:pt x="127" y="28"/>
                    </a:lnTo>
                    <a:lnTo>
                      <a:pt x="129" y="28"/>
                    </a:lnTo>
                    <a:lnTo>
                      <a:pt x="129" y="30"/>
                    </a:lnTo>
                    <a:lnTo>
                      <a:pt x="131" y="30"/>
                    </a:lnTo>
                    <a:lnTo>
                      <a:pt x="131" y="32"/>
                    </a:lnTo>
                    <a:lnTo>
                      <a:pt x="133" y="33"/>
                    </a:lnTo>
                    <a:lnTo>
                      <a:pt x="135" y="35"/>
                    </a:lnTo>
                    <a:lnTo>
                      <a:pt x="140" y="37"/>
                    </a:lnTo>
                    <a:lnTo>
                      <a:pt x="144" y="37"/>
                    </a:lnTo>
                    <a:lnTo>
                      <a:pt x="146" y="35"/>
                    </a:lnTo>
                    <a:lnTo>
                      <a:pt x="148" y="35"/>
                    </a:lnTo>
                    <a:lnTo>
                      <a:pt x="149" y="35"/>
                    </a:lnTo>
                    <a:lnTo>
                      <a:pt x="151" y="35"/>
                    </a:lnTo>
                    <a:lnTo>
                      <a:pt x="151" y="37"/>
                    </a:lnTo>
                    <a:lnTo>
                      <a:pt x="153" y="37"/>
                    </a:lnTo>
                    <a:lnTo>
                      <a:pt x="153" y="39"/>
                    </a:lnTo>
                    <a:lnTo>
                      <a:pt x="155" y="39"/>
                    </a:lnTo>
                    <a:lnTo>
                      <a:pt x="155" y="37"/>
                    </a:lnTo>
                    <a:lnTo>
                      <a:pt x="157" y="37"/>
                    </a:lnTo>
                    <a:lnTo>
                      <a:pt x="157" y="35"/>
                    </a:lnTo>
                    <a:lnTo>
                      <a:pt x="159" y="35"/>
                    </a:lnTo>
                    <a:lnTo>
                      <a:pt x="161" y="35"/>
                    </a:lnTo>
                    <a:lnTo>
                      <a:pt x="161" y="33"/>
                    </a:lnTo>
                    <a:lnTo>
                      <a:pt x="162" y="33"/>
                    </a:lnTo>
                    <a:lnTo>
                      <a:pt x="162" y="32"/>
                    </a:lnTo>
                    <a:lnTo>
                      <a:pt x="164" y="32"/>
                    </a:lnTo>
                    <a:lnTo>
                      <a:pt x="166" y="32"/>
                    </a:lnTo>
                    <a:lnTo>
                      <a:pt x="166" y="33"/>
                    </a:lnTo>
                    <a:lnTo>
                      <a:pt x="164" y="33"/>
                    </a:lnTo>
                    <a:lnTo>
                      <a:pt x="166" y="35"/>
                    </a:lnTo>
                    <a:lnTo>
                      <a:pt x="166" y="37"/>
                    </a:lnTo>
                    <a:lnTo>
                      <a:pt x="166" y="39"/>
                    </a:lnTo>
                    <a:lnTo>
                      <a:pt x="166" y="41"/>
                    </a:lnTo>
                    <a:lnTo>
                      <a:pt x="166" y="43"/>
                    </a:lnTo>
                    <a:lnTo>
                      <a:pt x="168" y="43"/>
                    </a:lnTo>
                    <a:lnTo>
                      <a:pt x="168" y="44"/>
                    </a:lnTo>
                    <a:lnTo>
                      <a:pt x="168" y="46"/>
                    </a:lnTo>
                    <a:lnTo>
                      <a:pt x="170" y="46"/>
                    </a:lnTo>
                    <a:lnTo>
                      <a:pt x="172" y="54"/>
                    </a:lnTo>
                    <a:lnTo>
                      <a:pt x="175" y="61"/>
                    </a:lnTo>
                    <a:lnTo>
                      <a:pt x="179" y="59"/>
                    </a:lnTo>
                    <a:lnTo>
                      <a:pt x="181" y="61"/>
                    </a:lnTo>
                    <a:lnTo>
                      <a:pt x="183" y="63"/>
                    </a:lnTo>
                    <a:lnTo>
                      <a:pt x="183" y="61"/>
                    </a:lnTo>
                    <a:lnTo>
                      <a:pt x="185" y="61"/>
                    </a:lnTo>
                    <a:lnTo>
                      <a:pt x="185" y="59"/>
                    </a:lnTo>
                    <a:lnTo>
                      <a:pt x="186" y="61"/>
                    </a:lnTo>
                    <a:lnTo>
                      <a:pt x="188" y="61"/>
                    </a:lnTo>
                    <a:lnTo>
                      <a:pt x="190" y="63"/>
                    </a:lnTo>
                    <a:lnTo>
                      <a:pt x="190" y="65"/>
                    </a:lnTo>
                    <a:lnTo>
                      <a:pt x="192" y="65"/>
                    </a:lnTo>
                    <a:lnTo>
                      <a:pt x="198" y="69"/>
                    </a:lnTo>
                    <a:lnTo>
                      <a:pt x="201" y="70"/>
                    </a:lnTo>
                    <a:lnTo>
                      <a:pt x="207" y="74"/>
                    </a:lnTo>
                    <a:lnTo>
                      <a:pt x="212" y="78"/>
                    </a:lnTo>
                    <a:lnTo>
                      <a:pt x="214" y="81"/>
                    </a:lnTo>
                    <a:lnTo>
                      <a:pt x="216" y="80"/>
                    </a:lnTo>
                    <a:lnTo>
                      <a:pt x="218" y="80"/>
                    </a:lnTo>
                    <a:lnTo>
                      <a:pt x="223" y="80"/>
                    </a:lnTo>
                    <a:lnTo>
                      <a:pt x="235" y="80"/>
                    </a:lnTo>
                    <a:lnTo>
                      <a:pt x="244" y="72"/>
                    </a:lnTo>
                    <a:lnTo>
                      <a:pt x="266" y="78"/>
                    </a:lnTo>
                    <a:lnTo>
                      <a:pt x="266" y="83"/>
                    </a:lnTo>
                    <a:lnTo>
                      <a:pt x="266" y="93"/>
                    </a:lnTo>
                    <a:lnTo>
                      <a:pt x="266" y="98"/>
                    </a:lnTo>
                    <a:lnTo>
                      <a:pt x="266" y="100"/>
                    </a:lnTo>
                    <a:lnTo>
                      <a:pt x="266" y="104"/>
                    </a:lnTo>
                    <a:lnTo>
                      <a:pt x="268" y="104"/>
                    </a:lnTo>
                    <a:lnTo>
                      <a:pt x="268" y="106"/>
                    </a:lnTo>
                    <a:lnTo>
                      <a:pt x="266" y="106"/>
                    </a:lnTo>
                    <a:lnTo>
                      <a:pt x="266" y="107"/>
                    </a:lnTo>
                    <a:lnTo>
                      <a:pt x="266" y="109"/>
                    </a:lnTo>
                    <a:lnTo>
                      <a:pt x="266" y="111"/>
                    </a:lnTo>
                    <a:lnTo>
                      <a:pt x="266" y="113"/>
                    </a:lnTo>
                    <a:lnTo>
                      <a:pt x="264" y="115"/>
                    </a:lnTo>
                    <a:lnTo>
                      <a:pt x="264" y="113"/>
                    </a:lnTo>
                    <a:lnTo>
                      <a:pt x="264" y="115"/>
                    </a:lnTo>
                    <a:lnTo>
                      <a:pt x="264" y="117"/>
                    </a:lnTo>
                    <a:lnTo>
                      <a:pt x="264" y="118"/>
                    </a:lnTo>
                    <a:lnTo>
                      <a:pt x="262" y="118"/>
                    </a:lnTo>
                    <a:lnTo>
                      <a:pt x="262" y="120"/>
                    </a:lnTo>
                    <a:lnTo>
                      <a:pt x="264" y="120"/>
                    </a:lnTo>
                    <a:lnTo>
                      <a:pt x="264" y="122"/>
                    </a:lnTo>
                    <a:lnTo>
                      <a:pt x="262" y="131"/>
                    </a:lnTo>
                    <a:lnTo>
                      <a:pt x="262" y="133"/>
                    </a:lnTo>
                    <a:lnTo>
                      <a:pt x="262" y="135"/>
                    </a:lnTo>
                    <a:lnTo>
                      <a:pt x="262" y="137"/>
                    </a:lnTo>
                    <a:lnTo>
                      <a:pt x="260" y="137"/>
                    </a:lnTo>
                    <a:lnTo>
                      <a:pt x="262" y="137"/>
                    </a:lnTo>
                    <a:lnTo>
                      <a:pt x="260" y="137"/>
                    </a:lnTo>
                    <a:lnTo>
                      <a:pt x="259" y="137"/>
                    </a:lnTo>
                    <a:lnTo>
                      <a:pt x="259" y="139"/>
                    </a:lnTo>
                    <a:lnTo>
                      <a:pt x="259" y="141"/>
                    </a:lnTo>
                    <a:lnTo>
                      <a:pt x="260" y="141"/>
                    </a:lnTo>
                    <a:lnTo>
                      <a:pt x="259" y="141"/>
                    </a:lnTo>
                    <a:lnTo>
                      <a:pt x="259" y="142"/>
                    </a:lnTo>
                    <a:lnTo>
                      <a:pt x="257" y="142"/>
                    </a:lnTo>
                    <a:lnTo>
                      <a:pt x="257" y="144"/>
                    </a:lnTo>
                    <a:lnTo>
                      <a:pt x="255" y="144"/>
                    </a:lnTo>
                    <a:lnTo>
                      <a:pt x="255" y="146"/>
                    </a:lnTo>
                    <a:lnTo>
                      <a:pt x="255" y="148"/>
                    </a:lnTo>
                    <a:lnTo>
                      <a:pt x="253" y="148"/>
                    </a:lnTo>
                    <a:lnTo>
                      <a:pt x="255" y="148"/>
                    </a:lnTo>
                    <a:lnTo>
                      <a:pt x="255" y="150"/>
                    </a:lnTo>
                    <a:lnTo>
                      <a:pt x="255" y="152"/>
                    </a:lnTo>
                    <a:lnTo>
                      <a:pt x="255" y="154"/>
                    </a:lnTo>
                    <a:lnTo>
                      <a:pt x="257" y="154"/>
                    </a:lnTo>
                    <a:lnTo>
                      <a:pt x="257" y="155"/>
                    </a:lnTo>
                    <a:lnTo>
                      <a:pt x="257" y="157"/>
                    </a:lnTo>
                    <a:lnTo>
                      <a:pt x="259" y="157"/>
                    </a:lnTo>
                    <a:lnTo>
                      <a:pt x="259" y="159"/>
                    </a:lnTo>
                    <a:lnTo>
                      <a:pt x="259" y="161"/>
                    </a:lnTo>
                    <a:lnTo>
                      <a:pt x="259" y="163"/>
                    </a:lnTo>
                    <a:lnTo>
                      <a:pt x="257" y="165"/>
                    </a:lnTo>
                    <a:lnTo>
                      <a:pt x="255" y="165"/>
                    </a:lnTo>
                    <a:lnTo>
                      <a:pt x="255" y="167"/>
                    </a:lnTo>
                    <a:lnTo>
                      <a:pt x="253" y="167"/>
                    </a:lnTo>
                    <a:lnTo>
                      <a:pt x="251" y="167"/>
                    </a:lnTo>
                    <a:lnTo>
                      <a:pt x="251" y="168"/>
                    </a:lnTo>
                    <a:lnTo>
                      <a:pt x="251" y="170"/>
                    </a:lnTo>
                    <a:lnTo>
                      <a:pt x="249" y="170"/>
                    </a:lnTo>
                    <a:lnTo>
                      <a:pt x="251" y="172"/>
                    </a:lnTo>
                    <a:lnTo>
                      <a:pt x="251" y="174"/>
                    </a:lnTo>
                    <a:lnTo>
                      <a:pt x="251" y="176"/>
                    </a:lnTo>
                    <a:lnTo>
                      <a:pt x="251" y="178"/>
                    </a:lnTo>
                    <a:lnTo>
                      <a:pt x="251" y="179"/>
                    </a:lnTo>
                    <a:lnTo>
                      <a:pt x="251" y="181"/>
                    </a:lnTo>
                    <a:lnTo>
                      <a:pt x="251" y="185"/>
                    </a:lnTo>
                    <a:lnTo>
                      <a:pt x="249" y="189"/>
                    </a:lnTo>
                    <a:lnTo>
                      <a:pt x="247" y="191"/>
                    </a:lnTo>
                    <a:lnTo>
                      <a:pt x="247" y="194"/>
                    </a:lnTo>
                    <a:lnTo>
                      <a:pt x="247" y="196"/>
                    </a:lnTo>
                    <a:lnTo>
                      <a:pt x="249" y="196"/>
                    </a:lnTo>
                    <a:lnTo>
                      <a:pt x="249" y="198"/>
                    </a:lnTo>
                    <a:lnTo>
                      <a:pt x="247" y="200"/>
                    </a:lnTo>
                    <a:lnTo>
                      <a:pt x="247" y="204"/>
                    </a:lnTo>
                    <a:lnTo>
                      <a:pt x="246" y="207"/>
                    </a:lnTo>
                    <a:lnTo>
                      <a:pt x="244" y="209"/>
                    </a:lnTo>
                    <a:lnTo>
                      <a:pt x="242" y="211"/>
                    </a:lnTo>
                    <a:lnTo>
                      <a:pt x="240" y="211"/>
                    </a:lnTo>
                    <a:lnTo>
                      <a:pt x="240" y="213"/>
                    </a:lnTo>
                    <a:lnTo>
                      <a:pt x="238" y="215"/>
                    </a:lnTo>
                    <a:lnTo>
                      <a:pt x="238" y="216"/>
                    </a:lnTo>
                    <a:lnTo>
                      <a:pt x="238" y="218"/>
                    </a:lnTo>
                    <a:lnTo>
                      <a:pt x="236" y="218"/>
                    </a:lnTo>
                    <a:lnTo>
                      <a:pt x="236" y="220"/>
                    </a:lnTo>
                    <a:lnTo>
                      <a:pt x="235" y="220"/>
                    </a:lnTo>
                    <a:lnTo>
                      <a:pt x="235" y="222"/>
                    </a:lnTo>
                    <a:lnTo>
                      <a:pt x="235" y="224"/>
                    </a:lnTo>
                    <a:lnTo>
                      <a:pt x="233" y="224"/>
                    </a:lnTo>
                    <a:lnTo>
                      <a:pt x="233" y="226"/>
                    </a:lnTo>
                    <a:lnTo>
                      <a:pt x="233" y="228"/>
                    </a:lnTo>
                    <a:lnTo>
                      <a:pt x="231" y="228"/>
                    </a:lnTo>
                    <a:lnTo>
                      <a:pt x="231" y="229"/>
                    </a:lnTo>
                    <a:lnTo>
                      <a:pt x="231" y="231"/>
                    </a:lnTo>
                    <a:lnTo>
                      <a:pt x="229" y="231"/>
                    </a:lnTo>
                    <a:lnTo>
                      <a:pt x="229" y="233"/>
                    </a:lnTo>
                    <a:lnTo>
                      <a:pt x="227" y="235"/>
                    </a:lnTo>
                    <a:lnTo>
                      <a:pt x="225" y="235"/>
                    </a:lnTo>
                    <a:lnTo>
                      <a:pt x="225" y="237"/>
                    </a:lnTo>
                    <a:lnTo>
                      <a:pt x="223" y="237"/>
                    </a:lnTo>
                    <a:lnTo>
                      <a:pt x="223" y="239"/>
                    </a:lnTo>
                    <a:lnTo>
                      <a:pt x="222" y="239"/>
                    </a:lnTo>
                    <a:lnTo>
                      <a:pt x="220" y="241"/>
                    </a:lnTo>
                    <a:lnTo>
                      <a:pt x="220" y="242"/>
                    </a:lnTo>
                    <a:lnTo>
                      <a:pt x="218" y="242"/>
                    </a:lnTo>
                    <a:lnTo>
                      <a:pt x="218" y="244"/>
                    </a:lnTo>
                    <a:lnTo>
                      <a:pt x="216" y="246"/>
                    </a:lnTo>
                    <a:lnTo>
                      <a:pt x="214" y="246"/>
                    </a:lnTo>
                    <a:lnTo>
                      <a:pt x="214" y="248"/>
                    </a:lnTo>
                    <a:lnTo>
                      <a:pt x="212" y="248"/>
                    </a:lnTo>
                    <a:lnTo>
                      <a:pt x="212" y="250"/>
                    </a:lnTo>
                    <a:lnTo>
                      <a:pt x="210" y="250"/>
                    </a:lnTo>
                    <a:lnTo>
                      <a:pt x="209" y="250"/>
                    </a:lnTo>
                    <a:lnTo>
                      <a:pt x="209" y="252"/>
                    </a:lnTo>
                    <a:lnTo>
                      <a:pt x="207" y="252"/>
                    </a:lnTo>
                    <a:lnTo>
                      <a:pt x="207" y="253"/>
                    </a:lnTo>
                    <a:lnTo>
                      <a:pt x="205" y="253"/>
                    </a:lnTo>
                    <a:lnTo>
                      <a:pt x="205" y="255"/>
                    </a:lnTo>
                    <a:lnTo>
                      <a:pt x="203" y="255"/>
                    </a:lnTo>
                    <a:lnTo>
                      <a:pt x="201" y="257"/>
                    </a:lnTo>
                    <a:lnTo>
                      <a:pt x="201" y="255"/>
                    </a:lnTo>
                    <a:lnTo>
                      <a:pt x="201" y="257"/>
                    </a:lnTo>
                    <a:lnTo>
                      <a:pt x="199" y="257"/>
                    </a:lnTo>
                    <a:lnTo>
                      <a:pt x="198" y="259"/>
                    </a:lnTo>
                    <a:lnTo>
                      <a:pt x="198" y="261"/>
                    </a:lnTo>
                    <a:lnTo>
                      <a:pt x="198" y="263"/>
                    </a:lnTo>
                    <a:lnTo>
                      <a:pt x="196" y="263"/>
                    </a:lnTo>
                    <a:lnTo>
                      <a:pt x="194" y="265"/>
                    </a:lnTo>
                    <a:lnTo>
                      <a:pt x="194" y="266"/>
                    </a:lnTo>
                    <a:lnTo>
                      <a:pt x="192" y="266"/>
                    </a:lnTo>
                    <a:lnTo>
                      <a:pt x="192" y="268"/>
                    </a:lnTo>
                    <a:lnTo>
                      <a:pt x="190" y="268"/>
                    </a:lnTo>
                    <a:lnTo>
                      <a:pt x="188" y="270"/>
                    </a:lnTo>
                    <a:lnTo>
                      <a:pt x="186" y="270"/>
                    </a:lnTo>
                    <a:lnTo>
                      <a:pt x="186" y="272"/>
                    </a:lnTo>
                    <a:lnTo>
                      <a:pt x="185" y="272"/>
                    </a:lnTo>
                    <a:lnTo>
                      <a:pt x="183" y="274"/>
                    </a:lnTo>
                    <a:lnTo>
                      <a:pt x="183" y="276"/>
                    </a:lnTo>
                    <a:lnTo>
                      <a:pt x="181" y="276"/>
                    </a:lnTo>
                    <a:lnTo>
                      <a:pt x="181" y="278"/>
                    </a:lnTo>
                    <a:lnTo>
                      <a:pt x="181" y="276"/>
                    </a:lnTo>
                    <a:lnTo>
                      <a:pt x="179" y="276"/>
                    </a:lnTo>
                    <a:lnTo>
                      <a:pt x="177" y="278"/>
                    </a:lnTo>
                    <a:lnTo>
                      <a:pt x="175" y="278"/>
                    </a:lnTo>
                    <a:lnTo>
                      <a:pt x="174" y="278"/>
                    </a:lnTo>
                    <a:lnTo>
                      <a:pt x="174" y="279"/>
                    </a:lnTo>
                    <a:lnTo>
                      <a:pt x="172" y="279"/>
                    </a:lnTo>
                    <a:lnTo>
                      <a:pt x="170" y="279"/>
                    </a:lnTo>
                    <a:lnTo>
                      <a:pt x="170" y="281"/>
                    </a:lnTo>
                    <a:lnTo>
                      <a:pt x="168" y="281"/>
                    </a:lnTo>
                    <a:lnTo>
                      <a:pt x="168" y="283"/>
                    </a:lnTo>
                    <a:lnTo>
                      <a:pt x="166" y="283"/>
                    </a:lnTo>
                    <a:lnTo>
                      <a:pt x="166" y="285"/>
                    </a:lnTo>
                    <a:lnTo>
                      <a:pt x="164" y="285"/>
                    </a:lnTo>
                    <a:lnTo>
                      <a:pt x="155" y="283"/>
                    </a:lnTo>
                    <a:lnTo>
                      <a:pt x="153" y="285"/>
                    </a:lnTo>
                    <a:lnTo>
                      <a:pt x="151" y="287"/>
                    </a:lnTo>
                    <a:lnTo>
                      <a:pt x="151" y="285"/>
                    </a:lnTo>
                    <a:lnTo>
                      <a:pt x="149" y="287"/>
                    </a:lnTo>
                    <a:lnTo>
                      <a:pt x="149" y="289"/>
                    </a:lnTo>
                    <a:lnTo>
                      <a:pt x="146" y="289"/>
                    </a:lnTo>
                    <a:lnTo>
                      <a:pt x="146" y="290"/>
                    </a:lnTo>
                    <a:lnTo>
                      <a:pt x="144" y="290"/>
                    </a:lnTo>
                    <a:lnTo>
                      <a:pt x="144" y="292"/>
                    </a:lnTo>
                    <a:lnTo>
                      <a:pt x="142" y="292"/>
                    </a:lnTo>
                    <a:lnTo>
                      <a:pt x="142" y="294"/>
                    </a:lnTo>
                    <a:lnTo>
                      <a:pt x="140" y="296"/>
                    </a:lnTo>
                    <a:lnTo>
                      <a:pt x="138" y="296"/>
                    </a:lnTo>
                    <a:lnTo>
                      <a:pt x="138" y="298"/>
                    </a:lnTo>
                    <a:lnTo>
                      <a:pt x="137" y="300"/>
                    </a:lnTo>
                    <a:lnTo>
                      <a:pt x="137" y="302"/>
                    </a:lnTo>
                    <a:lnTo>
                      <a:pt x="135" y="303"/>
                    </a:lnTo>
                    <a:lnTo>
                      <a:pt x="133" y="303"/>
                    </a:lnTo>
                    <a:lnTo>
                      <a:pt x="133" y="305"/>
                    </a:lnTo>
                    <a:lnTo>
                      <a:pt x="129" y="305"/>
                    </a:lnTo>
                    <a:lnTo>
                      <a:pt x="127" y="305"/>
                    </a:lnTo>
                    <a:lnTo>
                      <a:pt x="125" y="305"/>
                    </a:lnTo>
                    <a:lnTo>
                      <a:pt x="124" y="305"/>
                    </a:lnTo>
                    <a:lnTo>
                      <a:pt x="120" y="307"/>
                    </a:lnTo>
                    <a:lnTo>
                      <a:pt x="118" y="307"/>
                    </a:lnTo>
                    <a:lnTo>
                      <a:pt x="116" y="309"/>
                    </a:lnTo>
                    <a:lnTo>
                      <a:pt x="114" y="309"/>
                    </a:lnTo>
                    <a:lnTo>
                      <a:pt x="113" y="309"/>
                    </a:lnTo>
                    <a:lnTo>
                      <a:pt x="113" y="311"/>
                    </a:lnTo>
                    <a:lnTo>
                      <a:pt x="111" y="311"/>
                    </a:lnTo>
                    <a:lnTo>
                      <a:pt x="109" y="311"/>
                    </a:lnTo>
                    <a:lnTo>
                      <a:pt x="107" y="311"/>
                    </a:lnTo>
                    <a:lnTo>
                      <a:pt x="105" y="313"/>
                    </a:lnTo>
                    <a:lnTo>
                      <a:pt x="100" y="309"/>
                    </a:lnTo>
                    <a:lnTo>
                      <a:pt x="96" y="307"/>
                    </a:lnTo>
                    <a:lnTo>
                      <a:pt x="94" y="307"/>
                    </a:lnTo>
                    <a:lnTo>
                      <a:pt x="94" y="303"/>
                    </a:lnTo>
                    <a:lnTo>
                      <a:pt x="92" y="303"/>
                    </a:lnTo>
                    <a:lnTo>
                      <a:pt x="90" y="302"/>
                    </a:lnTo>
                    <a:lnTo>
                      <a:pt x="88" y="300"/>
                    </a:lnTo>
                    <a:lnTo>
                      <a:pt x="87" y="300"/>
                    </a:lnTo>
                    <a:lnTo>
                      <a:pt x="85" y="300"/>
                    </a:lnTo>
                    <a:lnTo>
                      <a:pt x="85" y="298"/>
                    </a:lnTo>
                    <a:lnTo>
                      <a:pt x="83" y="298"/>
                    </a:lnTo>
                    <a:lnTo>
                      <a:pt x="81" y="298"/>
                    </a:lnTo>
                    <a:lnTo>
                      <a:pt x="81" y="296"/>
                    </a:lnTo>
                    <a:lnTo>
                      <a:pt x="81" y="294"/>
                    </a:lnTo>
                    <a:lnTo>
                      <a:pt x="79" y="294"/>
                    </a:lnTo>
                    <a:lnTo>
                      <a:pt x="77" y="294"/>
                    </a:lnTo>
                    <a:lnTo>
                      <a:pt x="76" y="294"/>
                    </a:lnTo>
                    <a:lnTo>
                      <a:pt x="76" y="292"/>
                    </a:lnTo>
                    <a:lnTo>
                      <a:pt x="74" y="292"/>
                    </a:lnTo>
                    <a:lnTo>
                      <a:pt x="72" y="292"/>
                    </a:lnTo>
                    <a:lnTo>
                      <a:pt x="70" y="292"/>
                    </a:lnTo>
                    <a:lnTo>
                      <a:pt x="68" y="292"/>
                    </a:lnTo>
                    <a:lnTo>
                      <a:pt x="66" y="292"/>
                    </a:lnTo>
                    <a:lnTo>
                      <a:pt x="64" y="292"/>
                    </a:lnTo>
                    <a:lnTo>
                      <a:pt x="63" y="292"/>
                    </a:lnTo>
                    <a:lnTo>
                      <a:pt x="61" y="292"/>
                    </a:lnTo>
                    <a:lnTo>
                      <a:pt x="59" y="292"/>
                    </a:lnTo>
                    <a:lnTo>
                      <a:pt x="59" y="290"/>
                    </a:lnTo>
                    <a:lnTo>
                      <a:pt x="57" y="290"/>
                    </a:lnTo>
                    <a:lnTo>
                      <a:pt x="57" y="289"/>
                    </a:lnTo>
                    <a:lnTo>
                      <a:pt x="55" y="289"/>
                    </a:lnTo>
                    <a:lnTo>
                      <a:pt x="53" y="289"/>
                    </a:lnTo>
                    <a:lnTo>
                      <a:pt x="53" y="287"/>
                    </a:lnTo>
                    <a:lnTo>
                      <a:pt x="52" y="287"/>
                    </a:lnTo>
                    <a:lnTo>
                      <a:pt x="52" y="285"/>
                    </a:lnTo>
                    <a:lnTo>
                      <a:pt x="50" y="285"/>
                    </a:lnTo>
                    <a:lnTo>
                      <a:pt x="50" y="283"/>
                    </a:lnTo>
                    <a:lnTo>
                      <a:pt x="50" y="281"/>
                    </a:lnTo>
                    <a:lnTo>
                      <a:pt x="48" y="281"/>
                    </a:lnTo>
                    <a:lnTo>
                      <a:pt x="48" y="279"/>
                    </a:lnTo>
                    <a:lnTo>
                      <a:pt x="48" y="278"/>
                    </a:lnTo>
                    <a:lnTo>
                      <a:pt x="40" y="263"/>
                    </a:lnTo>
                    <a:lnTo>
                      <a:pt x="40" y="261"/>
                    </a:lnTo>
                    <a:lnTo>
                      <a:pt x="39" y="261"/>
                    </a:lnTo>
                    <a:lnTo>
                      <a:pt x="39" y="259"/>
                    </a:lnTo>
                    <a:lnTo>
                      <a:pt x="39" y="257"/>
                    </a:lnTo>
                    <a:lnTo>
                      <a:pt x="37" y="257"/>
                    </a:lnTo>
                    <a:lnTo>
                      <a:pt x="37" y="255"/>
                    </a:lnTo>
                    <a:lnTo>
                      <a:pt x="37" y="253"/>
                    </a:lnTo>
                    <a:lnTo>
                      <a:pt x="35" y="252"/>
                    </a:lnTo>
                    <a:lnTo>
                      <a:pt x="35" y="250"/>
                    </a:lnTo>
                    <a:lnTo>
                      <a:pt x="37" y="250"/>
                    </a:lnTo>
                    <a:lnTo>
                      <a:pt x="35" y="248"/>
                    </a:lnTo>
                    <a:lnTo>
                      <a:pt x="35" y="246"/>
                    </a:lnTo>
                    <a:lnTo>
                      <a:pt x="35" y="241"/>
                    </a:lnTo>
                    <a:lnTo>
                      <a:pt x="22" y="215"/>
                    </a:lnTo>
                    <a:lnTo>
                      <a:pt x="20" y="215"/>
                    </a:lnTo>
                    <a:lnTo>
                      <a:pt x="18" y="213"/>
                    </a:lnTo>
                    <a:lnTo>
                      <a:pt x="16" y="211"/>
                    </a:lnTo>
                    <a:lnTo>
                      <a:pt x="15" y="209"/>
                    </a:lnTo>
                    <a:lnTo>
                      <a:pt x="15" y="207"/>
                    </a:lnTo>
                    <a:lnTo>
                      <a:pt x="15" y="205"/>
                    </a:lnTo>
                    <a:lnTo>
                      <a:pt x="15" y="204"/>
                    </a:lnTo>
                    <a:lnTo>
                      <a:pt x="13" y="204"/>
                    </a:lnTo>
                    <a:lnTo>
                      <a:pt x="13" y="202"/>
                    </a:lnTo>
                    <a:lnTo>
                      <a:pt x="11" y="202"/>
                    </a:lnTo>
                    <a:lnTo>
                      <a:pt x="9" y="202"/>
                    </a:lnTo>
                    <a:lnTo>
                      <a:pt x="9" y="200"/>
                    </a:lnTo>
                    <a:lnTo>
                      <a:pt x="7" y="200"/>
                    </a:lnTo>
                    <a:lnTo>
                      <a:pt x="7" y="198"/>
                    </a:lnTo>
                    <a:lnTo>
                      <a:pt x="7" y="196"/>
                    </a:lnTo>
                    <a:lnTo>
                      <a:pt x="7" y="194"/>
                    </a:lnTo>
                    <a:lnTo>
                      <a:pt x="5" y="194"/>
                    </a:lnTo>
                    <a:lnTo>
                      <a:pt x="5" y="192"/>
                    </a:lnTo>
                    <a:lnTo>
                      <a:pt x="5" y="191"/>
                    </a:lnTo>
                    <a:lnTo>
                      <a:pt x="7" y="191"/>
                    </a:lnTo>
                    <a:lnTo>
                      <a:pt x="7" y="189"/>
                    </a:lnTo>
                    <a:lnTo>
                      <a:pt x="5" y="189"/>
                    </a:lnTo>
                    <a:lnTo>
                      <a:pt x="7" y="189"/>
                    </a:lnTo>
                    <a:lnTo>
                      <a:pt x="7" y="187"/>
                    </a:lnTo>
                    <a:lnTo>
                      <a:pt x="7" y="185"/>
                    </a:lnTo>
                    <a:lnTo>
                      <a:pt x="9" y="185"/>
                    </a:lnTo>
                    <a:lnTo>
                      <a:pt x="9" y="183"/>
                    </a:lnTo>
                    <a:lnTo>
                      <a:pt x="9" y="181"/>
                    </a:lnTo>
                    <a:lnTo>
                      <a:pt x="9" y="179"/>
                    </a:lnTo>
                    <a:lnTo>
                      <a:pt x="11" y="179"/>
                    </a:lnTo>
                    <a:lnTo>
                      <a:pt x="11" y="178"/>
                    </a:lnTo>
                    <a:lnTo>
                      <a:pt x="11" y="176"/>
                    </a:lnTo>
                    <a:lnTo>
                      <a:pt x="9" y="170"/>
                    </a:lnTo>
                    <a:lnTo>
                      <a:pt x="9" y="168"/>
                    </a:lnTo>
                    <a:lnTo>
                      <a:pt x="9" y="167"/>
                    </a:lnTo>
                    <a:lnTo>
                      <a:pt x="9" y="165"/>
                    </a:lnTo>
                    <a:lnTo>
                      <a:pt x="11" y="165"/>
                    </a:lnTo>
                    <a:lnTo>
                      <a:pt x="11" y="163"/>
                    </a:lnTo>
                    <a:lnTo>
                      <a:pt x="13" y="161"/>
                    </a:lnTo>
                    <a:lnTo>
                      <a:pt x="11" y="159"/>
                    </a:lnTo>
                    <a:lnTo>
                      <a:pt x="11" y="157"/>
                    </a:lnTo>
                    <a:lnTo>
                      <a:pt x="9" y="155"/>
                    </a:lnTo>
                    <a:lnTo>
                      <a:pt x="9" y="154"/>
                    </a:lnTo>
                    <a:lnTo>
                      <a:pt x="9" y="152"/>
                    </a:lnTo>
                    <a:lnTo>
                      <a:pt x="11" y="152"/>
                    </a:lnTo>
                    <a:lnTo>
                      <a:pt x="9" y="152"/>
                    </a:lnTo>
                    <a:lnTo>
                      <a:pt x="9" y="150"/>
                    </a:lnTo>
                    <a:lnTo>
                      <a:pt x="9" y="148"/>
                    </a:lnTo>
                    <a:lnTo>
                      <a:pt x="11" y="148"/>
                    </a:lnTo>
                    <a:lnTo>
                      <a:pt x="11" y="146"/>
                    </a:lnTo>
                    <a:lnTo>
                      <a:pt x="9" y="146"/>
                    </a:lnTo>
                    <a:lnTo>
                      <a:pt x="9" y="144"/>
                    </a:lnTo>
                    <a:lnTo>
                      <a:pt x="9" y="142"/>
                    </a:lnTo>
                    <a:lnTo>
                      <a:pt x="7" y="142"/>
                    </a:lnTo>
                    <a:lnTo>
                      <a:pt x="7" y="141"/>
                    </a:lnTo>
                    <a:lnTo>
                      <a:pt x="7" y="139"/>
                    </a:lnTo>
                    <a:lnTo>
                      <a:pt x="5" y="139"/>
                    </a:lnTo>
                    <a:lnTo>
                      <a:pt x="5" y="137"/>
                    </a:lnTo>
                    <a:lnTo>
                      <a:pt x="7" y="137"/>
                    </a:lnTo>
                    <a:lnTo>
                      <a:pt x="5" y="137"/>
                    </a:lnTo>
                    <a:lnTo>
                      <a:pt x="3" y="137"/>
                    </a:lnTo>
                    <a:lnTo>
                      <a:pt x="2" y="137"/>
                    </a:lnTo>
                    <a:lnTo>
                      <a:pt x="0" y="137"/>
                    </a:lnTo>
                    <a:lnTo>
                      <a:pt x="0" y="135"/>
                    </a:lnTo>
                    <a:lnTo>
                      <a:pt x="2" y="135"/>
                    </a:lnTo>
                    <a:lnTo>
                      <a:pt x="2" y="133"/>
                    </a:lnTo>
                    <a:lnTo>
                      <a:pt x="2" y="131"/>
                    </a:lnTo>
                    <a:lnTo>
                      <a:pt x="2" y="130"/>
                    </a:lnTo>
                    <a:lnTo>
                      <a:pt x="3" y="130"/>
                    </a:lnTo>
                    <a:lnTo>
                      <a:pt x="7" y="128"/>
                    </a:lnTo>
                    <a:lnTo>
                      <a:pt x="7" y="126"/>
                    </a:lnTo>
                    <a:lnTo>
                      <a:pt x="9" y="126"/>
                    </a:lnTo>
                    <a:lnTo>
                      <a:pt x="9" y="124"/>
                    </a:lnTo>
                    <a:lnTo>
                      <a:pt x="11" y="124"/>
                    </a:lnTo>
                    <a:lnTo>
                      <a:pt x="13" y="124"/>
                    </a:lnTo>
                    <a:lnTo>
                      <a:pt x="15" y="122"/>
                    </a:lnTo>
                    <a:lnTo>
                      <a:pt x="16" y="122"/>
                    </a:lnTo>
                    <a:lnTo>
                      <a:pt x="18" y="122"/>
                    </a:lnTo>
                    <a:lnTo>
                      <a:pt x="16" y="122"/>
                    </a:lnTo>
                    <a:lnTo>
                      <a:pt x="18" y="120"/>
                    </a:lnTo>
                    <a:lnTo>
                      <a:pt x="20" y="120"/>
                    </a:lnTo>
                    <a:lnTo>
                      <a:pt x="22" y="120"/>
                    </a:lnTo>
                    <a:lnTo>
                      <a:pt x="22" y="118"/>
                    </a:lnTo>
                    <a:lnTo>
                      <a:pt x="24" y="118"/>
                    </a:lnTo>
                    <a:lnTo>
                      <a:pt x="26" y="117"/>
                    </a:lnTo>
                    <a:lnTo>
                      <a:pt x="33" y="96"/>
                    </a:lnTo>
                    <a:lnTo>
                      <a:pt x="33" y="94"/>
                    </a:lnTo>
                    <a:lnTo>
                      <a:pt x="35" y="94"/>
                    </a:lnTo>
                    <a:lnTo>
                      <a:pt x="37" y="94"/>
                    </a:lnTo>
                    <a:lnTo>
                      <a:pt x="37" y="93"/>
                    </a:lnTo>
                    <a:lnTo>
                      <a:pt x="39" y="93"/>
                    </a:lnTo>
                    <a:lnTo>
                      <a:pt x="40" y="91"/>
                    </a:lnTo>
                    <a:lnTo>
                      <a:pt x="44" y="89"/>
                    </a:lnTo>
                    <a:lnTo>
                      <a:pt x="46" y="89"/>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64" name="Freeform 179"/>
              <p:cNvSpPr>
                <a:spLocks/>
              </p:cNvSpPr>
              <p:nvPr/>
            </p:nvSpPr>
            <p:spPr bwMode="auto">
              <a:xfrm>
                <a:off x="8902700" y="1392237"/>
                <a:ext cx="147638" cy="125413"/>
              </a:xfrm>
              <a:custGeom>
                <a:avLst/>
                <a:gdLst>
                  <a:gd name="T0" fmla="*/ 63 w 93"/>
                  <a:gd name="T1" fmla="*/ 76 h 79"/>
                  <a:gd name="T2" fmla="*/ 60 w 93"/>
                  <a:gd name="T3" fmla="*/ 78 h 79"/>
                  <a:gd name="T4" fmla="*/ 54 w 93"/>
                  <a:gd name="T5" fmla="*/ 78 h 79"/>
                  <a:gd name="T6" fmla="*/ 49 w 93"/>
                  <a:gd name="T7" fmla="*/ 76 h 79"/>
                  <a:gd name="T8" fmla="*/ 50 w 93"/>
                  <a:gd name="T9" fmla="*/ 68 h 79"/>
                  <a:gd name="T10" fmla="*/ 47 w 93"/>
                  <a:gd name="T11" fmla="*/ 65 h 79"/>
                  <a:gd name="T12" fmla="*/ 39 w 93"/>
                  <a:gd name="T13" fmla="*/ 66 h 79"/>
                  <a:gd name="T14" fmla="*/ 32 w 93"/>
                  <a:gd name="T15" fmla="*/ 70 h 79"/>
                  <a:gd name="T16" fmla="*/ 23 w 93"/>
                  <a:gd name="T17" fmla="*/ 72 h 79"/>
                  <a:gd name="T18" fmla="*/ 15 w 93"/>
                  <a:gd name="T19" fmla="*/ 72 h 79"/>
                  <a:gd name="T20" fmla="*/ 6 w 93"/>
                  <a:gd name="T21" fmla="*/ 76 h 79"/>
                  <a:gd name="T22" fmla="*/ 2 w 93"/>
                  <a:gd name="T23" fmla="*/ 74 h 79"/>
                  <a:gd name="T24" fmla="*/ 4 w 93"/>
                  <a:gd name="T25" fmla="*/ 68 h 79"/>
                  <a:gd name="T26" fmla="*/ 6 w 93"/>
                  <a:gd name="T27" fmla="*/ 65 h 79"/>
                  <a:gd name="T28" fmla="*/ 6 w 93"/>
                  <a:gd name="T29" fmla="*/ 57 h 79"/>
                  <a:gd name="T30" fmla="*/ 15 w 93"/>
                  <a:gd name="T31" fmla="*/ 54 h 79"/>
                  <a:gd name="T32" fmla="*/ 26 w 93"/>
                  <a:gd name="T33" fmla="*/ 50 h 79"/>
                  <a:gd name="T34" fmla="*/ 30 w 93"/>
                  <a:gd name="T35" fmla="*/ 48 h 79"/>
                  <a:gd name="T36" fmla="*/ 32 w 93"/>
                  <a:gd name="T37" fmla="*/ 42 h 79"/>
                  <a:gd name="T38" fmla="*/ 26 w 93"/>
                  <a:gd name="T39" fmla="*/ 42 h 79"/>
                  <a:gd name="T40" fmla="*/ 21 w 93"/>
                  <a:gd name="T41" fmla="*/ 39 h 79"/>
                  <a:gd name="T42" fmla="*/ 23 w 93"/>
                  <a:gd name="T43" fmla="*/ 35 h 79"/>
                  <a:gd name="T44" fmla="*/ 21 w 93"/>
                  <a:gd name="T45" fmla="*/ 28 h 79"/>
                  <a:gd name="T46" fmla="*/ 21 w 93"/>
                  <a:gd name="T47" fmla="*/ 22 h 79"/>
                  <a:gd name="T48" fmla="*/ 26 w 93"/>
                  <a:gd name="T49" fmla="*/ 18 h 79"/>
                  <a:gd name="T50" fmla="*/ 30 w 93"/>
                  <a:gd name="T51" fmla="*/ 17 h 79"/>
                  <a:gd name="T52" fmla="*/ 36 w 93"/>
                  <a:gd name="T53" fmla="*/ 15 h 79"/>
                  <a:gd name="T54" fmla="*/ 41 w 93"/>
                  <a:gd name="T55" fmla="*/ 9 h 79"/>
                  <a:gd name="T56" fmla="*/ 41 w 93"/>
                  <a:gd name="T57" fmla="*/ 4 h 79"/>
                  <a:gd name="T58" fmla="*/ 43 w 93"/>
                  <a:gd name="T59" fmla="*/ 0 h 79"/>
                  <a:gd name="T60" fmla="*/ 49 w 93"/>
                  <a:gd name="T61" fmla="*/ 4 h 79"/>
                  <a:gd name="T62" fmla="*/ 52 w 93"/>
                  <a:gd name="T63" fmla="*/ 5 h 79"/>
                  <a:gd name="T64" fmla="*/ 60 w 93"/>
                  <a:gd name="T65" fmla="*/ 9 h 79"/>
                  <a:gd name="T66" fmla="*/ 61 w 93"/>
                  <a:gd name="T67" fmla="*/ 13 h 79"/>
                  <a:gd name="T68" fmla="*/ 63 w 93"/>
                  <a:gd name="T69" fmla="*/ 18 h 79"/>
                  <a:gd name="T70" fmla="*/ 65 w 93"/>
                  <a:gd name="T71" fmla="*/ 22 h 79"/>
                  <a:gd name="T72" fmla="*/ 71 w 93"/>
                  <a:gd name="T73" fmla="*/ 28 h 79"/>
                  <a:gd name="T74" fmla="*/ 76 w 93"/>
                  <a:gd name="T75" fmla="*/ 29 h 79"/>
                  <a:gd name="T76" fmla="*/ 84 w 93"/>
                  <a:gd name="T77" fmla="*/ 31 h 79"/>
                  <a:gd name="T78" fmla="*/ 89 w 93"/>
                  <a:gd name="T79" fmla="*/ 31 h 79"/>
                  <a:gd name="T80" fmla="*/ 93 w 93"/>
                  <a:gd name="T81" fmla="*/ 33 h 79"/>
                  <a:gd name="T82" fmla="*/ 87 w 93"/>
                  <a:gd name="T83" fmla="*/ 39 h 79"/>
                  <a:gd name="T84" fmla="*/ 89 w 93"/>
                  <a:gd name="T85" fmla="*/ 46 h 79"/>
                  <a:gd name="T86" fmla="*/ 86 w 93"/>
                  <a:gd name="T87" fmla="*/ 50 h 79"/>
                  <a:gd name="T88" fmla="*/ 80 w 93"/>
                  <a:gd name="T89" fmla="*/ 54 h 79"/>
                  <a:gd name="T90" fmla="*/ 76 w 93"/>
                  <a:gd name="T91" fmla="*/ 48 h 79"/>
                  <a:gd name="T92" fmla="*/ 69 w 93"/>
                  <a:gd name="T93" fmla="*/ 46 h 79"/>
                  <a:gd name="T94" fmla="*/ 63 w 93"/>
                  <a:gd name="T95" fmla="*/ 48 h 79"/>
                  <a:gd name="T96" fmla="*/ 60 w 93"/>
                  <a:gd name="T97" fmla="*/ 46 h 79"/>
                  <a:gd name="T98" fmla="*/ 54 w 93"/>
                  <a:gd name="T99" fmla="*/ 44 h 79"/>
                  <a:gd name="T100" fmla="*/ 47 w 93"/>
                  <a:gd name="T101" fmla="*/ 48 h 79"/>
                  <a:gd name="T102" fmla="*/ 52 w 93"/>
                  <a:gd name="T103" fmla="*/ 52 h 79"/>
                  <a:gd name="T104" fmla="*/ 54 w 93"/>
                  <a:gd name="T105" fmla="*/ 59 h 79"/>
                  <a:gd name="T106" fmla="*/ 58 w 93"/>
                  <a:gd name="T107" fmla="*/ 65 h 79"/>
                  <a:gd name="T108" fmla="*/ 63 w 93"/>
                  <a:gd name="T109" fmla="*/ 70 h 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93" h="79">
                    <a:moveTo>
                      <a:pt x="65" y="72"/>
                    </a:moveTo>
                    <a:lnTo>
                      <a:pt x="65" y="74"/>
                    </a:lnTo>
                    <a:lnTo>
                      <a:pt x="63" y="74"/>
                    </a:lnTo>
                    <a:lnTo>
                      <a:pt x="61" y="76"/>
                    </a:lnTo>
                    <a:lnTo>
                      <a:pt x="63" y="76"/>
                    </a:lnTo>
                    <a:lnTo>
                      <a:pt x="61" y="76"/>
                    </a:lnTo>
                    <a:lnTo>
                      <a:pt x="61" y="78"/>
                    </a:lnTo>
                    <a:lnTo>
                      <a:pt x="60" y="78"/>
                    </a:lnTo>
                    <a:lnTo>
                      <a:pt x="61" y="78"/>
                    </a:lnTo>
                    <a:lnTo>
                      <a:pt x="60" y="78"/>
                    </a:lnTo>
                    <a:lnTo>
                      <a:pt x="58" y="78"/>
                    </a:lnTo>
                    <a:lnTo>
                      <a:pt x="58" y="79"/>
                    </a:lnTo>
                    <a:lnTo>
                      <a:pt x="56" y="78"/>
                    </a:lnTo>
                    <a:lnTo>
                      <a:pt x="54" y="79"/>
                    </a:lnTo>
                    <a:lnTo>
                      <a:pt x="54" y="78"/>
                    </a:lnTo>
                    <a:lnTo>
                      <a:pt x="54" y="76"/>
                    </a:lnTo>
                    <a:lnTo>
                      <a:pt x="52" y="76"/>
                    </a:lnTo>
                    <a:lnTo>
                      <a:pt x="50" y="74"/>
                    </a:lnTo>
                    <a:lnTo>
                      <a:pt x="50" y="76"/>
                    </a:lnTo>
                    <a:lnTo>
                      <a:pt x="49" y="76"/>
                    </a:lnTo>
                    <a:lnTo>
                      <a:pt x="49" y="74"/>
                    </a:lnTo>
                    <a:lnTo>
                      <a:pt x="50" y="74"/>
                    </a:lnTo>
                    <a:lnTo>
                      <a:pt x="50" y="72"/>
                    </a:lnTo>
                    <a:lnTo>
                      <a:pt x="50" y="70"/>
                    </a:lnTo>
                    <a:lnTo>
                      <a:pt x="50" y="68"/>
                    </a:lnTo>
                    <a:lnTo>
                      <a:pt x="52" y="68"/>
                    </a:lnTo>
                    <a:lnTo>
                      <a:pt x="50" y="66"/>
                    </a:lnTo>
                    <a:lnTo>
                      <a:pt x="49" y="66"/>
                    </a:lnTo>
                    <a:lnTo>
                      <a:pt x="49" y="65"/>
                    </a:lnTo>
                    <a:lnTo>
                      <a:pt x="47" y="65"/>
                    </a:lnTo>
                    <a:lnTo>
                      <a:pt x="47" y="66"/>
                    </a:lnTo>
                    <a:lnTo>
                      <a:pt x="45" y="66"/>
                    </a:lnTo>
                    <a:lnTo>
                      <a:pt x="43" y="66"/>
                    </a:lnTo>
                    <a:lnTo>
                      <a:pt x="41" y="66"/>
                    </a:lnTo>
                    <a:lnTo>
                      <a:pt x="39" y="66"/>
                    </a:lnTo>
                    <a:lnTo>
                      <a:pt x="37" y="66"/>
                    </a:lnTo>
                    <a:lnTo>
                      <a:pt x="36" y="68"/>
                    </a:lnTo>
                    <a:lnTo>
                      <a:pt x="34" y="68"/>
                    </a:lnTo>
                    <a:lnTo>
                      <a:pt x="32" y="68"/>
                    </a:lnTo>
                    <a:lnTo>
                      <a:pt x="32" y="70"/>
                    </a:lnTo>
                    <a:lnTo>
                      <a:pt x="30" y="70"/>
                    </a:lnTo>
                    <a:lnTo>
                      <a:pt x="28" y="70"/>
                    </a:lnTo>
                    <a:lnTo>
                      <a:pt x="26" y="70"/>
                    </a:lnTo>
                    <a:lnTo>
                      <a:pt x="25" y="72"/>
                    </a:lnTo>
                    <a:lnTo>
                      <a:pt x="23" y="72"/>
                    </a:lnTo>
                    <a:lnTo>
                      <a:pt x="19" y="72"/>
                    </a:lnTo>
                    <a:lnTo>
                      <a:pt x="17" y="72"/>
                    </a:lnTo>
                    <a:lnTo>
                      <a:pt x="17" y="74"/>
                    </a:lnTo>
                    <a:lnTo>
                      <a:pt x="17" y="72"/>
                    </a:lnTo>
                    <a:lnTo>
                      <a:pt x="15" y="72"/>
                    </a:lnTo>
                    <a:lnTo>
                      <a:pt x="15" y="74"/>
                    </a:lnTo>
                    <a:lnTo>
                      <a:pt x="13" y="74"/>
                    </a:lnTo>
                    <a:lnTo>
                      <a:pt x="12" y="74"/>
                    </a:lnTo>
                    <a:lnTo>
                      <a:pt x="8" y="76"/>
                    </a:lnTo>
                    <a:lnTo>
                      <a:pt x="6" y="76"/>
                    </a:lnTo>
                    <a:lnTo>
                      <a:pt x="4" y="76"/>
                    </a:lnTo>
                    <a:lnTo>
                      <a:pt x="2" y="78"/>
                    </a:lnTo>
                    <a:lnTo>
                      <a:pt x="0" y="76"/>
                    </a:lnTo>
                    <a:lnTo>
                      <a:pt x="0" y="74"/>
                    </a:lnTo>
                    <a:lnTo>
                      <a:pt x="2" y="74"/>
                    </a:lnTo>
                    <a:lnTo>
                      <a:pt x="4" y="74"/>
                    </a:lnTo>
                    <a:lnTo>
                      <a:pt x="4" y="72"/>
                    </a:lnTo>
                    <a:lnTo>
                      <a:pt x="6" y="70"/>
                    </a:lnTo>
                    <a:lnTo>
                      <a:pt x="4" y="70"/>
                    </a:lnTo>
                    <a:lnTo>
                      <a:pt x="4" y="68"/>
                    </a:lnTo>
                    <a:lnTo>
                      <a:pt x="6" y="68"/>
                    </a:lnTo>
                    <a:lnTo>
                      <a:pt x="4" y="68"/>
                    </a:lnTo>
                    <a:lnTo>
                      <a:pt x="4" y="66"/>
                    </a:lnTo>
                    <a:lnTo>
                      <a:pt x="6" y="66"/>
                    </a:lnTo>
                    <a:lnTo>
                      <a:pt x="6" y="65"/>
                    </a:lnTo>
                    <a:lnTo>
                      <a:pt x="4" y="65"/>
                    </a:lnTo>
                    <a:lnTo>
                      <a:pt x="4" y="63"/>
                    </a:lnTo>
                    <a:lnTo>
                      <a:pt x="4" y="61"/>
                    </a:lnTo>
                    <a:lnTo>
                      <a:pt x="6" y="59"/>
                    </a:lnTo>
                    <a:lnTo>
                      <a:pt x="6" y="57"/>
                    </a:lnTo>
                    <a:lnTo>
                      <a:pt x="8" y="57"/>
                    </a:lnTo>
                    <a:lnTo>
                      <a:pt x="10" y="55"/>
                    </a:lnTo>
                    <a:lnTo>
                      <a:pt x="12" y="54"/>
                    </a:lnTo>
                    <a:lnTo>
                      <a:pt x="13" y="54"/>
                    </a:lnTo>
                    <a:lnTo>
                      <a:pt x="15" y="54"/>
                    </a:lnTo>
                    <a:lnTo>
                      <a:pt x="19" y="52"/>
                    </a:lnTo>
                    <a:lnTo>
                      <a:pt x="21" y="52"/>
                    </a:lnTo>
                    <a:lnTo>
                      <a:pt x="23" y="52"/>
                    </a:lnTo>
                    <a:lnTo>
                      <a:pt x="25" y="50"/>
                    </a:lnTo>
                    <a:lnTo>
                      <a:pt x="26" y="50"/>
                    </a:lnTo>
                    <a:lnTo>
                      <a:pt x="26" y="48"/>
                    </a:lnTo>
                    <a:lnTo>
                      <a:pt x="28" y="48"/>
                    </a:lnTo>
                    <a:lnTo>
                      <a:pt x="28" y="46"/>
                    </a:lnTo>
                    <a:lnTo>
                      <a:pt x="30" y="46"/>
                    </a:lnTo>
                    <a:lnTo>
                      <a:pt x="30" y="48"/>
                    </a:lnTo>
                    <a:lnTo>
                      <a:pt x="30" y="46"/>
                    </a:lnTo>
                    <a:lnTo>
                      <a:pt x="32" y="46"/>
                    </a:lnTo>
                    <a:lnTo>
                      <a:pt x="32" y="44"/>
                    </a:lnTo>
                    <a:lnTo>
                      <a:pt x="34" y="44"/>
                    </a:lnTo>
                    <a:lnTo>
                      <a:pt x="32" y="42"/>
                    </a:lnTo>
                    <a:lnTo>
                      <a:pt x="30" y="42"/>
                    </a:lnTo>
                    <a:lnTo>
                      <a:pt x="28" y="42"/>
                    </a:lnTo>
                    <a:lnTo>
                      <a:pt x="28" y="44"/>
                    </a:lnTo>
                    <a:lnTo>
                      <a:pt x="26" y="44"/>
                    </a:lnTo>
                    <a:lnTo>
                      <a:pt x="26" y="42"/>
                    </a:lnTo>
                    <a:lnTo>
                      <a:pt x="26" y="41"/>
                    </a:lnTo>
                    <a:lnTo>
                      <a:pt x="25" y="41"/>
                    </a:lnTo>
                    <a:lnTo>
                      <a:pt x="23" y="41"/>
                    </a:lnTo>
                    <a:lnTo>
                      <a:pt x="23" y="39"/>
                    </a:lnTo>
                    <a:lnTo>
                      <a:pt x="21" y="39"/>
                    </a:lnTo>
                    <a:lnTo>
                      <a:pt x="21" y="37"/>
                    </a:lnTo>
                    <a:lnTo>
                      <a:pt x="19" y="37"/>
                    </a:lnTo>
                    <a:lnTo>
                      <a:pt x="21" y="37"/>
                    </a:lnTo>
                    <a:lnTo>
                      <a:pt x="21" y="35"/>
                    </a:lnTo>
                    <a:lnTo>
                      <a:pt x="23" y="35"/>
                    </a:lnTo>
                    <a:lnTo>
                      <a:pt x="25" y="35"/>
                    </a:lnTo>
                    <a:lnTo>
                      <a:pt x="25" y="33"/>
                    </a:lnTo>
                    <a:lnTo>
                      <a:pt x="25" y="31"/>
                    </a:lnTo>
                    <a:lnTo>
                      <a:pt x="23" y="29"/>
                    </a:lnTo>
                    <a:lnTo>
                      <a:pt x="21" y="28"/>
                    </a:lnTo>
                    <a:lnTo>
                      <a:pt x="23" y="28"/>
                    </a:lnTo>
                    <a:lnTo>
                      <a:pt x="23" y="26"/>
                    </a:lnTo>
                    <a:lnTo>
                      <a:pt x="23" y="24"/>
                    </a:lnTo>
                    <a:lnTo>
                      <a:pt x="21" y="24"/>
                    </a:lnTo>
                    <a:lnTo>
                      <a:pt x="21" y="22"/>
                    </a:lnTo>
                    <a:lnTo>
                      <a:pt x="19" y="22"/>
                    </a:lnTo>
                    <a:lnTo>
                      <a:pt x="21" y="22"/>
                    </a:lnTo>
                    <a:lnTo>
                      <a:pt x="23" y="18"/>
                    </a:lnTo>
                    <a:lnTo>
                      <a:pt x="25" y="18"/>
                    </a:lnTo>
                    <a:lnTo>
                      <a:pt x="26" y="18"/>
                    </a:lnTo>
                    <a:lnTo>
                      <a:pt x="26" y="17"/>
                    </a:lnTo>
                    <a:lnTo>
                      <a:pt x="28" y="17"/>
                    </a:lnTo>
                    <a:lnTo>
                      <a:pt x="28" y="15"/>
                    </a:lnTo>
                    <a:lnTo>
                      <a:pt x="28" y="17"/>
                    </a:lnTo>
                    <a:lnTo>
                      <a:pt x="30" y="17"/>
                    </a:lnTo>
                    <a:lnTo>
                      <a:pt x="32" y="17"/>
                    </a:lnTo>
                    <a:lnTo>
                      <a:pt x="32" y="15"/>
                    </a:lnTo>
                    <a:lnTo>
                      <a:pt x="34" y="17"/>
                    </a:lnTo>
                    <a:lnTo>
                      <a:pt x="34" y="15"/>
                    </a:lnTo>
                    <a:lnTo>
                      <a:pt x="36" y="15"/>
                    </a:lnTo>
                    <a:lnTo>
                      <a:pt x="37" y="13"/>
                    </a:lnTo>
                    <a:lnTo>
                      <a:pt x="39" y="13"/>
                    </a:lnTo>
                    <a:lnTo>
                      <a:pt x="39" y="11"/>
                    </a:lnTo>
                    <a:lnTo>
                      <a:pt x="39" y="9"/>
                    </a:lnTo>
                    <a:lnTo>
                      <a:pt x="41" y="9"/>
                    </a:lnTo>
                    <a:lnTo>
                      <a:pt x="41" y="7"/>
                    </a:lnTo>
                    <a:lnTo>
                      <a:pt x="39" y="7"/>
                    </a:lnTo>
                    <a:lnTo>
                      <a:pt x="41" y="7"/>
                    </a:lnTo>
                    <a:lnTo>
                      <a:pt x="41" y="5"/>
                    </a:lnTo>
                    <a:lnTo>
                      <a:pt x="41" y="4"/>
                    </a:lnTo>
                    <a:lnTo>
                      <a:pt x="41" y="2"/>
                    </a:lnTo>
                    <a:lnTo>
                      <a:pt x="41" y="4"/>
                    </a:lnTo>
                    <a:lnTo>
                      <a:pt x="41" y="2"/>
                    </a:lnTo>
                    <a:lnTo>
                      <a:pt x="41" y="0"/>
                    </a:lnTo>
                    <a:lnTo>
                      <a:pt x="43" y="0"/>
                    </a:lnTo>
                    <a:lnTo>
                      <a:pt x="45" y="0"/>
                    </a:lnTo>
                    <a:lnTo>
                      <a:pt x="45" y="2"/>
                    </a:lnTo>
                    <a:lnTo>
                      <a:pt x="47" y="2"/>
                    </a:lnTo>
                    <a:lnTo>
                      <a:pt x="49" y="2"/>
                    </a:lnTo>
                    <a:lnTo>
                      <a:pt x="49" y="4"/>
                    </a:lnTo>
                    <a:lnTo>
                      <a:pt x="49" y="2"/>
                    </a:lnTo>
                    <a:lnTo>
                      <a:pt x="50" y="2"/>
                    </a:lnTo>
                    <a:lnTo>
                      <a:pt x="50" y="4"/>
                    </a:lnTo>
                    <a:lnTo>
                      <a:pt x="52" y="4"/>
                    </a:lnTo>
                    <a:lnTo>
                      <a:pt x="52" y="5"/>
                    </a:lnTo>
                    <a:lnTo>
                      <a:pt x="52" y="7"/>
                    </a:lnTo>
                    <a:lnTo>
                      <a:pt x="54" y="7"/>
                    </a:lnTo>
                    <a:lnTo>
                      <a:pt x="56" y="9"/>
                    </a:lnTo>
                    <a:lnTo>
                      <a:pt x="58" y="9"/>
                    </a:lnTo>
                    <a:lnTo>
                      <a:pt x="60" y="9"/>
                    </a:lnTo>
                    <a:lnTo>
                      <a:pt x="61" y="11"/>
                    </a:lnTo>
                    <a:lnTo>
                      <a:pt x="63" y="9"/>
                    </a:lnTo>
                    <a:lnTo>
                      <a:pt x="63" y="11"/>
                    </a:lnTo>
                    <a:lnTo>
                      <a:pt x="63" y="13"/>
                    </a:lnTo>
                    <a:lnTo>
                      <a:pt x="61" y="13"/>
                    </a:lnTo>
                    <a:lnTo>
                      <a:pt x="61" y="15"/>
                    </a:lnTo>
                    <a:lnTo>
                      <a:pt x="63" y="15"/>
                    </a:lnTo>
                    <a:lnTo>
                      <a:pt x="61" y="17"/>
                    </a:lnTo>
                    <a:lnTo>
                      <a:pt x="63" y="17"/>
                    </a:lnTo>
                    <a:lnTo>
                      <a:pt x="63" y="18"/>
                    </a:lnTo>
                    <a:lnTo>
                      <a:pt x="65" y="18"/>
                    </a:lnTo>
                    <a:lnTo>
                      <a:pt x="63" y="18"/>
                    </a:lnTo>
                    <a:lnTo>
                      <a:pt x="63" y="20"/>
                    </a:lnTo>
                    <a:lnTo>
                      <a:pt x="65" y="20"/>
                    </a:lnTo>
                    <a:lnTo>
                      <a:pt x="65" y="22"/>
                    </a:lnTo>
                    <a:lnTo>
                      <a:pt x="65" y="24"/>
                    </a:lnTo>
                    <a:lnTo>
                      <a:pt x="67" y="26"/>
                    </a:lnTo>
                    <a:lnTo>
                      <a:pt x="69" y="26"/>
                    </a:lnTo>
                    <a:lnTo>
                      <a:pt x="69" y="28"/>
                    </a:lnTo>
                    <a:lnTo>
                      <a:pt x="71" y="28"/>
                    </a:lnTo>
                    <a:lnTo>
                      <a:pt x="73" y="28"/>
                    </a:lnTo>
                    <a:lnTo>
                      <a:pt x="74" y="28"/>
                    </a:lnTo>
                    <a:lnTo>
                      <a:pt x="74" y="26"/>
                    </a:lnTo>
                    <a:lnTo>
                      <a:pt x="76" y="28"/>
                    </a:lnTo>
                    <a:lnTo>
                      <a:pt x="76" y="29"/>
                    </a:lnTo>
                    <a:lnTo>
                      <a:pt x="78" y="29"/>
                    </a:lnTo>
                    <a:lnTo>
                      <a:pt x="78" y="31"/>
                    </a:lnTo>
                    <a:lnTo>
                      <a:pt x="80" y="31"/>
                    </a:lnTo>
                    <a:lnTo>
                      <a:pt x="82" y="31"/>
                    </a:lnTo>
                    <a:lnTo>
                      <a:pt x="84" y="31"/>
                    </a:lnTo>
                    <a:lnTo>
                      <a:pt x="84" y="29"/>
                    </a:lnTo>
                    <a:lnTo>
                      <a:pt x="86" y="29"/>
                    </a:lnTo>
                    <a:lnTo>
                      <a:pt x="87" y="29"/>
                    </a:lnTo>
                    <a:lnTo>
                      <a:pt x="87" y="31"/>
                    </a:lnTo>
                    <a:lnTo>
                      <a:pt x="89" y="31"/>
                    </a:lnTo>
                    <a:lnTo>
                      <a:pt x="91" y="31"/>
                    </a:lnTo>
                    <a:lnTo>
                      <a:pt x="93" y="31"/>
                    </a:lnTo>
                    <a:lnTo>
                      <a:pt x="93" y="33"/>
                    </a:lnTo>
                    <a:lnTo>
                      <a:pt x="91" y="33"/>
                    </a:lnTo>
                    <a:lnTo>
                      <a:pt x="93" y="33"/>
                    </a:lnTo>
                    <a:lnTo>
                      <a:pt x="91" y="35"/>
                    </a:lnTo>
                    <a:lnTo>
                      <a:pt x="89" y="35"/>
                    </a:lnTo>
                    <a:lnTo>
                      <a:pt x="89" y="37"/>
                    </a:lnTo>
                    <a:lnTo>
                      <a:pt x="87" y="37"/>
                    </a:lnTo>
                    <a:lnTo>
                      <a:pt x="87" y="39"/>
                    </a:lnTo>
                    <a:lnTo>
                      <a:pt x="89" y="39"/>
                    </a:lnTo>
                    <a:lnTo>
                      <a:pt x="89" y="44"/>
                    </a:lnTo>
                    <a:lnTo>
                      <a:pt x="91" y="44"/>
                    </a:lnTo>
                    <a:lnTo>
                      <a:pt x="91" y="46"/>
                    </a:lnTo>
                    <a:lnTo>
                      <a:pt x="89" y="46"/>
                    </a:lnTo>
                    <a:lnTo>
                      <a:pt x="89" y="48"/>
                    </a:lnTo>
                    <a:lnTo>
                      <a:pt x="91" y="48"/>
                    </a:lnTo>
                    <a:lnTo>
                      <a:pt x="89" y="48"/>
                    </a:lnTo>
                    <a:lnTo>
                      <a:pt x="87" y="50"/>
                    </a:lnTo>
                    <a:lnTo>
                      <a:pt x="86" y="50"/>
                    </a:lnTo>
                    <a:lnTo>
                      <a:pt x="86" y="52"/>
                    </a:lnTo>
                    <a:lnTo>
                      <a:pt x="84" y="52"/>
                    </a:lnTo>
                    <a:lnTo>
                      <a:pt x="82" y="52"/>
                    </a:lnTo>
                    <a:lnTo>
                      <a:pt x="80" y="52"/>
                    </a:lnTo>
                    <a:lnTo>
                      <a:pt x="80" y="54"/>
                    </a:lnTo>
                    <a:lnTo>
                      <a:pt x="78" y="54"/>
                    </a:lnTo>
                    <a:lnTo>
                      <a:pt x="78" y="52"/>
                    </a:lnTo>
                    <a:lnTo>
                      <a:pt x="76" y="52"/>
                    </a:lnTo>
                    <a:lnTo>
                      <a:pt x="76" y="50"/>
                    </a:lnTo>
                    <a:lnTo>
                      <a:pt x="76" y="48"/>
                    </a:lnTo>
                    <a:lnTo>
                      <a:pt x="74" y="48"/>
                    </a:lnTo>
                    <a:lnTo>
                      <a:pt x="74" y="46"/>
                    </a:lnTo>
                    <a:lnTo>
                      <a:pt x="73" y="46"/>
                    </a:lnTo>
                    <a:lnTo>
                      <a:pt x="71" y="46"/>
                    </a:lnTo>
                    <a:lnTo>
                      <a:pt x="69" y="46"/>
                    </a:lnTo>
                    <a:lnTo>
                      <a:pt x="67" y="46"/>
                    </a:lnTo>
                    <a:lnTo>
                      <a:pt x="69" y="48"/>
                    </a:lnTo>
                    <a:lnTo>
                      <a:pt x="67" y="48"/>
                    </a:lnTo>
                    <a:lnTo>
                      <a:pt x="65" y="48"/>
                    </a:lnTo>
                    <a:lnTo>
                      <a:pt x="63" y="48"/>
                    </a:lnTo>
                    <a:lnTo>
                      <a:pt x="61" y="48"/>
                    </a:lnTo>
                    <a:lnTo>
                      <a:pt x="61" y="46"/>
                    </a:lnTo>
                    <a:lnTo>
                      <a:pt x="60" y="46"/>
                    </a:lnTo>
                    <a:lnTo>
                      <a:pt x="61" y="46"/>
                    </a:lnTo>
                    <a:lnTo>
                      <a:pt x="60" y="46"/>
                    </a:lnTo>
                    <a:lnTo>
                      <a:pt x="60" y="44"/>
                    </a:lnTo>
                    <a:lnTo>
                      <a:pt x="58" y="46"/>
                    </a:lnTo>
                    <a:lnTo>
                      <a:pt x="58" y="44"/>
                    </a:lnTo>
                    <a:lnTo>
                      <a:pt x="56" y="44"/>
                    </a:lnTo>
                    <a:lnTo>
                      <a:pt x="54" y="44"/>
                    </a:lnTo>
                    <a:lnTo>
                      <a:pt x="52" y="46"/>
                    </a:lnTo>
                    <a:lnTo>
                      <a:pt x="50" y="46"/>
                    </a:lnTo>
                    <a:lnTo>
                      <a:pt x="49" y="46"/>
                    </a:lnTo>
                    <a:lnTo>
                      <a:pt x="49" y="48"/>
                    </a:lnTo>
                    <a:lnTo>
                      <a:pt x="47" y="48"/>
                    </a:lnTo>
                    <a:lnTo>
                      <a:pt x="47" y="50"/>
                    </a:lnTo>
                    <a:lnTo>
                      <a:pt x="49" y="50"/>
                    </a:lnTo>
                    <a:lnTo>
                      <a:pt x="49" y="52"/>
                    </a:lnTo>
                    <a:lnTo>
                      <a:pt x="50" y="52"/>
                    </a:lnTo>
                    <a:lnTo>
                      <a:pt x="52" y="52"/>
                    </a:lnTo>
                    <a:lnTo>
                      <a:pt x="52" y="54"/>
                    </a:lnTo>
                    <a:lnTo>
                      <a:pt x="52" y="55"/>
                    </a:lnTo>
                    <a:lnTo>
                      <a:pt x="54" y="55"/>
                    </a:lnTo>
                    <a:lnTo>
                      <a:pt x="54" y="57"/>
                    </a:lnTo>
                    <a:lnTo>
                      <a:pt x="54" y="59"/>
                    </a:lnTo>
                    <a:lnTo>
                      <a:pt x="56" y="59"/>
                    </a:lnTo>
                    <a:lnTo>
                      <a:pt x="56" y="61"/>
                    </a:lnTo>
                    <a:lnTo>
                      <a:pt x="56" y="63"/>
                    </a:lnTo>
                    <a:lnTo>
                      <a:pt x="58" y="63"/>
                    </a:lnTo>
                    <a:lnTo>
                      <a:pt x="58" y="65"/>
                    </a:lnTo>
                    <a:lnTo>
                      <a:pt x="60" y="65"/>
                    </a:lnTo>
                    <a:lnTo>
                      <a:pt x="60" y="66"/>
                    </a:lnTo>
                    <a:lnTo>
                      <a:pt x="61" y="66"/>
                    </a:lnTo>
                    <a:lnTo>
                      <a:pt x="61" y="68"/>
                    </a:lnTo>
                    <a:lnTo>
                      <a:pt x="63" y="70"/>
                    </a:lnTo>
                    <a:lnTo>
                      <a:pt x="65" y="70"/>
                    </a:lnTo>
                    <a:lnTo>
                      <a:pt x="65" y="72"/>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65" name="Freeform 194"/>
              <p:cNvSpPr>
                <a:spLocks/>
              </p:cNvSpPr>
              <p:nvPr/>
            </p:nvSpPr>
            <p:spPr bwMode="auto">
              <a:xfrm>
                <a:off x="9009062" y="1368425"/>
                <a:ext cx="131763" cy="93663"/>
              </a:xfrm>
              <a:custGeom>
                <a:avLst/>
                <a:gdLst>
                  <a:gd name="T0" fmla="*/ 80 w 83"/>
                  <a:gd name="T1" fmla="*/ 4 h 59"/>
                  <a:gd name="T2" fmla="*/ 76 w 83"/>
                  <a:gd name="T3" fmla="*/ 6 h 59"/>
                  <a:gd name="T4" fmla="*/ 68 w 83"/>
                  <a:gd name="T5" fmla="*/ 9 h 59"/>
                  <a:gd name="T6" fmla="*/ 65 w 83"/>
                  <a:gd name="T7" fmla="*/ 15 h 59"/>
                  <a:gd name="T8" fmla="*/ 59 w 83"/>
                  <a:gd name="T9" fmla="*/ 17 h 59"/>
                  <a:gd name="T10" fmla="*/ 52 w 83"/>
                  <a:gd name="T11" fmla="*/ 22 h 59"/>
                  <a:gd name="T12" fmla="*/ 46 w 83"/>
                  <a:gd name="T13" fmla="*/ 24 h 59"/>
                  <a:gd name="T14" fmla="*/ 43 w 83"/>
                  <a:gd name="T15" fmla="*/ 30 h 59"/>
                  <a:gd name="T16" fmla="*/ 44 w 83"/>
                  <a:gd name="T17" fmla="*/ 35 h 59"/>
                  <a:gd name="T18" fmla="*/ 50 w 83"/>
                  <a:gd name="T19" fmla="*/ 39 h 59"/>
                  <a:gd name="T20" fmla="*/ 55 w 83"/>
                  <a:gd name="T21" fmla="*/ 41 h 59"/>
                  <a:gd name="T22" fmla="*/ 57 w 83"/>
                  <a:gd name="T23" fmla="*/ 43 h 59"/>
                  <a:gd name="T24" fmla="*/ 67 w 83"/>
                  <a:gd name="T25" fmla="*/ 48 h 59"/>
                  <a:gd name="T26" fmla="*/ 59 w 83"/>
                  <a:gd name="T27" fmla="*/ 50 h 59"/>
                  <a:gd name="T28" fmla="*/ 55 w 83"/>
                  <a:gd name="T29" fmla="*/ 54 h 59"/>
                  <a:gd name="T30" fmla="*/ 48 w 83"/>
                  <a:gd name="T31" fmla="*/ 54 h 59"/>
                  <a:gd name="T32" fmla="*/ 44 w 83"/>
                  <a:gd name="T33" fmla="*/ 54 h 59"/>
                  <a:gd name="T34" fmla="*/ 41 w 83"/>
                  <a:gd name="T35" fmla="*/ 57 h 59"/>
                  <a:gd name="T36" fmla="*/ 35 w 83"/>
                  <a:gd name="T37" fmla="*/ 57 h 59"/>
                  <a:gd name="T38" fmla="*/ 33 w 83"/>
                  <a:gd name="T39" fmla="*/ 56 h 59"/>
                  <a:gd name="T40" fmla="*/ 37 w 83"/>
                  <a:gd name="T41" fmla="*/ 56 h 59"/>
                  <a:gd name="T42" fmla="*/ 39 w 83"/>
                  <a:gd name="T43" fmla="*/ 50 h 59"/>
                  <a:gd name="T44" fmla="*/ 33 w 83"/>
                  <a:gd name="T45" fmla="*/ 48 h 59"/>
                  <a:gd name="T46" fmla="*/ 33 w 83"/>
                  <a:gd name="T47" fmla="*/ 41 h 59"/>
                  <a:gd name="T48" fmla="*/ 35 w 83"/>
                  <a:gd name="T49" fmla="*/ 39 h 59"/>
                  <a:gd name="T50" fmla="*/ 31 w 83"/>
                  <a:gd name="T51" fmla="*/ 39 h 59"/>
                  <a:gd name="T52" fmla="*/ 28 w 83"/>
                  <a:gd name="T53" fmla="*/ 35 h 59"/>
                  <a:gd name="T54" fmla="*/ 22 w 83"/>
                  <a:gd name="T55" fmla="*/ 35 h 59"/>
                  <a:gd name="T56" fmla="*/ 19 w 83"/>
                  <a:gd name="T57" fmla="*/ 35 h 59"/>
                  <a:gd name="T58" fmla="*/ 17 w 83"/>
                  <a:gd name="T59" fmla="*/ 37 h 59"/>
                  <a:gd name="T60" fmla="*/ 13 w 83"/>
                  <a:gd name="T61" fmla="*/ 33 h 59"/>
                  <a:gd name="T62" fmla="*/ 17 w 83"/>
                  <a:gd name="T63" fmla="*/ 30 h 59"/>
                  <a:gd name="T64" fmla="*/ 22 w 83"/>
                  <a:gd name="T65" fmla="*/ 28 h 59"/>
                  <a:gd name="T66" fmla="*/ 22 w 83"/>
                  <a:gd name="T67" fmla="*/ 26 h 59"/>
                  <a:gd name="T68" fmla="*/ 19 w 83"/>
                  <a:gd name="T69" fmla="*/ 22 h 59"/>
                  <a:gd name="T70" fmla="*/ 17 w 83"/>
                  <a:gd name="T71" fmla="*/ 22 h 59"/>
                  <a:gd name="T72" fmla="*/ 11 w 83"/>
                  <a:gd name="T73" fmla="*/ 20 h 59"/>
                  <a:gd name="T74" fmla="*/ 6 w 83"/>
                  <a:gd name="T75" fmla="*/ 20 h 59"/>
                  <a:gd name="T76" fmla="*/ 6 w 83"/>
                  <a:gd name="T77" fmla="*/ 17 h 59"/>
                  <a:gd name="T78" fmla="*/ 2 w 83"/>
                  <a:gd name="T79" fmla="*/ 15 h 59"/>
                  <a:gd name="T80" fmla="*/ 0 w 83"/>
                  <a:gd name="T81" fmla="*/ 11 h 59"/>
                  <a:gd name="T82" fmla="*/ 4 w 83"/>
                  <a:gd name="T83" fmla="*/ 7 h 59"/>
                  <a:gd name="T84" fmla="*/ 7 w 83"/>
                  <a:gd name="T85" fmla="*/ 4 h 59"/>
                  <a:gd name="T86" fmla="*/ 13 w 83"/>
                  <a:gd name="T87" fmla="*/ 0 h 59"/>
                  <a:gd name="T88" fmla="*/ 17 w 83"/>
                  <a:gd name="T89" fmla="*/ 4 h 59"/>
                  <a:gd name="T90" fmla="*/ 19 w 83"/>
                  <a:gd name="T91" fmla="*/ 9 h 59"/>
                  <a:gd name="T92" fmla="*/ 26 w 83"/>
                  <a:gd name="T93" fmla="*/ 9 h 59"/>
                  <a:gd name="T94" fmla="*/ 31 w 83"/>
                  <a:gd name="T95" fmla="*/ 7 h 59"/>
                  <a:gd name="T96" fmla="*/ 39 w 83"/>
                  <a:gd name="T97" fmla="*/ 7 h 59"/>
                  <a:gd name="T98" fmla="*/ 44 w 83"/>
                  <a:gd name="T99" fmla="*/ 6 h 59"/>
                  <a:gd name="T100" fmla="*/ 48 w 83"/>
                  <a:gd name="T101" fmla="*/ 9 h 59"/>
                  <a:gd name="T102" fmla="*/ 55 w 83"/>
                  <a:gd name="T103" fmla="*/ 7 h 59"/>
                  <a:gd name="T104" fmla="*/ 59 w 83"/>
                  <a:gd name="T105" fmla="*/ 4 h 59"/>
                  <a:gd name="T106" fmla="*/ 65 w 83"/>
                  <a:gd name="T107" fmla="*/ 2 h 59"/>
                  <a:gd name="T108" fmla="*/ 70 w 83"/>
                  <a:gd name="T109" fmla="*/ 2 h 59"/>
                  <a:gd name="T110" fmla="*/ 74 w 83"/>
                  <a:gd name="T111" fmla="*/ 2 h 59"/>
                  <a:gd name="T112" fmla="*/ 80 w 83"/>
                  <a:gd name="T113" fmla="*/ 0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83" h="59">
                    <a:moveTo>
                      <a:pt x="83" y="0"/>
                    </a:moveTo>
                    <a:lnTo>
                      <a:pt x="83" y="2"/>
                    </a:lnTo>
                    <a:lnTo>
                      <a:pt x="81" y="2"/>
                    </a:lnTo>
                    <a:lnTo>
                      <a:pt x="80" y="4"/>
                    </a:lnTo>
                    <a:lnTo>
                      <a:pt x="78" y="4"/>
                    </a:lnTo>
                    <a:lnTo>
                      <a:pt x="78" y="6"/>
                    </a:lnTo>
                    <a:lnTo>
                      <a:pt x="78" y="7"/>
                    </a:lnTo>
                    <a:lnTo>
                      <a:pt x="76" y="6"/>
                    </a:lnTo>
                    <a:lnTo>
                      <a:pt x="76" y="7"/>
                    </a:lnTo>
                    <a:lnTo>
                      <a:pt x="74" y="7"/>
                    </a:lnTo>
                    <a:lnTo>
                      <a:pt x="70" y="9"/>
                    </a:lnTo>
                    <a:lnTo>
                      <a:pt x="68" y="9"/>
                    </a:lnTo>
                    <a:lnTo>
                      <a:pt x="68" y="11"/>
                    </a:lnTo>
                    <a:lnTo>
                      <a:pt x="68" y="13"/>
                    </a:lnTo>
                    <a:lnTo>
                      <a:pt x="67" y="13"/>
                    </a:lnTo>
                    <a:lnTo>
                      <a:pt x="65" y="15"/>
                    </a:lnTo>
                    <a:lnTo>
                      <a:pt x="63" y="15"/>
                    </a:lnTo>
                    <a:lnTo>
                      <a:pt x="61" y="15"/>
                    </a:lnTo>
                    <a:lnTo>
                      <a:pt x="61" y="17"/>
                    </a:lnTo>
                    <a:lnTo>
                      <a:pt x="59" y="17"/>
                    </a:lnTo>
                    <a:lnTo>
                      <a:pt x="57" y="19"/>
                    </a:lnTo>
                    <a:lnTo>
                      <a:pt x="55" y="19"/>
                    </a:lnTo>
                    <a:lnTo>
                      <a:pt x="54" y="20"/>
                    </a:lnTo>
                    <a:lnTo>
                      <a:pt x="52" y="22"/>
                    </a:lnTo>
                    <a:lnTo>
                      <a:pt x="50" y="22"/>
                    </a:lnTo>
                    <a:lnTo>
                      <a:pt x="48" y="22"/>
                    </a:lnTo>
                    <a:lnTo>
                      <a:pt x="48" y="24"/>
                    </a:lnTo>
                    <a:lnTo>
                      <a:pt x="46" y="24"/>
                    </a:lnTo>
                    <a:lnTo>
                      <a:pt x="44" y="26"/>
                    </a:lnTo>
                    <a:lnTo>
                      <a:pt x="43" y="26"/>
                    </a:lnTo>
                    <a:lnTo>
                      <a:pt x="43" y="28"/>
                    </a:lnTo>
                    <a:lnTo>
                      <a:pt x="43" y="30"/>
                    </a:lnTo>
                    <a:lnTo>
                      <a:pt x="44" y="32"/>
                    </a:lnTo>
                    <a:lnTo>
                      <a:pt x="43" y="33"/>
                    </a:lnTo>
                    <a:lnTo>
                      <a:pt x="43" y="35"/>
                    </a:lnTo>
                    <a:lnTo>
                      <a:pt x="44" y="35"/>
                    </a:lnTo>
                    <a:lnTo>
                      <a:pt x="46" y="37"/>
                    </a:lnTo>
                    <a:lnTo>
                      <a:pt x="46" y="35"/>
                    </a:lnTo>
                    <a:lnTo>
                      <a:pt x="50" y="37"/>
                    </a:lnTo>
                    <a:lnTo>
                      <a:pt x="50" y="39"/>
                    </a:lnTo>
                    <a:lnTo>
                      <a:pt x="52" y="39"/>
                    </a:lnTo>
                    <a:lnTo>
                      <a:pt x="54" y="39"/>
                    </a:lnTo>
                    <a:lnTo>
                      <a:pt x="54" y="41"/>
                    </a:lnTo>
                    <a:lnTo>
                      <a:pt x="55" y="41"/>
                    </a:lnTo>
                    <a:lnTo>
                      <a:pt x="54" y="41"/>
                    </a:lnTo>
                    <a:lnTo>
                      <a:pt x="54" y="43"/>
                    </a:lnTo>
                    <a:lnTo>
                      <a:pt x="55" y="43"/>
                    </a:lnTo>
                    <a:lnTo>
                      <a:pt x="57" y="43"/>
                    </a:lnTo>
                    <a:lnTo>
                      <a:pt x="59" y="43"/>
                    </a:lnTo>
                    <a:lnTo>
                      <a:pt x="61" y="44"/>
                    </a:lnTo>
                    <a:lnTo>
                      <a:pt x="63" y="46"/>
                    </a:lnTo>
                    <a:lnTo>
                      <a:pt x="67" y="48"/>
                    </a:lnTo>
                    <a:lnTo>
                      <a:pt x="65" y="48"/>
                    </a:lnTo>
                    <a:lnTo>
                      <a:pt x="63" y="48"/>
                    </a:lnTo>
                    <a:lnTo>
                      <a:pt x="61" y="50"/>
                    </a:lnTo>
                    <a:lnTo>
                      <a:pt x="59" y="50"/>
                    </a:lnTo>
                    <a:lnTo>
                      <a:pt x="59" y="52"/>
                    </a:lnTo>
                    <a:lnTo>
                      <a:pt x="57" y="52"/>
                    </a:lnTo>
                    <a:lnTo>
                      <a:pt x="57" y="54"/>
                    </a:lnTo>
                    <a:lnTo>
                      <a:pt x="55" y="54"/>
                    </a:lnTo>
                    <a:lnTo>
                      <a:pt x="54" y="54"/>
                    </a:lnTo>
                    <a:lnTo>
                      <a:pt x="52" y="54"/>
                    </a:lnTo>
                    <a:lnTo>
                      <a:pt x="50" y="54"/>
                    </a:lnTo>
                    <a:lnTo>
                      <a:pt x="48" y="54"/>
                    </a:lnTo>
                    <a:lnTo>
                      <a:pt x="48" y="56"/>
                    </a:lnTo>
                    <a:lnTo>
                      <a:pt x="46" y="56"/>
                    </a:lnTo>
                    <a:lnTo>
                      <a:pt x="46" y="54"/>
                    </a:lnTo>
                    <a:lnTo>
                      <a:pt x="44" y="54"/>
                    </a:lnTo>
                    <a:lnTo>
                      <a:pt x="44" y="56"/>
                    </a:lnTo>
                    <a:lnTo>
                      <a:pt x="43" y="56"/>
                    </a:lnTo>
                    <a:lnTo>
                      <a:pt x="41" y="56"/>
                    </a:lnTo>
                    <a:lnTo>
                      <a:pt x="41" y="57"/>
                    </a:lnTo>
                    <a:lnTo>
                      <a:pt x="39" y="57"/>
                    </a:lnTo>
                    <a:lnTo>
                      <a:pt x="37" y="57"/>
                    </a:lnTo>
                    <a:lnTo>
                      <a:pt x="35" y="59"/>
                    </a:lnTo>
                    <a:lnTo>
                      <a:pt x="35" y="57"/>
                    </a:lnTo>
                    <a:lnTo>
                      <a:pt x="33" y="57"/>
                    </a:lnTo>
                    <a:lnTo>
                      <a:pt x="31" y="57"/>
                    </a:lnTo>
                    <a:lnTo>
                      <a:pt x="33" y="57"/>
                    </a:lnTo>
                    <a:lnTo>
                      <a:pt x="33" y="56"/>
                    </a:lnTo>
                    <a:lnTo>
                      <a:pt x="35" y="56"/>
                    </a:lnTo>
                    <a:lnTo>
                      <a:pt x="33" y="56"/>
                    </a:lnTo>
                    <a:lnTo>
                      <a:pt x="35" y="56"/>
                    </a:lnTo>
                    <a:lnTo>
                      <a:pt x="37" y="56"/>
                    </a:lnTo>
                    <a:lnTo>
                      <a:pt x="37" y="54"/>
                    </a:lnTo>
                    <a:lnTo>
                      <a:pt x="39" y="54"/>
                    </a:lnTo>
                    <a:lnTo>
                      <a:pt x="39" y="52"/>
                    </a:lnTo>
                    <a:lnTo>
                      <a:pt x="39" y="50"/>
                    </a:lnTo>
                    <a:lnTo>
                      <a:pt x="39" y="48"/>
                    </a:lnTo>
                    <a:lnTo>
                      <a:pt x="37" y="48"/>
                    </a:lnTo>
                    <a:lnTo>
                      <a:pt x="35" y="48"/>
                    </a:lnTo>
                    <a:lnTo>
                      <a:pt x="33" y="48"/>
                    </a:lnTo>
                    <a:lnTo>
                      <a:pt x="33" y="44"/>
                    </a:lnTo>
                    <a:lnTo>
                      <a:pt x="35" y="44"/>
                    </a:lnTo>
                    <a:lnTo>
                      <a:pt x="35" y="41"/>
                    </a:lnTo>
                    <a:lnTo>
                      <a:pt x="33" y="41"/>
                    </a:lnTo>
                    <a:lnTo>
                      <a:pt x="35" y="41"/>
                    </a:lnTo>
                    <a:lnTo>
                      <a:pt x="35" y="39"/>
                    </a:lnTo>
                    <a:lnTo>
                      <a:pt x="37" y="39"/>
                    </a:lnTo>
                    <a:lnTo>
                      <a:pt x="35" y="39"/>
                    </a:lnTo>
                    <a:lnTo>
                      <a:pt x="35" y="37"/>
                    </a:lnTo>
                    <a:lnTo>
                      <a:pt x="33" y="37"/>
                    </a:lnTo>
                    <a:lnTo>
                      <a:pt x="33" y="39"/>
                    </a:lnTo>
                    <a:lnTo>
                      <a:pt x="31" y="39"/>
                    </a:lnTo>
                    <a:lnTo>
                      <a:pt x="31" y="37"/>
                    </a:lnTo>
                    <a:lnTo>
                      <a:pt x="30" y="37"/>
                    </a:lnTo>
                    <a:lnTo>
                      <a:pt x="30" y="35"/>
                    </a:lnTo>
                    <a:lnTo>
                      <a:pt x="28" y="35"/>
                    </a:lnTo>
                    <a:lnTo>
                      <a:pt x="28" y="37"/>
                    </a:lnTo>
                    <a:lnTo>
                      <a:pt x="26" y="35"/>
                    </a:lnTo>
                    <a:lnTo>
                      <a:pt x="24" y="35"/>
                    </a:lnTo>
                    <a:lnTo>
                      <a:pt x="22" y="35"/>
                    </a:lnTo>
                    <a:lnTo>
                      <a:pt x="22" y="37"/>
                    </a:lnTo>
                    <a:lnTo>
                      <a:pt x="20" y="37"/>
                    </a:lnTo>
                    <a:lnTo>
                      <a:pt x="20" y="35"/>
                    </a:lnTo>
                    <a:lnTo>
                      <a:pt x="19" y="35"/>
                    </a:lnTo>
                    <a:lnTo>
                      <a:pt x="19" y="37"/>
                    </a:lnTo>
                    <a:lnTo>
                      <a:pt x="19" y="35"/>
                    </a:lnTo>
                    <a:lnTo>
                      <a:pt x="17" y="35"/>
                    </a:lnTo>
                    <a:lnTo>
                      <a:pt x="17" y="37"/>
                    </a:lnTo>
                    <a:lnTo>
                      <a:pt x="15" y="37"/>
                    </a:lnTo>
                    <a:lnTo>
                      <a:pt x="15" y="35"/>
                    </a:lnTo>
                    <a:lnTo>
                      <a:pt x="13" y="35"/>
                    </a:lnTo>
                    <a:lnTo>
                      <a:pt x="13" y="33"/>
                    </a:lnTo>
                    <a:lnTo>
                      <a:pt x="15" y="33"/>
                    </a:lnTo>
                    <a:lnTo>
                      <a:pt x="17" y="33"/>
                    </a:lnTo>
                    <a:lnTo>
                      <a:pt x="17" y="32"/>
                    </a:lnTo>
                    <a:lnTo>
                      <a:pt x="17" y="30"/>
                    </a:lnTo>
                    <a:lnTo>
                      <a:pt x="19" y="30"/>
                    </a:lnTo>
                    <a:lnTo>
                      <a:pt x="20" y="30"/>
                    </a:lnTo>
                    <a:lnTo>
                      <a:pt x="22" y="30"/>
                    </a:lnTo>
                    <a:lnTo>
                      <a:pt x="22" y="28"/>
                    </a:lnTo>
                    <a:lnTo>
                      <a:pt x="24" y="28"/>
                    </a:lnTo>
                    <a:lnTo>
                      <a:pt x="24" y="26"/>
                    </a:lnTo>
                    <a:lnTo>
                      <a:pt x="22" y="24"/>
                    </a:lnTo>
                    <a:lnTo>
                      <a:pt x="22" y="26"/>
                    </a:lnTo>
                    <a:lnTo>
                      <a:pt x="22" y="24"/>
                    </a:lnTo>
                    <a:lnTo>
                      <a:pt x="20" y="24"/>
                    </a:lnTo>
                    <a:lnTo>
                      <a:pt x="19" y="24"/>
                    </a:lnTo>
                    <a:lnTo>
                      <a:pt x="19" y="22"/>
                    </a:lnTo>
                    <a:lnTo>
                      <a:pt x="19" y="24"/>
                    </a:lnTo>
                    <a:lnTo>
                      <a:pt x="19" y="22"/>
                    </a:lnTo>
                    <a:lnTo>
                      <a:pt x="17" y="20"/>
                    </a:lnTo>
                    <a:lnTo>
                      <a:pt x="17" y="22"/>
                    </a:lnTo>
                    <a:lnTo>
                      <a:pt x="15" y="22"/>
                    </a:lnTo>
                    <a:lnTo>
                      <a:pt x="13" y="22"/>
                    </a:lnTo>
                    <a:lnTo>
                      <a:pt x="13" y="20"/>
                    </a:lnTo>
                    <a:lnTo>
                      <a:pt x="11" y="20"/>
                    </a:lnTo>
                    <a:lnTo>
                      <a:pt x="9" y="20"/>
                    </a:lnTo>
                    <a:lnTo>
                      <a:pt x="9" y="19"/>
                    </a:lnTo>
                    <a:lnTo>
                      <a:pt x="7" y="20"/>
                    </a:lnTo>
                    <a:lnTo>
                      <a:pt x="6" y="20"/>
                    </a:lnTo>
                    <a:lnTo>
                      <a:pt x="6" y="19"/>
                    </a:lnTo>
                    <a:lnTo>
                      <a:pt x="4" y="19"/>
                    </a:lnTo>
                    <a:lnTo>
                      <a:pt x="4" y="17"/>
                    </a:lnTo>
                    <a:lnTo>
                      <a:pt x="6" y="17"/>
                    </a:lnTo>
                    <a:lnTo>
                      <a:pt x="4" y="15"/>
                    </a:lnTo>
                    <a:lnTo>
                      <a:pt x="4" y="17"/>
                    </a:lnTo>
                    <a:lnTo>
                      <a:pt x="2" y="17"/>
                    </a:lnTo>
                    <a:lnTo>
                      <a:pt x="2" y="15"/>
                    </a:lnTo>
                    <a:lnTo>
                      <a:pt x="0" y="15"/>
                    </a:lnTo>
                    <a:lnTo>
                      <a:pt x="2" y="15"/>
                    </a:lnTo>
                    <a:lnTo>
                      <a:pt x="0" y="13"/>
                    </a:lnTo>
                    <a:lnTo>
                      <a:pt x="0" y="11"/>
                    </a:lnTo>
                    <a:lnTo>
                      <a:pt x="2" y="11"/>
                    </a:lnTo>
                    <a:lnTo>
                      <a:pt x="2" y="9"/>
                    </a:lnTo>
                    <a:lnTo>
                      <a:pt x="4" y="9"/>
                    </a:lnTo>
                    <a:lnTo>
                      <a:pt x="4" y="7"/>
                    </a:lnTo>
                    <a:lnTo>
                      <a:pt x="6" y="7"/>
                    </a:lnTo>
                    <a:lnTo>
                      <a:pt x="6" y="6"/>
                    </a:lnTo>
                    <a:lnTo>
                      <a:pt x="6" y="4"/>
                    </a:lnTo>
                    <a:lnTo>
                      <a:pt x="7" y="4"/>
                    </a:lnTo>
                    <a:lnTo>
                      <a:pt x="9" y="4"/>
                    </a:lnTo>
                    <a:lnTo>
                      <a:pt x="9" y="2"/>
                    </a:lnTo>
                    <a:lnTo>
                      <a:pt x="11" y="0"/>
                    </a:lnTo>
                    <a:lnTo>
                      <a:pt x="13" y="0"/>
                    </a:lnTo>
                    <a:lnTo>
                      <a:pt x="15" y="0"/>
                    </a:lnTo>
                    <a:lnTo>
                      <a:pt x="15" y="2"/>
                    </a:lnTo>
                    <a:lnTo>
                      <a:pt x="15" y="4"/>
                    </a:lnTo>
                    <a:lnTo>
                      <a:pt x="17" y="4"/>
                    </a:lnTo>
                    <a:lnTo>
                      <a:pt x="17" y="6"/>
                    </a:lnTo>
                    <a:lnTo>
                      <a:pt x="17" y="7"/>
                    </a:lnTo>
                    <a:lnTo>
                      <a:pt x="17" y="9"/>
                    </a:lnTo>
                    <a:lnTo>
                      <a:pt x="19" y="9"/>
                    </a:lnTo>
                    <a:lnTo>
                      <a:pt x="20" y="9"/>
                    </a:lnTo>
                    <a:lnTo>
                      <a:pt x="22" y="9"/>
                    </a:lnTo>
                    <a:lnTo>
                      <a:pt x="24" y="9"/>
                    </a:lnTo>
                    <a:lnTo>
                      <a:pt x="26" y="9"/>
                    </a:lnTo>
                    <a:lnTo>
                      <a:pt x="28" y="9"/>
                    </a:lnTo>
                    <a:lnTo>
                      <a:pt x="30" y="9"/>
                    </a:lnTo>
                    <a:lnTo>
                      <a:pt x="30" y="7"/>
                    </a:lnTo>
                    <a:lnTo>
                      <a:pt x="31" y="7"/>
                    </a:lnTo>
                    <a:lnTo>
                      <a:pt x="33" y="7"/>
                    </a:lnTo>
                    <a:lnTo>
                      <a:pt x="35" y="7"/>
                    </a:lnTo>
                    <a:lnTo>
                      <a:pt x="37" y="7"/>
                    </a:lnTo>
                    <a:lnTo>
                      <a:pt x="39" y="7"/>
                    </a:lnTo>
                    <a:lnTo>
                      <a:pt x="41" y="7"/>
                    </a:lnTo>
                    <a:lnTo>
                      <a:pt x="43" y="7"/>
                    </a:lnTo>
                    <a:lnTo>
                      <a:pt x="44" y="7"/>
                    </a:lnTo>
                    <a:lnTo>
                      <a:pt x="44" y="6"/>
                    </a:lnTo>
                    <a:lnTo>
                      <a:pt x="46" y="6"/>
                    </a:lnTo>
                    <a:lnTo>
                      <a:pt x="48" y="6"/>
                    </a:lnTo>
                    <a:lnTo>
                      <a:pt x="48" y="7"/>
                    </a:lnTo>
                    <a:lnTo>
                      <a:pt x="48" y="9"/>
                    </a:lnTo>
                    <a:lnTo>
                      <a:pt x="50" y="7"/>
                    </a:lnTo>
                    <a:lnTo>
                      <a:pt x="52" y="7"/>
                    </a:lnTo>
                    <a:lnTo>
                      <a:pt x="54" y="7"/>
                    </a:lnTo>
                    <a:lnTo>
                      <a:pt x="55" y="7"/>
                    </a:lnTo>
                    <a:lnTo>
                      <a:pt x="55" y="6"/>
                    </a:lnTo>
                    <a:lnTo>
                      <a:pt x="57" y="6"/>
                    </a:lnTo>
                    <a:lnTo>
                      <a:pt x="59" y="6"/>
                    </a:lnTo>
                    <a:lnTo>
                      <a:pt x="59" y="4"/>
                    </a:lnTo>
                    <a:lnTo>
                      <a:pt x="61" y="4"/>
                    </a:lnTo>
                    <a:lnTo>
                      <a:pt x="63" y="4"/>
                    </a:lnTo>
                    <a:lnTo>
                      <a:pt x="63" y="2"/>
                    </a:lnTo>
                    <a:lnTo>
                      <a:pt x="65" y="2"/>
                    </a:lnTo>
                    <a:lnTo>
                      <a:pt x="67" y="2"/>
                    </a:lnTo>
                    <a:lnTo>
                      <a:pt x="67" y="4"/>
                    </a:lnTo>
                    <a:lnTo>
                      <a:pt x="68" y="4"/>
                    </a:lnTo>
                    <a:lnTo>
                      <a:pt x="70" y="2"/>
                    </a:lnTo>
                    <a:lnTo>
                      <a:pt x="70" y="4"/>
                    </a:lnTo>
                    <a:lnTo>
                      <a:pt x="70" y="2"/>
                    </a:lnTo>
                    <a:lnTo>
                      <a:pt x="72" y="2"/>
                    </a:lnTo>
                    <a:lnTo>
                      <a:pt x="74" y="2"/>
                    </a:lnTo>
                    <a:lnTo>
                      <a:pt x="76" y="2"/>
                    </a:lnTo>
                    <a:lnTo>
                      <a:pt x="78" y="2"/>
                    </a:lnTo>
                    <a:lnTo>
                      <a:pt x="80" y="2"/>
                    </a:lnTo>
                    <a:lnTo>
                      <a:pt x="80" y="0"/>
                    </a:lnTo>
                    <a:lnTo>
                      <a:pt x="81" y="0"/>
                    </a:lnTo>
                    <a:lnTo>
                      <a:pt x="83" y="0"/>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66" name="Freeform 214"/>
              <p:cNvSpPr>
                <a:spLocks/>
              </p:cNvSpPr>
              <p:nvPr/>
            </p:nvSpPr>
            <p:spPr bwMode="auto">
              <a:xfrm>
                <a:off x="9126537" y="1350962"/>
                <a:ext cx="3175" cy="0"/>
              </a:xfrm>
              <a:custGeom>
                <a:avLst/>
                <a:gdLst>
                  <a:gd name="T0" fmla="*/ 0 w 2"/>
                  <a:gd name="T1" fmla="*/ 2 w 2"/>
                  <a:gd name="T2" fmla="*/ 2 w 2"/>
                  <a:gd name="T3" fmla="*/ 2 w 2"/>
                  <a:gd name="T4" fmla="*/ 2 w 2"/>
                  <a:gd name="T5" fmla="*/ 2 w 2"/>
                  <a:gd name="T6" fmla="*/ 2 w 2"/>
                  <a:gd name="T7" fmla="*/ 2 w 2"/>
                  <a:gd name="T8" fmla="*/ 2 w 2"/>
                  <a:gd name="T9" fmla="*/ 2 w 2"/>
                  <a:gd name="T10" fmla="*/ 0 w 2"/>
                  <a:gd name="T11" fmla="*/ 0 w 2"/>
                  <a:gd name="T12" fmla="*/ 0 w 2"/>
                  <a:gd name="T13" fmla="*/ 0 w 2"/>
                  <a:gd name="T14" fmla="*/ 0 w 2"/>
                  <a:gd name="T15" fmla="*/ 0 w 2"/>
                  <a:gd name="T16" fmla="*/ 0 w 2"/>
                </a:gdLst>
                <a:ahLst/>
                <a:cxnLst>
                  <a:cxn ang="0">
                    <a:pos x="T0" y="0"/>
                  </a:cxn>
                  <a:cxn ang="0">
                    <a:pos x="T1" y="0"/>
                  </a:cxn>
                  <a:cxn ang="0">
                    <a:pos x="T2" y="0"/>
                  </a:cxn>
                  <a:cxn ang="0">
                    <a:pos x="T3" y="0"/>
                  </a:cxn>
                  <a:cxn ang="0">
                    <a:pos x="T4" y="0"/>
                  </a:cxn>
                  <a:cxn ang="0">
                    <a:pos x="T5" y="0"/>
                  </a:cxn>
                  <a:cxn ang="0">
                    <a:pos x="T6" y="0"/>
                  </a:cxn>
                  <a:cxn ang="0">
                    <a:pos x="T7" y="0"/>
                  </a:cxn>
                  <a:cxn ang="0">
                    <a:pos x="T8" y="0"/>
                  </a:cxn>
                  <a:cxn ang="0">
                    <a:pos x="T9" y="0"/>
                  </a:cxn>
                  <a:cxn ang="0">
                    <a:pos x="T10" y="0"/>
                  </a:cxn>
                  <a:cxn ang="0">
                    <a:pos x="T11" y="0"/>
                  </a:cxn>
                  <a:cxn ang="0">
                    <a:pos x="T12" y="0"/>
                  </a:cxn>
                  <a:cxn ang="0">
                    <a:pos x="T13" y="0"/>
                  </a:cxn>
                  <a:cxn ang="0">
                    <a:pos x="T14" y="0"/>
                  </a:cxn>
                  <a:cxn ang="0">
                    <a:pos x="T15" y="0"/>
                  </a:cxn>
                  <a:cxn ang="0">
                    <a:pos x="T16" y="0"/>
                  </a:cxn>
                </a:cxnLst>
                <a:rect l="0" t="0" r="r" b="b"/>
                <a:pathLst>
                  <a:path w="2">
                    <a:moveTo>
                      <a:pt x="0" y="0"/>
                    </a:moveTo>
                    <a:lnTo>
                      <a:pt x="2" y="0"/>
                    </a:lnTo>
                    <a:lnTo>
                      <a:pt x="2" y="0"/>
                    </a:lnTo>
                    <a:lnTo>
                      <a:pt x="2" y="0"/>
                    </a:lnTo>
                    <a:lnTo>
                      <a:pt x="2" y="0"/>
                    </a:lnTo>
                    <a:lnTo>
                      <a:pt x="2" y="0"/>
                    </a:lnTo>
                    <a:lnTo>
                      <a:pt x="2" y="0"/>
                    </a:lnTo>
                    <a:lnTo>
                      <a:pt x="2" y="0"/>
                    </a:lnTo>
                    <a:lnTo>
                      <a:pt x="2" y="0"/>
                    </a:lnTo>
                    <a:lnTo>
                      <a:pt x="2" y="0"/>
                    </a:lnTo>
                    <a:lnTo>
                      <a:pt x="0" y="0"/>
                    </a:lnTo>
                    <a:lnTo>
                      <a:pt x="0" y="0"/>
                    </a:lnTo>
                    <a:lnTo>
                      <a:pt x="0" y="0"/>
                    </a:lnTo>
                    <a:lnTo>
                      <a:pt x="0" y="0"/>
                    </a:lnTo>
                    <a:lnTo>
                      <a:pt x="0" y="0"/>
                    </a:lnTo>
                    <a:lnTo>
                      <a:pt x="0" y="0"/>
                    </a:lnTo>
                    <a:lnTo>
                      <a:pt x="0" y="0"/>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grpSp>
          <p:nvGrpSpPr>
            <p:cNvPr id="67" name="Groupe 2"/>
            <p:cNvGrpSpPr/>
            <p:nvPr/>
          </p:nvGrpSpPr>
          <p:grpSpPr>
            <a:xfrm>
              <a:off x="3825743" y="2523144"/>
              <a:ext cx="996601" cy="911118"/>
              <a:chOff x="4143375" y="1223962"/>
              <a:chExt cx="1517650" cy="1387475"/>
            </a:xfrm>
          </p:grpSpPr>
          <p:grpSp>
            <p:nvGrpSpPr>
              <p:cNvPr id="68" name="Groupe 1"/>
              <p:cNvGrpSpPr/>
              <p:nvPr/>
            </p:nvGrpSpPr>
            <p:grpSpPr>
              <a:xfrm>
                <a:off x="4143375" y="1223962"/>
                <a:ext cx="1517650" cy="1387475"/>
                <a:chOff x="4143375" y="1223962"/>
                <a:chExt cx="1517650" cy="1387475"/>
              </a:xfrm>
            </p:grpSpPr>
            <p:sp>
              <p:nvSpPr>
                <p:cNvPr id="70" name="Freeform 171"/>
                <p:cNvSpPr>
                  <a:spLocks/>
                </p:cNvSpPr>
                <p:nvPr/>
              </p:nvSpPr>
              <p:spPr bwMode="auto">
                <a:xfrm>
                  <a:off x="4222750" y="1406525"/>
                  <a:ext cx="173038" cy="114300"/>
                </a:xfrm>
                <a:custGeom>
                  <a:avLst/>
                  <a:gdLst>
                    <a:gd name="T0" fmla="*/ 13 w 109"/>
                    <a:gd name="T1" fmla="*/ 30 h 72"/>
                    <a:gd name="T2" fmla="*/ 24 w 109"/>
                    <a:gd name="T3" fmla="*/ 22 h 72"/>
                    <a:gd name="T4" fmla="*/ 37 w 109"/>
                    <a:gd name="T5" fmla="*/ 20 h 72"/>
                    <a:gd name="T6" fmla="*/ 39 w 109"/>
                    <a:gd name="T7" fmla="*/ 15 h 72"/>
                    <a:gd name="T8" fmla="*/ 41 w 109"/>
                    <a:gd name="T9" fmla="*/ 13 h 72"/>
                    <a:gd name="T10" fmla="*/ 44 w 109"/>
                    <a:gd name="T11" fmla="*/ 11 h 72"/>
                    <a:gd name="T12" fmla="*/ 48 w 109"/>
                    <a:gd name="T13" fmla="*/ 9 h 72"/>
                    <a:gd name="T14" fmla="*/ 52 w 109"/>
                    <a:gd name="T15" fmla="*/ 8 h 72"/>
                    <a:gd name="T16" fmla="*/ 54 w 109"/>
                    <a:gd name="T17" fmla="*/ 8 h 72"/>
                    <a:gd name="T18" fmla="*/ 56 w 109"/>
                    <a:gd name="T19" fmla="*/ 6 h 72"/>
                    <a:gd name="T20" fmla="*/ 57 w 109"/>
                    <a:gd name="T21" fmla="*/ 4 h 72"/>
                    <a:gd name="T22" fmla="*/ 59 w 109"/>
                    <a:gd name="T23" fmla="*/ 4 h 72"/>
                    <a:gd name="T24" fmla="*/ 61 w 109"/>
                    <a:gd name="T25" fmla="*/ 2 h 72"/>
                    <a:gd name="T26" fmla="*/ 74 w 109"/>
                    <a:gd name="T27" fmla="*/ 6 h 72"/>
                    <a:gd name="T28" fmla="*/ 87 w 109"/>
                    <a:gd name="T29" fmla="*/ 4 h 72"/>
                    <a:gd name="T30" fmla="*/ 89 w 109"/>
                    <a:gd name="T31" fmla="*/ 8 h 72"/>
                    <a:gd name="T32" fmla="*/ 104 w 109"/>
                    <a:gd name="T33" fmla="*/ 22 h 72"/>
                    <a:gd name="T34" fmla="*/ 105 w 109"/>
                    <a:gd name="T35" fmla="*/ 28 h 72"/>
                    <a:gd name="T36" fmla="*/ 107 w 109"/>
                    <a:gd name="T37" fmla="*/ 33 h 72"/>
                    <a:gd name="T38" fmla="*/ 109 w 109"/>
                    <a:gd name="T39" fmla="*/ 37 h 72"/>
                    <a:gd name="T40" fmla="*/ 107 w 109"/>
                    <a:gd name="T41" fmla="*/ 46 h 72"/>
                    <a:gd name="T42" fmla="*/ 102 w 109"/>
                    <a:gd name="T43" fmla="*/ 56 h 72"/>
                    <a:gd name="T44" fmla="*/ 102 w 109"/>
                    <a:gd name="T45" fmla="*/ 59 h 72"/>
                    <a:gd name="T46" fmla="*/ 100 w 109"/>
                    <a:gd name="T47" fmla="*/ 65 h 72"/>
                    <a:gd name="T48" fmla="*/ 94 w 109"/>
                    <a:gd name="T49" fmla="*/ 67 h 72"/>
                    <a:gd name="T50" fmla="*/ 92 w 109"/>
                    <a:gd name="T51" fmla="*/ 67 h 72"/>
                    <a:gd name="T52" fmla="*/ 89 w 109"/>
                    <a:gd name="T53" fmla="*/ 69 h 72"/>
                    <a:gd name="T54" fmla="*/ 87 w 109"/>
                    <a:gd name="T55" fmla="*/ 69 h 72"/>
                    <a:gd name="T56" fmla="*/ 85 w 109"/>
                    <a:gd name="T57" fmla="*/ 69 h 72"/>
                    <a:gd name="T58" fmla="*/ 83 w 109"/>
                    <a:gd name="T59" fmla="*/ 69 h 72"/>
                    <a:gd name="T60" fmla="*/ 80 w 109"/>
                    <a:gd name="T61" fmla="*/ 67 h 72"/>
                    <a:gd name="T62" fmla="*/ 76 w 109"/>
                    <a:gd name="T63" fmla="*/ 67 h 72"/>
                    <a:gd name="T64" fmla="*/ 70 w 109"/>
                    <a:gd name="T65" fmla="*/ 67 h 72"/>
                    <a:gd name="T66" fmla="*/ 67 w 109"/>
                    <a:gd name="T67" fmla="*/ 69 h 72"/>
                    <a:gd name="T68" fmla="*/ 61 w 109"/>
                    <a:gd name="T69" fmla="*/ 72 h 72"/>
                    <a:gd name="T70" fmla="*/ 57 w 109"/>
                    <a:gd name="T71" fmla="*/ 72 h 72"/>
                    <a:gd name="T72" fmla="*/ 54 w 109"/>
                    <a:gd name="T73" fmla="*/ 72 h 72"/>
                    <a:gd name="T74" fmla="*/ 48 w 109"/>
                    <a:gd name="T75" fmla="*/ 72 h 72"/>
                    <a:gd name="T76" fmla="*/ 44 w 109"/>
                    <a:gd name="T77" fmla="*/ 72 h 72"/>
                    <a:gd name="T78" fmla="*/ 41 w 109"/>
                    <a:gd name="T79" fmla="*/ 72 h 72"/>
                    <a:gd name="T80" fmla="*/ 35 w 109"/>
                    <a:gd name="T81" fmla="*/ 70 h 72"/>
                    <a:gd name="T82" fmla="*/ 31 w 109"/>
                    <a:gd name="T83" fmla="*/ 69 h 72"/>
                    <a:gd name="T84" fmla="*/ 28 w 109"/>
                    <a:gd name="T85" fmla="*/ 69 h 72"/>
                    <a:gd name="T86" fmla="*/ 24 w 109"/>
                    <a:gd name="T87" fmla="*/ 69 h 72"/>
                    <a:gd name="T88" fmla="*/ 20 w 109"/>
                    <a:gd name="T89" fmla="*/ 67 h 72"/>
                    <a:gd name="T90" fmla="*/ 19 w 109"/>
                    <a:gd name="T91" fmla="*/ 67 h 72"/>
                    <a:gd name="T92" fmla="*/ 15 w 109"/>
                    <a:gd name="T93" fmla="*/ 67 h 72"/>
                    <a:gd name="T94" fmla="*/ 11 w 109"/>
                    <a:gd name="T95" fmla="*/ 67 h 72"/>
                    <a:gd name="T96" fmla="*/ 6 w 109"/>
                    <a:gd name="T97" fmla="*/ 67 h 72"/>
                    <a:gd name="T98" fmla="*/ 2 w 109"/>
                    <a:gd name="T99" fmla="*/ 67 h 72"/>
                    <a:gd name="T100" fmla="*/ 4 w 109"/>
                    <a:gd name="T101" fmla="*/ 52 h 72"/>
                    <a:gd name="T102" fmla="*/ 4 w 109"/>
                    <a:gd name="T103" fmla="*/ 39 h 72"/>
                    <a:gd name="T104" fmla="*/ 7 w 109"/>
                    <a:gd name="T105" fmla="*/ 37 h 72"/>
                    <a:gd name="T106" fmla="*/ 9 w 109"/>
                    <a:gd name="T107" fmla="*/ 33 h 72"/>
                    <a:gd name="T108" fmla="*/ 9 w 109"/>
                    <a:gd name="T109" fmla="*/ 32 h 72"/>
                    <a:gd name="T110" fmla="*/ 7 w 109"/>
                    <a:gd name="T111" fmla="*/ 30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9" h="72">
                      <a:moveTo>
                        <a:pt x="7" y="30"/>
                      </a:moveTo>
                      <a:lnTo>
                        <a:pt x="7" y="28"/>
                      </a:lnTo>
                      <a:lnTo>
                        <a:pt x="7" y="28"/>
                      </a:lnTo>
                      <a:lnTo>
                        <a:pt x="9" y="28"/>
                      </a:lnTo>
                      <a:lnTo>
                        <a:pt x="11" y="30"/>
                      </a:lnTo>
                      <a:lnTo>
                        <a:pt x="13" y="30"/>
                      </a:lnTo>
                      <a:lnTo>
                        <a:pt x="15" y="28"/>
                      </a:lnTo>
                      <a:lnTo>
                        <a:pt x="17" y="28"/>
                      </a:lnTo>
                      <a:lnTo>
                        <a:pt x="19" y="26"/>
                      </a:lnTo>
                      <a:lnTo>
                        <a:pt x="22" y="24"/>
                      </a:lnTo>
                      <a:lnTo>
                        <a:pt x="24" y="24"/>
                      </a:lnTo>
                      <a:lnTo>
                        <a:pt x="24" y="22"/>
                      </a:lnTo>
                      <a:lnTo>
                        <a:pt x="26" y="22"/>
                      </a:lnTo>
                      <a:lnTo>
                        <a:pt x="28" y="22"/>
                      </a:lnTo>
                      <a:lnTo>
                        <a:pt x="31" y="22"/>
                      </a:lnTo>
                      <a:lnTo>
                        <a:pt x="33" y="22"/>
                      </a:lnTo>
                      <a:lnTo>
                        <a:pt x="37" y="22"/>
                      </a:lnTo>
                      <a:lnTo>
                        <a:pt x="37" y="20"/>
                      </a:lnTo>
                      <a:lnTo>
                        <a:pt x="37" y="19"/>
                      </a:lnTo>
                      <a:lnTo>
                        <a:pt x="37" y="19"/>
                      </a:lnTo>
                      <a:lnTo>
                        <a:pt x="37" y="17"/>
                      </a:lnTo>
                      <a:lnTo>
                        <a:pt x="37" y="17"/>
                      </a:lnTo>
                      <a:lnTo>
                        <a:pt x="37" y="17"/>
                      </a:lnTo>
                      <a:lnTo>
                        <a:pt x="39" y="15"/>
                      </a:lnTo>
                      <a:lnTo>
                        <a:pt x="39" y="15"/>
                      </a:lnTo>
                      <a:lnTo>
                        <a:pt x="39" y="15"/>
                      </a:lnTo>
                      <a:lnTo>
                        <a:pt x="39" y="15"/>
                      </a:lnTo>
                      <a:lnTo>
                        <a:pt x="41" y="15"/>
                      </a:lnTo>
                      <a:lnTo>
                        <a:pt x="41" y="13"/>
                      </a:lnTo>
                      <a:lnTo>
                        <a:pt x="41" y="13"/>
                      </a:lnTo>
                      <a:lnTo>
                        <a:pt x="41" y="13"/>
                      </a:lnTo>
                      <a:lnTo>
                        <a:pt x="43" y="13"/>
                      </a:lnTo>
                      <a:lnTo>
                        <a:pt x="43" y="13"/>
                      </a:lnTo>
                      <a:lnTo>
                        <a:pt x="43" y="11"/>
                      </a:lnTo>
                      <a:lnTo>
                        <a:pt x="44" y="11"/>
                      </a:lnTo>
                      <a:lnTo>
                        <a:pt x="44" y="11"/>
                      </a:lnTo>
                      <a:lnTo>
                        <a:pt x="44" y="11"/>
                      </a:lnTo>
                      <a:lnTo>
                        <a:pt x="46" y="11"/>
                      </a:lnTo>
                      <a:lnTo>
                        <a:pt x="46" y="9"/>
                      </a:lnTo>
                      <a:lnTo>
                        <a:pt x="48" y="9"/>
                      </a:lnTo>
                      <a:lnTo>
                        <a:pt x="48" y="9"/>
                      </a:lnTo>
                      <a:lnTo>
                        <a:pt x="48" y="9"/>
                      </a:lnTo>
                      <a:lnTo>
                        <a:pt x="48" y="9"/>
                      </a:lnTo>
                      <a:lnTo>
                        <a:pt x="50" y="9"/>
                      </a:lnTo>
                      <a:lnTo>
                        <a:pt x="50" y="9"/>
                      </a:lnTo>
                      <a:lnTo>
                        <a:pt x="50" y="9"/>
                      </a:lnTo>
                      <a:lnTo>
                        <a:pt x="52" y="9"/>
                      </a:lnTo>
                      <a:lnTo>
                        <a:pt x="52" y="8"/>
                      </a:lnTo>
                      <a:lnTo>
                        <a:pt x="52" y="8"/>
                      </a:lnTo>
                      <a:lnTo>
                        <a:pt x="54" y="8"/>
                      </a:lnTo>
                      <a:lnTo>
                        <a:pt x="54" y="8"/>
                      </a:lnTo>
                      <a:lnTo>
                        <a:pt x="54" y="8"/>
                      </a:lnTo>
                      <a:lnTo>
                        <a:pt x="54" y="8"/>
                      </a:lnTo>
                      <a:lnTo>
                        <a:pt x="54" y="8"/>
                      </a:lnTo>
                      <a:lnTo>
                        <a:pt x="54" y="8"/>
                      </a:lnTo>
                      <a:lnTo>
                        <a:pt x="56" y="6"/>
                      </a:lnTo>
                      <a:lnTo>
                        <a:pt x="56" y="6"/>
                      </a:lnTo>
                      <a:lnTo>
                        <a:pt x="56" y="6"/>
                      </a:lnTo>
                      <a:lnTo>
                        <a:pt x="56" y="6"/>
                      </a:lnTo>
                      <a:lnTo>
                        <a:pt x="56" y="6"/>
                      </a:lnTo>
                      <a:lnTo>
                        <a:pt x="56" y="6"/>
                      </a:lnTo>
                      <a:lnTo>
                        <a:pt x="56" y="6"/>
                      </a:lnTo>
                      <a:lnTo>
                        <a:pt x="56" y="6"/>
                      </a:lnTo>
                      <a:lnTo>
                        <a:pt x="56" y="6"/>
                      </a:lnTo>
                      <a:lnTo>
                        <a:pt x="57" y="6"/>
                      </a:lnTo>
                      <a:lnTo>
                        <a:pt x="57" y="4"/>
                      </a:lnTo>
                      <a:lnTo>
                        <a:pt x="57" y="4"/>
                      </a:lnTo>
                      <a:lnTo>
                        <a:pt x="57" y="4"/>
                      </a:lnTo>
                      <a:lnTo>
                        <a:pt x="57" y="4"/>
                      </a:lnTo>
                      <a:lnTo>
                        <a:pt x="59" y="4"/>
                      </a:lnTo>
                      <a:lnTo>
                        <a:pt x="59" y="4"/>
                      </a:lnTo>
                      <a:lnTo>
                        <a:pt x="59" y="4"/>
                      </a:lnTo>
                      <a:lnTo>
                        <a:pt x="61" y="2"/>
                      </a:lnTo>
                      <a:lnTo>
                        <a:pt x="61" y="2"/>
                      </a:lnTo>
                      <a:lnTo>
                        <a:pt x="61" y="2"/>
                      </a:lnTo>
                      <a:lnTo>
                        <a:pt x="61" y="2"/>
                      </a:lnTo>
                      <a:lnTo>
                        <a:pt x="61" y="2"/>
                      </a:lnTo>
                      <a:lnTo>
                        <a:pt x="61" y="2"/>
                      </a:lnTo>
                      <a:lnTo>
                        <a:pt x="63" y="2"/>
                      </a:lnTo>
                      <a:lnTo>
                        <a:pt x="63" y="2"/>
                      </a:lnTo>
                      <a:lnTo>
                        <a:pt x="65" y="4"/>
                      </a:lnTo>
                      <a:lnTo>
                        <a:pt x="65" y="6"/>
                      </a:lnTo>
                      <a:lnTo>
                        <a:pt x="68" y="8"/>
                      </a:lnTo>
                      <a:lnTo>
                        <a:pt x="74" y="6"/>
                      </a:lnTo>
                      <a:lnTo>
                        <a:pt x="83" y="2"/>
                      </a:lnTo>
                      <a:lnTo>
                        <a:pt x="85" y="0"/>
                      </a:lnTo>
                      <a:lnTo>
                        <a:pt x="85" y="0"/>
                      </a:lnTo>
                      <a:lnTo>
                        <a:pt x="87" y="2"/>
                      </a:lnTo>
                      <a:lnTo>
                        <a:pt x="87" y="4"/>
                      </a:lnTo>
                      <a:lnTo>
                        <a:pt x="87" y="4"/>
                      </a:lnTo>
                      <a:lnTo>
                        <a:pt x="87" y="6"/>
                      </a:lnTo>
                      <a:lnTo>
                        <a:pt x="87" y="6"/>
                      </a:lnTo>
                      <a:lnTo>
                        <a:pt x="87" y="6"/>
                      </a:lnTo>
                      <a:lnTo>
                        <a:pt x="87" y="6"/>
                      </a:lnTo>
                      <a:lnTo>
                        <a:pt x="89" y="6"/>
                      </a:lnTo>
                      <a:lnTo>
                        <a:pt x="89" y="8"/>
                      </a:lnTo>
                      <a:lnTo>
                        <a:pt x="91" y="9"/>
                      </a:lnTo>
                      <a:lnTo>
                        <a:pt x="92" y="9"/>
                      </a:lnTo>
                      <a:lnTo>
                        <a:pt x="92" y="11"/>
                      </a:lnTo>
                      <a:lnTo>
                        <a:pt x="96" y="15"/>
                      </a:lnTo>
                      <a:lnTo>
                        <a:pt x="100" y="19"/>
                      </a:lnTo>
                      <a:lnTo>
                        <a:pt x="104" y="22"/>
                      </a:lnTo>
                      <a:lnTo>
                        <a:pt x="104" y="24"/>
                      </a:lnTo>
                      <a:lnTo>
                        <a:pt x="104" y="24"/>
                      </a:lnTo>
                      <a:lnTo>
                        <a:pt x="104" y="26"/>
                      </a:lnTo>
                      <a:lnTo>
                        <a:pt x="104" y="28"/>
                      </a:lnTo>
                      <a:lnTo>
                        <a:pt x="104" y="28"/>
                      </a:lnTo>
                      <a:lnTo>
                        <a:pt x="105" y="28"/>
                      </a:lnTo>
                      <a:lnTo>
                        <a:pt x="105" y="30"/>
                      </a:lnTo>
                      <a:lnTo>
                        <a:pt x="105" y="32"/>
                      </a:lnTo>
                      <a:lnTo>
                        <a:pt x="105" y="32"/>
                      </a:lnTo>
                      <a:lnTo>
                        <a:pt x="105" y="32"/>
                      </a:lnTo>
                      <a:lnTo>
                        <a:pt x="105" y="32"/>
                      </a:lnTo>
                      <a:lnTo>
                        <a:pt x="107" y="33"/>
                      </a:lnTo>
                      <a:lnTo>
                        <a:pt x="107" y="33"/>
                      </a:lnTo>
                      <a:lnTo>
                        <a:pt x="109" y="35"/>
                      </a:lnTo>
                      <a:lnTo>
                        <a:pt x="109" y="35"/>
                      </a:lnTo>
                      <a:lnTo>
                        <a:pt x="109" y="37"/>
                      </a:lnTo>
                      <a:lnTo>
                        <a:pt x="109" y="37"/>
                      </a:lnTo>
                      <a:lnTo>
                        <a:pt x="109" y="37"/>
                      </a:lnTo>
                      <a:lnTo>
                        <a:pt x="109" y="39"/>
                      </a:lnTo>
                      <a:lnTo>
                        <a:pt x="109" y="43"/>
                      </a:lnTo>
                      <a:lnTo>
                        <a:pt x="109" y="43"/>
                      </a:lnTo>
                      <a:lnTo>
                        <a:pt x="107" y="45"/>
                      </a:lnTo>
                      <a:lnTo>
                        <a:pt x="107" y="45"/>
                      </a:lnTo>
                      <a:lnTo>
                        <a:pt x="107" y="46"/>
                      </a:lnTo>
                      <a:lnTo>
                        <a:pt x="105" y="46"/>
                      </a:lnTo>
                      <a:lnTo>
                        <a:pt x="105" y="46"/>
                      </a:lnTo>
                      <a:lnTo>
                        <a:pt x="105" y="48"/>
                      </a:lnTo>
                      <a:lnTo>
                        <a:pt x="104" y="48"/>
                      </a:lnTo>
                      <a:lnTo>
                        <a:pt x="104" y="52"/>
                      </a:lnTo>
                      <a:lnTo>
                        <a:pt x="102" y="56"/>
                      </a:lnTo>
                      <a:lnTo>
                        <a:pt x="102" y="56"/>
                      </a:lnTo>
                      <a:lnTo>
                        <a:pt x="102" y="56"/>
                      </a:lnTo>
                      <a:lnTo>
                        <a:pt x="102" y="57"/>
                      </a:lnTo>
                      <a:lnTo>
                        <a:pt x="102" y="57"/>
                      </a:lnTo>
                      <a:lnTo>
                        <a:pt x="102" y="57"/>
                      </a:lnTo>
                      <a:lnTo>
                        <a:pt x="102" y="59"/>
                      </a:lnTo>
                      <a:lnTo>
                        <a:pt x="102" y="59"/>
                      </a:lnTo>
                      <a:lnTo>
                        <a:pt x="102" y="59"/>
                      </a:lnTo>
                      <a:lnTo>
                        <a:pt x="102" y="61"/>
                      </a:lnTo>
                      <a:lnTo>
                        <a:pt x="100" y="61"/>
                      </a:lnTo>
                      <a:lnTo>
                        <a:pt x="100" y="63"/>
                      </a:lnTo>
                      <a:lnTo>
                        <a:pt x="100" y="65"/>
                      </a:lnTo>
                      <a:lnTo>
                        <a:pt x="98" y="65"/>
                      </a:lnTo>
                      <a:lnTo>
                        <a:pt x="98" y="65"/>
                      </a:lnTo>
                      <a:lnTo>
                        <a:pt x="98" y="67"/>
                      </a:lnTo>
                      <a:lnTo>
                        <a:pt x="96" y="67"/>
                      </a:lnTo>
                      <a:lnTo>
                        <a:pt x="96" y="67"/>
                      </a:lnTo>
                      <a:lnTo>
                        <a:pt x="94" y="67"/>
                      </a:lnTo>
                      <a:lnTo>
                        <a:pt x="94" y="67"/>
                      </a:lnTo>
                      <a:lnTo>
                        <a:pt x="94" y="67"/>
                      </a:lnTo>
                      <a:lnTo>
                        <a:pt x="94" y="67"/>
                      </a:lnTo>
                      <a:lnTo>
                        <a:pt x="94" y="67"/>
                      </a:lnTo>
                      <a:lnTo>
                        <a:pt x="92" y="67"/>
                      </a:lnTo>
                      <a:lnTo>
                        <a:pt x="92" y="67"/>
                      </a:lnTo>
                      <a:lnTo>
                        <a:pt x="92" y="67"/>
                      </a:lnTo>
                      <a:lnTo>
                        <a:pt x="91" y="67"/>
                      </a:lnTo>
                      <a:lnTo>
                        <a:pt x="91" y="67"/>
                      </a:lnTo>
                      <a:lnTo>
                        <a:pt x="91" y="67"/>
                      </a:lnTo>
                      <a:lnTo>
                        <a:pt x="89" y="67"/>
                      </a:lnTo>
                      <a:lnTo>
                        <a:pt x="89" y="69"/>
                      </a:lnTo>
                      <a:lnTo>
                        <a:pt x="89" y="69"/>
                      </a:lnTo>
                      <a:lnTo>
                        <a:pt x="89" y="69"/>
                      </a:lnTo>
                      <a:lnTo>
                        <a:pt x="89" y="69"/>
                      </a:lnTo>
                      <a:lnTo>
                        <a:pt x="87" y="69"/>
                      </a:lnTo>
                      <a:lnTo>
                        <a:pt x="87" y="69"/>
                      </a:lnTo>
                      <a:lnTo>
                        <a:pt x="87" y="69"/>
                      </a:lnTo>
                      <a:lnTo>
                        <a:pt x="87" y="69"/>
                      </a:lnTo>
                      <a:lnTo>
                        <a:pt x="87" y="69"/>
                      </a:lnTo>
                      <a:lnTo>
                        <a:pt x="87" y="69"/>
                      </a:lnTo>
                      <a:lnTo>
                        <a:pt x="85" y="69"/>
                      </a:lnTo>
                      <a:lnTo>
                        <a:pt x="85" y="69"/>
                      </a:lnTo>
                      <a:lnTo>
                        <a:pt x="85" y="69"/>
                      </a:lnTo>
                      <a:lnTo>
                        <a:pt x="85" y="69"/>
                      </a:lnTo>
                      <a:lnTo>
                        <a:pt x="85" y="69"/>
                      </a:lnTo>
                      <a:lnTo>
                        <a:pt x="83" y="69"/>
                      </a:lnTo>
                      <a:lnTo>
                        <a:pt x="83" y="69"/>
                      </a:lnTo>
                      <a:lnTo>
                        <a:pt x="83" y="69"/>
                      </a:lnTo>
                      <a:lnTo>
                        <a:pt x="83" y="69"/>
                      </a:lnTo>
                      <a:lnTo>
                        <a:pt x="83" y="69"/>
                      </a:lnTo>
                      <a:lnTo>
                        <a:pt x="81" y="69"/>
                      </a:lnTo>
                      <a:lnTo>
                        <a:pt x="81" y="69"/>
                      </a:lnTo>
                      <a:lnTo>
                        <a:pt x="81" y="69"/>
                      </a:lnTo>
                      <a:lnTo>
                        <a:pt x="81" y="69"/>
                      </a:lnTo>
                      <a:lnTo>
                        <a:pt x="80" y="67"/>
                      </a:lnTo>
                      <a:lnTo>
                        <a:pt x="80" y="67"/>
                      </a:lnTo>
                      <a:lnTo>
                        <a:pt x="80" y="67"/>
                      </a:lnTo>
                      <a:lnTo>
                        <a:pt x="78" y="67"/>
                      </a:lnTo>
                      <a:lnTo>
                        <a:pt x="78" y="67"/>
                      </a:lnTo>
                      <a:lnTo>
                        <a:pt x="76" y="67"/>
                      </a:lnTo>
                      <a:lnTo>
                        <a:pt x="76" y="67"/>
                      </a:lnTo>
                      <a:lnTo>
                        <a:pt x="76" y="67"/>
                      </a:lnTo>
                      <a:lnTo>
                        <a:pt x="74" y="65"/>
                      </a:lnTo>
                      <a:lnTo>
                        <a:pt x="72" y="65"/>
                      </a:lnTo>
                      <a:lnTo>
                        <a:pt x="72" y="65"/>
                      </a:lnTo>
                      <a:lnTo>
                        <a:pt x="70" y="65"/>
                      </a:lnTo>
                      <a:lnTo>
                        <a:pt x="70" y="67"/>
                      </a:lnTo>
                      <a:lnTo>
                        <a:pt x="70" y="67"/>
                      </a:lnTo>
                      <a:lnTo>
                        <a:pt x="70" y="67"/>
                      </a:lnTo>
                      <a:lnTo>
                        <a:pt x="68" y="67"/>
                      </a:lnTo>
                      <a:lnTo>
                        <a:pt x="68" y="67"/>
                      </a:lnTo>
                      <a:lnTo>
                        <a:pt x="68" y="69"/>
                      </a:lnTo>
                      <a:lnTo>
                        <a:pt x="67" y="69"/>
                      </a:lnTo>
                      <a:lnTo>
                        <a:pt x="67" y="69"/>
                      </a:lnTo>
                      <a:lnTo>
                        <a:pt x="65" y="69"/>
                      </a:lnTo>
                      <a:lnTo>
                        <a:pt x="63" y="70"/>
                      </a:lnTo>
                      <a:lnTo>
                        <a:pt x="63" y="72"/>
                      </a:lnTo>
                      <a:lnTo>
                        <a:pt x="61" y="72"/>
                      </a:lnTo>
                      <a:lnTo>
                        <a:pt x="61" y="72"/>
                      </a:lnTo>
                      <a:lnTo>
                        <a:pt x="59" y="72"/>
                      </a:lnTo>
                      <a:lnTo>
                        <a:pt x="59" y="72"/>
                      </a:lnTo>
                      <a:lnTo>
                        <a:pt x="59" y="72"/>
                      </a:lnTo>
                      <a:lnTo>
                        <a:pt x="59" y="72"/>
                      </a:lnTo>
                      <a:lnTo>
                        <a:pt x="57" y="72"/>
                      </a:lnTo>
                      <a:lnTo>
                        <a:pt x="57" y="72"/>
                      </a:lnTo>
                      <a:lnTo>
                        <a:pt x="56" y="72"/>
                      </a:lnTo>
                      <a:lnTo>
                        <a:pt x="56" y="72"/>
                      </a:lnTo>
                      <a:lnTo>
                        <a:pt x="56" y="72"/>
                      </a:lnTo>
                      <a:lnTo>
                        <a:pt x="56" y="72"/>
                      </a:lnTo>
                      <a:lnTo>
                        <a:pt x="54" y="72"/>
                      </a:lnTo>
                      <a:lnTo>
                        <a:pt x="54" y="72"/>
                      </a:lnTo>
                      <a:lnTo>
                        <a:pt x="52" y="72"/>
                      </a:lnTo>
                      <a:lnTo>
                        <a:pt x="52" y="72"/>
                      </a:lnTo>
                      <a:lnTo>
                        <a:pt x="50" y="72"/>
                      </a:lnTo>
                      <a:lnTo>
                        <a:pt x="50" y="72"/>
                      </a:lnTo>
                      <a:lnTo>
                        <a:pt x="48" y="72"/>
                      </a:lnTo>
                      <a:lnTo>
                        <a:pt x="48" y="72"/>
                      </a:lnTo>
                      <a:lnTo>
                        <a:pt x="48" y="72"/>
                      </a:lnTo>
                      <a:lnTo>
                        <a:pt x="48" y="72"/>
                      </a:lnTo>
                      <a:lnTo>
                        <a:pt x="46" y="72"/>
                      </a:lnTo>
                      <a:lnTo>
                        <a:pt x="46" y="72"/>
                      </a:lnTo>
                      <a:lnTo>
                        <a:pt x="46" y="72"/>
                      </a:lnTo>
                      <a:lnTo>
                        <a:pt x="44" y="72"/>
                      </a:lnTo>
                      <a:lnTo>
                        <a:pt x="43" y="72"/>
                      </a:lnTo>
                      <a:lnTo>
                        <a:pt x="43" y="72"/>
                      </a:lnTo>
                      <a:lnTo>
                        <a:pt x="43" y="72"/>
                      </a:lnTo>
                      <a:lnTo>
                        <a:pt x="43" y="72"/>
                      </a:lnTo>
                      <a:lnTo>
                        <a:pt x="41" y="72"/>
                      </a:lnTo>
                      <a:lnTo>
                        <a:pt x="41" y="72"/>
                      </a:lnTo>
                      <a:lnTo>
                        <a:pt x="39" y="70"/>
                      </a:lnTo>
                      <a:lnTo>
                        <a:pt x="39" y="70"/>
                      </a:lnTo>
                      <a:lnTo>
                        <a:pt x="37" y="70"/>
                      </a:lnTo>
                      <a:lnTo>
                        <a:pt x="37" y="70"/>
                      </a:lnTo>
                      <a:lnTo>
                        <a:pt x="35" y="70"/>
                      </a:lnTo>
                      <a:lnTo>
                        <a:pt x="35" y="70"/>
                      </a:lnTo>
                      <a:lnTo>
                        <a:pt x="33" y="70"/>
                      </a:lnTo>
                      <a:lnTo>
                        <a:pt x="33" y="70"/>
                      </a:lnTo>
                      <a:lnTo>
                        <a:pt x="33" y="70"/>
                      </a:lnTo>
                      <a:lnTo>
                        <a:pt x="31" y="70"/>
                      </a:lnTo>
                      <a:lnTo>
                        <a:pt x="31" y="70"/>
                      </a:lnTo>
                      <a:lnTo>
                        <a:pt x="31" y="69"/>
                      </a:lnTo>
                      <a:lnTo>
                        <a:pt x="30" y="69"/>
                      </a:lnTo>
                      <a:lnTo>
                        <a:pt x="30" y="69"/>
                      </a:lnTo>
                      <a:lnTo>
                        <a:pt x="28" y="69"/>
                      </a:lnTo>
                      <a:lnTo>
                        <a:pt x="28" y="69"/>
                      </a:lnTo>
                      <a:lnTo>
                        <a:pt x="28" y="69"/>
                      </a:lnTo>
                      <a:lnTo>
                        <a:pt x="28" y="69"/>
                      </a:lnTo>
                      <a:lnTo>
                        <a:pt x="28" y="69"/>
                      </a:lnTo>
                      <a:lnTo>
                        <a:pt x="26" y="69"/>
                      </a:lnTo>
                      <a:lnTo>
                        <a:pt x="26" y="69"/>
                      </a:lnTo>
                      <a:lnTo>
                        <a:pt x="24" y="69"/>
                      </a:lnTo>
                      <a:lnTo>
                        <a:pt x="24" y="69"/>
                      </a:lnTo>
                      <a:lnTo>
                        <a:pt x="24" y="69"/>
                      </a:lnTo>
                      <a:lnTo>
                        <a:pt x="24" y="69"/>
                      </a:lnTo>
                      <a:lnTo>
                        <a:pt x="22" y="69"/>
                      </a:lnTo>
                      <a:lnTo>
                        <a:pt x="22" y="69"/>
                      </a:lnTo>
                      <a:lnTo>
                        <a:pt x="22" y="69"/>
                      </a:lnTo>
                      <a:lnTo>
                        <a:pt x="22" y="69"/>
                      </a:lnTo>
                      <a:lnTo>
                        <a:pt x="20" y="67"/>
                      </a:lnTo>
                      <a:lnTo>
                        <a:pt x="20" y="67"/>
                      </a:lnTo>
                      <a:lnTo>
                        <a:pt x="20" y="67"/>
                      </a:lnTo>
                      <a:lnTo>
                        <a:pt x="20" y="67"/>
                      </a:lnTo>
                      <a:lnTo>
                        <a:pt x="19" y="67"/>
                      </a:lnTo>
                      <a:lnTo>
                        <a:pt x="19" y="67"/>
                      </a:lnTo>
                      <a:lnTo>
                        <a:pt x="19" y="67"/>
                      </a:lnTo>
                      <a:lnTo>
                        <a:pt x="17" y="67"/>
                      </a:lnTo>
                      <a:lnTo>
                        <a:pt x="17" y="67"/>
                      </a:lnTo>
                      <a:lnTo>
                        <a:pt x="17" y="67"/>
                      </a:lnTo>
                      <a:lnTo>
                        <a:pt x="17" y="67"/>
                      </a:lnTo>
                      <a:lnTo>
                        <a:pt x="15" y="67"/>
                      </a:lnTo>
                      <a:lnTo>
                        <a:pt x="15" y="67"/>
                      </a:lnTo>
                      <a:lnTo>
                        <a:pt x="15" y="67"/>
                      </a:lnTo>
                      <a:lnTo>
                        <a:pt x="15" y="67"/>
                      </a:lnTo>
                      <a:lnTo>
                        <a:pt x="13" y="67"/>
                      </a:lnTo>
                      <a:lnTo>
                        <a:pt x="13" y="67"/>
                      </a:lnTo>
                      <a:lnTo>
                        <a:pt x="11" y="67"/>
                      </a:lnTo>
                      <a:lnTo>
                        <a:pt x="11" y="67"/>
                      </a:lnTo>
                      <a:lnTo>
                        <a:pt x="9" y="67"/>
                      </a:lnTo>
                      <a:lnTo>
                        <a:pt x="7" y="69"/>
                      </a:lnTo>
                      <a:lnTo>
                        <a:pt x="7" y="69"/>
                      </a:lnTo>
                      <a:lnTo>
                        <a:pt x="7" y="69"/>
                      </a:lnTo>
                      <a:lnTo>
                        <a:pt x="6" y="67"/>
                      </a:lnTo>
                      <a:lnTo>
                        <a:pt x="6" y="67"/>
                      </a:lnTo>
                      <a:lnTo>
                        <a:pt x="4" y="67"/>
                      </a:lnTo>
                      <a:lnTo>
                        <a:pt x="4" y="67"/>
                      </a:lnTo>
                      <a:lnTo>
                        <a:pt x="4" y="67"/>
                      </a:lnTo>
                      <a:lnTo>
                        <a:pt x="2" y="67"/>
                      </a:lnTo>
                      <a:lnTo>
                        <a:pt x="2" y="67"/>
                      </a:lnTo>
                      <a:lnTo>
                        <a:pt x="2" y="67"/>
                      </a:lnTo>
                      <a:lnTo>
                        <a:pt x="0" y="67"/>
                      </a:lnTo>
                      <a:lnTo>
                        <a:pt x="0" y="67"/>
                      </a:lnTo>
                      <a:lnTo>
                        <a:pt x="0" y="65"/>
                      </a:lnTo>
                      <a:lnTo>
                        <a:pt x="0" y="61"/>
                      </a:lnTo>
                      <a:lnTo>
                        <a:pt x="2" y="57"/>
                      </a:lnTo>
                      <a:lnTo>
                        <a:pt x="4" y="52"/>
                      </a:lnTo>
                      <a:lnTo>
                        <a:pt x="4" y="48"/>
                      </a:lnTo>
                      <a:lnTo>
                        <a:pt x="4" y="46"/>
                      </a:lnTo>
                      <a:lnTo>
                        <a:pt x="4" y="46"/>
                      </a:lnTo>
                      <a:lnTo>
                        <a:pt x="4" y="41"/>
                      </a:lnTo>
                      <a:lnTo>
                        <a:pt x="4" y="39"/>
                      </a:lnTo>
                      <a:lnTo>
                        <a:pt x="4" y="39"/>
                      </a:lnTo>
                      <a:lnTo>
                        <a:pt x="6" y="39"/>
                      </a:lnTo>
                      <a:lnTo>
                        <a:pt x="6" y="37"/>
                      </a:lnTo>
                      <a:lnTo>
                        <a:pt x="6" y="37"/>
                      </a:lnTo>
                      <a:lnTo>
                        <a:pt x="7" y="37"/>
                      </a:lnTo>
                      <a:lnTo>
                        <a:pt x="7" y="37"/>
                      </a:lnTo>
                      <a:lnTo>
                        <a:pt x="7" y="37"/>
                      </a:lnTo>
                      <a:lnTo>
                        <a:pt x="7" y="35"/>
                      </a:lnTo>
                      <a:lnTo>
                        <a:pt x="7" y="35"/>
                      </a:lnTo>
                      <a:lnTo>
                        <a:pt x="9" y="35"/>
                      </a:lnTo>
                      <a:lnTo>
                        <a:pt x="9" y="35"/>
                      </a:lnTo>
                      <a:lnTo>
                        <a:pt x="9" y="35"/>
                      </a:lnTo>
                      <a:lnTo>
                        <a:pt x="9" y="33"/>
                      </a:lnTo>
                      <a:lnTo>
                        <a:pt x="9" y="33"/>
                      </a:lnTo>
                      <a:lnTo>
                        <a:pt x="9" y="32"/>
                      </a:lnTo>
                      <a:lnTo>
                        <a:pt x="9" y="32"/>
                      </a:lnTo>
                      <a:lnTo>
                        <a:pt x="9" y="32"/>
                      </a:lnTo>
                      <a:lnTo>
                        <a:pt x="9" y="32"/>
                      </a:lnTo>
                      <a:lnTo>
                        <a:pt x="9" y="32"/>
                      </a:lnTo>
                      <a:lnTo>
                        <a:pt x="7" y="30"/>
                      </a:lnTo>
                      <a:lnTo>
                        <a:pt x="7" y="30"/>
                      </a:lnTo>
                      <a:lnTo>
                        <a:pt x="7" y="30"/>
                      </a:lnTo>
                      <a:lnTo>
                        <a:pt x="7" y="30"/>
                      </a:lnTo>
                      <a:lnTo>
                        <a:pt x="7" y="30"/>
                      </a:lnTo>
                      <a:lnTo>
                        <a:pt x="7" y="30"/>
                      </a:lnTo>
                      <a:lnTo>
                        <a:pt x="7" y="30"/>
                      </a:lnTo>
                      <a:lnTo>
                        <a:pt x="7" y="30"/>
                      </a:lnTo>
                      <a:lnTo>
                        <a:pt x="7" y="30"/>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71" name="Freeform 187"/>
                <p:cNvSpPr>
                  <a:spLocks/>
                </p:cNvSpPr>
                <p:nvPr/>
              </p:nvSpPr>
              <p:spPr bwMode="auto">
                <a:xfrm>
                  <a:off x="4143375" y="1243012"/>
                  <a:ext cx="1517650" cy="1368425"/>
                </a:xfrm>
                <a:custGeom>
                  <a:avLst/>
                  <a:gdLst>
                    <a:gd name="T0" fmla="*/ 841 w 956"/>
                    <a:gd name="T1" fmla="*/ 345 h 862"/>
                    <a:gd name="T2" fmla="*/ 771 w 956"/>
                    <a:gd name="T3" fmla="*/ 344 h 862"/>
                    <a:gd name="T4" fmla="*/ 725 w 956"/>
                    <a:gd name="T5" fmla="*/ 384 h 862"/>
                    <a:gd name="T6" fmla="*/ 697 w 956"/>
                    <a:gd name="T7" fmla="*/ 447 h 862"/>
                    <a:gd name="T8" fmla="*/ 627 w 956"/>
                    <a:gd name="T9" fmla="*/ 480 h 862"/>
                    <a:gd name="T10" fmla="*/ 538 w 956"/>
                    <a:gd name="T11" fmla="*/ 477 h 862"/>
                    <a:gd name="T12" fmla="*/ 483 w 956"/>
                    <a:gd name="T13" fmla="*/ 419 h 862"/>
                    <a:gd name="T14" fmla="*/ 427 w 956"/>
                    <a:gd name="T15" fmla="*/ 438 h 862"/>
                    <a:gd name="T16" fmla="*/ 342 w 956"/>
                    <a:gd name="T17" fmla="*/ 464 h 862"/>
                    <a:gd name="T18" fmla="*/ 379 w 956"/>
                    <a:gd name="T19" fmla="*/ 530 h 862"/>
                    <a:gd name="T20" fmla="*/ 425 w 956"/>
                    <a:gd name="T21" fmla="*/ 569 h 862"/>
                    <a:gd name="T22" fmla="*/ 459 w 956"/>
                    <a:gd name="T23" fmla="*/ 634 h 862"/>
                    <a:gd name="T24" fmla="*/ 431 w 956"/>
                    <a:gd name="T25" fmla="*/ 706 h 862"/>
                    <a:gd name="T26" fmla="*/ 346 w 956"/>
                    <a:gd name="T27" fmla="*/ 704 h 862"/>
                    <a:gd name="T28" fmla="*/ 290 w 956"/>
                    <a:gd name="T29" fmla="*/ 680 h 862"/>
                    <a:gd name="T30" fmla="*/ 263 w 956"/>
                    <a:gd name="T31" fmla="*/ 708 h 862"/>
                    <a:gd name="T32" fmla="*/ 187 w 956"/>
                    <a:gd name="T33" fmla="*/ 837 h 862"/>
                    <a:gd name="T34" fmla="*/ 137 w 956"/>
                    <a:gd name="T35" fmla="*/ 856 h 862"/>
                    <a:gd name="T36" fmla="*/ 115 w 956"/>
                    <a:gd name="T37" fmla="*/ 815 h 862"/>
                    <a:gd name="T38" fmla="*/ 54 w 956"/>
                    <a:gd name="T39" fmla="*/ 797 h 862"/>
                    <a:gd name="T40" fmla="*/ 69 w 956"/>
                    <a:gd name="T41" fmla="*/ 769 h 862"/>
                    <a:gd name="T42" fmla="*/ 126 w 956"/>
                    <a:gd name="T43" fmla="*/ 749 h 862"/>
                    <a:gd name="T44" fmla="*/ 174 w 956"/>
                    <a:gd name="T45" fmla="*/ 702 h 862"/>
                    <a:gd name="T46" fmla="*/ 200 w 956"/>
                    <a:gd name="T47" fmla="*/ 660 h 862"/>
                    <a:gd name="T48" fmla="*/ 165 w 956"/>
                    <a:gd name="T49" fmla="*/ 628 h 862"/>
                    <a:gd name="T50" fmla="*/ 98 w 956"/>
                    <a:gd name="T51" fmla="*/ 682 h 862"/>
                    <a:gd name="T52" fmla="*/ 50 w 956"/>
                    <a:gd name="T53" fmla="*/ 632 h 862"/>
                    <a:gd name="T54" fmla="*/ 28 w 956"/>
                    <a:gd name="T55" fmla="*/ 566 h 862"/>
                    <a:gd name="T56" fmla="*/ 94 w 956"/>
                    <a:gd name="T57" fmla="*/ 525 h 862"/>
                    <a:gd name="T58" fmla="*/ 137 w 956"/>
                    <a:gd name="T59" fmla="*/ 479 h 862"/>
                    <a:gd name="T60" fmla="*/ 187 w 956"/>
                    <a:gd name="T61" fmla="*/ 451 h 862"/>
                    <a:gd name="T62" fmla="*/ 237 w 956"/>
                    <a:gd name="T63" fmla="*/ 419 h 862"/>
                    <a:gd name="T64" fmla="*/ 287 w 956"/>
                    <a:gd name="T65" fmla="*/ 381 h 862"/>
                    <a:gd name="T66" fmla="*/ 301 w 956"/>
                    <a:gd name="T67" fmla="*/ 316 h 862"/>
                    <a:gd name="T68" fmla="*/ 266 w 956"/>
                    <a:gd name="T69" fmla="*/ 277 h 862"/>
                    <a:gd name="T70" fmla="*/ 226 w 956"/>
                    <a:gd name="T71" fmla="*/ 255 h 862"/>
                    <a:gd name="T72" fmla="*/ 155 w 956"/>
                    <a:gd name="T73" fmla="*/ 249 h 862"/>
                    <a:gd name="T74" fmla="*/ 148 w 956"/>
                    <a:gd name="T75" fmla="*/ 197 h 862"/>
                    <a:gd name="T76" fmla="*/ 191 w 956"/>
                    <a:gd name="T77" fmla="*/ 199 h 862"/>
                    <a:gd name="T78" fmla="*/ 228 w 956"/>
                    <a:gd name="T79" fmla="*/ 227 h 862"/>
                    <a:gd name="T80" fmla="*/ 303 w 956"/>
                    <a:gd name="T81" fmla="*/ 170 h 862"/>
                    <a:gd name="T82" fmla="*/ 316 w 956"/>
                    <a:gd name="T83" fmla="*/ 131 h 862"/>
                    <a:gd name="T84" fmla="*/ 381 w 956"/>
                    <a:gd name="T85" fmla="*/ 116 h 862"/>
                    <a:gd name="T86" fmla="*/ 370 w 956"/>
                    <a:gd name="T87" fmla="*/ 55 h 862"/>
                    <a:gd name="T88" fmla="*/ 411 w 956"/>
                    <a:gd name="T89" fmla="*/ 27 h 862"/>
                    <a:gd name="T90" fmla="*/ 444 w 956"/>
                    <a:gd name="T91" fmla="*/ 1 h 862"/>
                    <a:gd name="T92" fmla="*/ 505 w 956"/>
                    <a:gd name="T93" fmla="*/ 59 h 862"/>
                    <a:gd name="T94" fmla="*/ 477 w 956"/>
                    <a:gd name="T95" fmla="*/ 99 h 862"/>
                    <a:gd name="T96" fmla="*/ 409 w 956"/>
                    <a:gd name="T97" fmla="*/ 227 h 862"/>
                    <a:gd name="T98" fmla="*/ 462 w 956"/>
                    <a:gd name="T99" fmla="*/ 259 h 862"/>
                    <a:gd name="T100" fmla="*/ 568 w 956"/>
                    <a:gd name="T101" fmla="*/ 308 h 862"/>
                    <a:gd name="T102" fmla="*/ 640 w 956"/>
                    <a:gd name="T103" fmla="*/ 275 h 862"/>
                    <a:gd name="T104" fmla="*/ 693 w 956"/>
                    <a:gd name="T105" fmla="*/ 247 h 862"/>
                    <a:gd name="T106" fmla="*/ 736 w 956"/>
                    <a:gd name="T107" fmla="*/ 214 h 862"/>
                    <a:gd name="T108" fmla="*/ 799 w 956"/>
                    <a:gd name="T109" fmla="*/ 194 h 862"/>
                    <a:gd name="T110" fmla="*/ 849 w 956"/>
                    <a:gd name="T111" fmla="*/ 164 h 862"/>
                    <a:gd name="T112" fmla="*/ 839 w 956"/>
                    <a:gd name="T113" fmla="*/ 105 h 862"/>
                    <a:gd name="T114" fmla="*/ 862 w 956"/>
                    <a:gd name="T115" fmla="*/ 74 h 862"/>
                    <a:gd name="T116" fmla="*/ 889 w 956"/>
                    <a:gd name="T117" fmla="*/ 109 h 862"/>
                    <a:gd name="T118" fmla="*/ 875 w 956"/>
                    <a:gd name="T119" fmla="*/ 144 h 862"/>
                    <a:gd name="T120" fmla="*/ 899 w 956"/>
                    <a:gd name="T121" fmla="*/ 172 h 862"/>
                    <a:gd name="T122" fmla="*/ 937 w 956"/>
                    <a:gd name="T123" fmla="*/ 207 h 862"/>
                    <a:gd name="T124" fmla="*/ 932 w 956"/>
                    <a:gd name="T125" fmla="*/ 279 h 8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956" h="862">
                      <a:moveTo>
                        <a:pt x="902" y="332"/>
                      </a:moveTo>
                      <a:lnTo>
                        <a:pt x="900" y="332"/>
                      </a:lnTo>
                      <a:lnTo>
                        <a:pt x="900" y="334"/>
                      </a:lnTo>
                      <a:lnTo>
                        <a:pt x="899" y="336"/>
                      </a:lnTo>
                      <a:lnTo>
                        <a:pt x="897" y="338"/>
                      </a:lnTo>
                      <a:lnTo>
                        <a:pt x="897" y="340"/>
                      </a:lnTo>
                      <a:lnTo>
                        <a:pt x="893" y="344"/>
                      </a:lnTo>
                      <a:lnTo>
                        <a:pt x="893" y="342"/>
                      </a:lnTo>
                      <a:lnTo>
                        <a:pt x="889" y="344"/>
                      </a:lnTo>
                      <a:lnTo>
                        <a:pt x="889" y="342"/>
                      </a:lnTo>
                      <a:lnTo>
                        <a:pt x="884" y="345"/>
                      </a:lnTo>
                      <a:lnTo>
                        <a:pt x="884" y="347"/>
                      </a:lnTo>
                      <a:lnTo>
                        <a:pt x="880" y="349"/>
                      </a:lnTo>
                      <a:lnTo>
                        <a:pt x="882" y="351"/>
                      </a:lnTo>
                      <a:lnTo>
                        <a:pt x="878" y="351"/>
                      </a:lnTo>
                      <a:lnTo>
                        <a:pt x="876" y="353"/>
                      </a:lnTo>
                      <a:lnTo>
                        <a:pt x="875" y="353"/>
                      </a:lnTo>
                      <a:lnTo>
                        <a:pt x="873" y="353"/>
                      </a:lnTo>
                      <a:lnTo>
                        <a:pt x="873" y="355"/>
                      </a:lnTo>
                      <a:lnTo>
                        <a:pt x="865" y="357"/>
                      </a:lnTo>
                      <a:lnTo>
                        <a:pt x="863" y="357"/>
                      </a:lnTo>
                      <a:lnTo>
                        <a:pt x="862" y="357"/>
                      </a:lnTo>
                      <a:lnTo>
                        <a:pt x="860" y="357"/>
                      </a:lnTo>
                      <a:lnTo>
                        <a:pt x="858" y="358"/>
                      </a:lnTo>
                      <a:lnTo>
                        <a:pt x="856" y="358"/>
                      </a:lnTo>
                      <a:lnTo>
                        <a:pt x="854" y="358"/>
                      </a:lnTo>
                      <a:lnTo>
                        <a:pt x="852" y="360"/>
                      </a:lnTo>
                      <a:lnTo>
                        <a:pt x="850" y="360"/>
                      </a:lnTo>
                      <a:lnTo>
                        <a:pt x="849" y="360"/>
                      </a:lnTo>
                      <a:lnTo>
                        <a:pt x="847" y="362"/>
                      </a:lnTo>
                      <a:lnTo>
                        <a:pt x="845" y="362"/>
                      </a:lnTo>
                      <a:lnTo>
                        <a:pt x="843" y="364"/>
                      </a:lnTo>
                      <a:lnTo>
                        <a:pt x="841" y="364"/>
                      </a:lnTo>
                      <a:lnTo>
                        <a:pt x="841" y="362"/>
                      </a:lnTo>
                      <a:lnTo>
                        <a:pt x="841" y="358"/>
                      </a:lnTo>
                      <a:lnTo>
                        <a:pt x="841" y="357"/>
                      </a:lnTo>
                      <a:lnTo>
                        <a:pt x="841" y="355"/>
                      </a:lnTo>
                      <a:lnTo>
                        <a:pt x="841" y="347"/>
                      </a:lnTo>
                      <a:lnTo>
                        <a:pt x="841" y="345"/>
                      </a:lnTo>
                      <a:lnTo>
                        <a:pt x="843" y="342"/>
                      </a:lnTo>
                      <a:lnTo>
                        <a:pt x="843" y="340"/>
                      </a:lnTo>
                      <a:lnTo>
                        <a:pt x="841" y="332"/>
                      </a:lnTo>
                      <a:lnTo>
                        <a:pt x="839" y="334"/>
                      </a:lnTo>
                      <a:lnTo>
                        <a:pt x="834" y="332"/>
                      </a:lnTo>
                      <a:lnTo>
                        <a:pt x="830" y="332"/>
                      </a:lnTo>
                      <a:lnTo>
                        <a:pt x="826" y="332"/>
                      </a:lnTo>
                      <a:lnTo>
                        <a:pt x="823" y="332"/>
                      </a:lnTo>
                      <a:lnTo>
                        <a:pt x="819" y="332"/>
                      </a:lnTo>
                      <a:lnTo>
                        <a:pt x="812" y="331"/>
                      </a:lnTo>
                      <a:lnTo>
                        <a:pt x="806" y="331"/>
                      </a:lnTo>
                      <a:lnTo>
                        <a:pt x="802" y="331"/>
                      </a:lnTo>
                      <a:lnTo>
                        <a:pt x="801" y="329"/>
                      </a:lnTo>
                      <a:lnTo>
                        <a:pt x="801" y="327"/>
                      </a:lnTo>
                      <a:lnTo>
                        <a:pt x="797" y="325"/>
                      </a:lnTo>
                      <a:lnTo>
                        <a:pt x="791" y="320"/>
                      </a:lnTo>
                      <a:lnTo>
                        <a:pt x="788" y="316"/>
                      </a:lnTo>
                      <a:lnTo>
                        <a:pt x="788" y="314"/>
                      </a:lnTo>
                      <a:lnTo>
                        <a:pt x="786" y="314"/>
                      </a:lnTo>
                      <a:lnTo>
                        <a:pt x="786" y="316"/>
                      </a:lnTo>
                      <a:lnTo>
                        <a:pt x="786" y="318"/>
                      </a:lnTo>
                      <a:lnTo>
                        <a:pt x="786" y="320"/>
                      </a:lnTo>
                      <a:lnTo>
                        <a:pt x="786" y="321"/>
                      </a:lnTo>
                      <a:lnTo>
                        <a:pt x="784" y="321"/>
                      </a:lnTo>
                      <a:lnTo>
                        <a:pt x="782" y="323"/>
                      </a:lnTo>
                      <a:lnTo>
                        <a:pt x="782" y="325"/>
                      </a:lnTo>
                      <a:lnTo>
                        <a:pt x="780" y="325"/>
                      </a:lnTo>
                      <a:lnTo>
                        <a:pt x="780" y="327"/>
                      </a:lnTo>
                      <a:lnTo>
                        <a:pt x="778" y="329"/>
                      </a:lnTo>
                      <a:lnTo>
                        <a:pt x="777" y="331"/>
                      </a:lnTo>
                      <a:lnTo>
                        <a:pt x="777" y="332"/>
                      </a:lnTo>
                      <a:lnTo>
                        <a:pt x="777" y="334"/>
                      </a:lnTo>
                      <a:lnTo>
                        <a:pt x="775" y="334"/>
                      </a:lnTo>
                      <a:lnTo>
                        <a:pt x="775" y="336"/>
                      </a:lnTo>
                      <a:lnTo>
                        <a:pt x="773" y="338"/>
                      </a:lnTo>
                      <a:lnTo>
                        <a:pt x="773" y="340"/>
                      </a:lnTo>
                      <a:lnTo>
                        <a:pt x="773" y="342"/>
                      </a:lnTo>
                      <a:lnTo>
                        <a:pt x="771" y="342"/>
                      </a:lnTo>
                      <a:lnTo>
                        <a:pt x="771" y="344"/>
                      </a:lnTo>
                      <a:lnTo>
                        <a:pt x="771" y="345"/>
                      </a:lnTo>
                      <a:lnTo>
                        <a:pt x="771" y="347"/>
                      </a:lnTo>
                      <a:lnTo>
                        <a:pt x="769" y="347"/>
                      </a:lnTo>
                      <a:lnTo>
                        <a:pt x="769" y="349"/>
                      </a:lnTo>
                      <a:lnTo>
                        <a:pt x="769" y="351"/>
                      </a:lnTo>
                      <a:lnTo>
                        <a:pt x="769" y="353"/>
                      </a:lnTo>
                      <a:lnTo>
                        <a:pt x="771" y="355"/>
                      </a:lnTo>
                      <a:lnTo>
                        <a:pt x="771" y="357"/>
                      </a:lnTo>
                      <a:lnTo>
                        <a:pt x="773" y="358"/>
                      </a:lnTo>
                      <a:lnTo>
                        <a:pt x="773" y="360"/>
                      </a:lnTo>
                      <a:lnTo>
                        <a:pt x="771" y="360"/>
                      </a:lnTo>
                      <a:lnTo>
                        <a:pt x="771" y="362"/>
                      </a:lnTo>
                      <a:lnTo>
                        <a:pt x="769" y="362"/>
                      </a:lnTo>
                      <a:lnTo>
                        <a:pt x="769" y="364"/>
                      </a:lnTo>
                      <a:lnTo>
                        <a:pt x="767" y="364"/>
                      </a:lnTo>
                      <a:lnTo>
                        <a:pt x="767" y="366"/>
                      </a:lnTo>
                      <a:lnTo>
                        <a:pt x="765" y="366"/>
                      </a:lnTo>
                      <a:lnTo>
                        <a:pt x="764" y="368"/>
                      </a:lnTo>
                      <a:lnTo>
                        <a:pt x="764" y="369"/>
                      </a:lnTo>
                      <a:lnTo>
                        <a:pt x="762" y="369"/>
                      </a:lnTo>
                      <a:lnTo>
                        <a:pt x="762" y="371"/>
                      </a:lnTo>
                      <a:lnTo>
                        <a:pt x="762" y="375"/>
                      </a:lnTo>
                      <a:lnTo>
                        <a:pt x="760" y="377"/>
                      </a:lnTo>
                      <a:lnTo>
                        <a:pt x="758" y="377"/>
                      </a:lnTo>
                      <a:lnTo>
                        <a:pt x="756" y="377"/>
                      </a:lnTo>
                      <a:lnTo>
                        <a:pt x="753" y="377"/>
                      </a:lnTo>
                      <a:lnTo>
                        <a:pt x="751" y="377"/>
                      </a:lnTo>
                      <a:lnTo>
                        <a:pt x="749" y="377"/>
                      </a:lnTo>
                      <a:lnTo>
                        <a:pt x="747" y="377"/>
                      </a:lnTo>
                      <a:lnTo>
                        <a:pt x="743" y="375"/>
                      </a:lnTo>
                      <a:lnTo>
                        <a:pt x="741" y="375"/>
                      </a:lnTo>
                      <a:lnTo>
                        <a:pt x="740" y="377"/>
                      </a:lnTo>
                      <a:lnTo>
                        <a:pt x="738" y="377"/>
                      </a:lnTo>
                      <a:lnTo>
                        <a:pt x="736" y="379"/>
                      </a:lnTo>
                      <a:lnTo>
                        <a:pt x="732" y="381"/>
                      </a:lnTo>
                      <a:lnTo>
                        <a:pt x="730" y="382"/>
                      </a:lnTo>
                      <a:lnTo>
                        <a:pt x="728" y="382"/>
                      </a:lnTo>
                      <a:lnTo>
                        <a:pt x="727" y="384"/>
                      </a:lnTo>
                      <a:lnTo>
                        <a:pt x="725" y="384"/>
                      </a:lnTo>
                      <a:lnTo>
                        <a:pt x="723" y="386"/>
                      </a:lnTo>
                      <a:lnTo>
                        <a:pt x="721" y="388"/>
                      </a:lnTo>
                      <a:lnTo>
                        <a:pt x="721" y="390"/>
                      </a:lnTo>
                      <a:lnTo>
                        <a:pt x="719" y="390"/>
                      </a:lnTo>
                      <a:lnTo>
                        <a:pt x="719" y="392"/>
                      </a:lnTo>
                      <a:lnTo>
                        <a:pt x="719" y="394"/>
                      </a:lnTo>
                      <a:lnTo>
                        <a:pt x="719" y="395"/>
                      </a:lnTo>
                      <a:lnTo>
                        <a:pt x="717" y="397"/>
                      </a:lnTo>
                      <a:lnTo>
                        <a:pt x="717" y="399"/>
                      </a:lnTo>
                      <a:lnTo>
                        <a:pt x="717" y="401"/>
                      </a:lnTo>
                      <a:lnTo>
                        <a:pt x="716" y="403"/>
                      </a:lnTo>
                      <a:lnTo>
                        <a:pt x="716" y="405"/>
                      </a:lnTo>
                      <a:lnTo>
                        <a:pt x="714" y="405"/>
                      </a:lnTo>
                      <a:lnTo>
                        <a:pt x="714" y="406"/>
                      </a:lnTo>
                      <a:lnTo>
                        <a:pt x="712" y="408"/>
                      </a:lnTo>
                      <a:lnTo>
                        <a:pt x="712" y="410"/>
                      </a:lnTo>
                      <a:lnTo>
                        <a:pt x="712" y="414"/>
                      </a:lnTo>
                      <a:lnTo>
                        <a:pt x="712" y="416"/>
                      </a:lnTo>
                      <a:lnTo>
                        <a:pt x="710" y="418"/>
                      </a:lnTo>
                      <a:lnTo>
                        <a:pt x="710" y="419"/>
                      </a:lnTo>
                      <a:lnTo>
                        <a:pt x="708" y="419"/>
                      </a:lnTo>
                      <a:lnTo>
                        <a:pt x="708" y="421"/>
                      </a:lnTo>
                      <a:lnTo>
                        <a:pt x="706" y="423"/>
                      </a:lnTo>
                      <a:lnTo>
                        <a:pt x="704" y="425"/>
                      </a:lnTo>
                      <a:lnTo>
                        <a:pt x="704" y="427"/>
                      </a:lnTo>
                      <a:lnTo>
                        <a:pt x="704" y="429"/>
                      </a:lnTo>
                      <a:lnTo>
                        <a:pt x="703" y="429"/>
                      </a:lnTo>
                      <a:lnTo>
                        <a:pt x="703" y="431"/>
                      </a:lnTo>
                      <a:lnTo>
                        <a:pt x="703" y="432"/>
                      </a:lnTo>
                      <a:lnTo>
                        <a:pt x="701" y="432"/>
                      </a:lnTo>
                      <a:lnTo>
                        <a:pt x="701" y="434"/>
                      </a:lnTo>
                      <a:lnTo>
                        <a:pt x="701" y="436"/>
                      </a:lnTo>
                      <a:lnTo>
                        <a:pt x="699" y="436"/>
                      </a:lnTo>
                      <a:lnTo>
                        <a:pt x="699" y="438"/>
                      </a:lnTo>
                      <a:lnTo>
                        <a:pt x="699" y="440"/>
                      </a:lnTo>
                      <a:lnTo>
                        <a:pt x="699" y="442"/>
                      </a:lnTo>
                      <a:lnTo>
                        <a:pt x="699" y="443"/>
                      </a:lnTo>
                      <a:lnTo>
                        <a:pt x="699" y="445"/>
                      </a:lnTo>
                      <a:lnTo>
                        <a:pt x="697" y="447"/>
                      </a:lnTo>
                      <a:lnTo>
                        <a:pt x="697" y="449"/>
                      </a:lnTo>
                      <a:lnTo>
                        <a:pt x="695" y="451"/>
                      </a:lnTo>
                      <a:lnTo>
                        <a:pt x="695" y="453"/>
                      </a:lnTo>
                      <a:lnTo>
                        <a:pt x="693" y="455"/>
                      </a:lnTo>
                      <a:lnTo>
                        <a:pt x="692" y="456"/>
                      </a:lnTo>
                      <a:lnTo>
                        <a:pt x="690" y="458"/>
                      </a:lnTo>
                      <a:lnTo>
                        <a:pt x="688" y="460"/>
                      </a:lnTo>
                      <a:lnTo>
                        <a:pt x="686" y="462"/>
                      </a:lnTo>
                      <a:lnTo>
                        <a:pt x="686" y="464"/>
                      </a:lnTo>
                      <a:lnTo>
                        <a:pt x="684" y="464"/>
                      </a:lnTo>
                      <a:lnTo>
                        <a:pt x="682" y="466"/>
                      </a:lnTo>
                      <a:lnTo>
                        <a:pt x="680" y="468"/>
                      </a:lnTo>
                      <a:lnTo>
                        <a:pt x="679" y="468"/>
                      </a:lnTo>
                      <a:lnTo>
                        <a:pt x="677" y="469"/>
                      </a:lnTo>
                      <a:lnTo>
                        <a:pt x="675" y="469"/>
                      </a:lnTo>
                      <a:lnTo>
                        <a:pt x="673" y="469"/>
                      </a:lnTo>
                      <a:lnTo>
                        <a:pt x="671" y="471"/>
                      </a:lnTo>
                      <a:lnTo>
                        <a:pt x="669" y="471"/>
                      </a:lnTo>
                      <a:lnTo>
                        <a:pt x="666" y="475"/>
                      </a:lnTo>
                      <a:lnTo>
                        <a:pt x="664" y="477"/>
                      </a:lnTo>
                      <a:lnTo>
                        <a:pt x="662" y="477"/>
                      </a:lnTo>
                      <a:lnTo>
                        <a:pt x="660" y="479"/>
                      </a:lnTo>
                      <a:lnTo>
                        <a:pt x="658" y="479"/>
                      </a:lnTo>
                      <a:lnTo>
                        <a:pt x="649" y="477"/>
                      </a:lnTo>
                      <a:lnTo>
                        <a:pt x="647" y="475"/>
                      </a:lnTo>
                      <a:lnTo>
                        <a:pt x="645" y="475"/>
                      </a:lnTo>
                      <a:lnTo>
                        <a:pt x="645" y="471"/>
                      </a:lnTo>
                      <a:lnTo>
                        <a:pt x="645" y="469"/>
                      </a:lnTo>
                      <a:lnTo>
                        <a:pt x="645" y="466"/>
                      </a:lnTo>
                      <a:lnTo>
                        <a:pt x="643" y="466"/>
                      </a:lnTo>
                      <a:lnTo>
                        <a:pt x="642" y="466"/>
                      </a:lnTo>
                      <a:lnTo>
                        <a:pt x="640" y="466"/>
                      </a:lnTo>
                      <a:lnTo>
                        <a:pt x="638" y="466"/>
                      </a:lnTo>
                      <a:lnTo>
                        <a:pt x="638" y="468"/>
                      </a:lnTo>
                      <a:lnTo>
                        <a:pt x="636" y="468"/>
                      </a:lnTo>
                      <a:lnTo>
                        <a:pt x="634" y="469"/>
                      </a:lnTo>
                      <a:lnTo>
                        <a:pt x="632" y="471"/>
                      </a:lnTo>
                      <a:lnTo>
                        <a:pt x="629" y="479"/>
                      </a:lnTo>
                      <a:lnTo>
                        <a:pt x="627" y="480"/>
                      </a:lnTo>
                      <a:lnTo>
                        <a:pt x="623" y="484"/>
                      </a:lnTo>
                      <a:lnTo>
                        <a:pt x="619" y="486"/>
                      </a:lnTo>
                      <a:lnTo>
                        <a:pt x="618" y="490"/>
                      </a:lnTo>
                      <a:lnTo>
                        <a:pt x="616" y="488"/>
                      </a:lnTo>
                      <a:lnTo>
                        <a:pt x="612" y="484"/>
                      </a:lnTo>
                      <a:lnTo>
                        <a:pt x="605" y="479"/>
                      </a:lnTo>
                      <a:lnTo>
                        <a:pt x="603" y="473"/>
                      </a:lnTo>
                      <a:lnTo>
                        <a:pt x="603" y="469"/>
                      </a:lnTo>
                      <a:lnTo>
                        <a:pt x="603" y="466"/>
                      </a:lnTo>
                      <a:lnTo>
                        <a:pt x="601" y="466"/>
                      </a:lnTo>
                      <a:lnTo>
                        <a:pt x="597" y="468"/>
                      </a:lnTo>
                      <a:lnTo>
                        <a:pt x="595" y="468"/>
                      </a:lnTo>
                      <a:lnTo>
                        <a:pt x="588" y="469"/>
                      </a:lnTo>
                      <a:lnTo>
                        <a:pt x="582" y="477"/>
                      </a:lnTo>
                      <a:lnTo>
                        <a:pt x="581" y="480"/>
                      </a:lnTo>
                      <a:lnTo>
                        <a:pt x="581" y="482"/>
                      </a:lnTo>
                      <a:lnTo>
                        <a:pt x="581" y="484"/>
                      </a:lnTo>
                      <a:lnTo>
                        <a:pt x="577" y="486"/>
                      </a:lnTo>
                      <a:lnTo>
                        <a:pt x="575" y="486"/>
                      </a:lnTo>
                      <a:lnTo>
                        <a:pt x="573" y="484"/>
                      </a:lnTo>
                      <a:lnTo>
                        <a:pt x="571" y="484"/>
                      </a:lnTo>
                      <a:lnTo>
                        <a:pt x="570" y="484"/>
                      </a:lnTo>
                      <a:lnTo>
                        <a:pt x="568" y="484"/>
                      </a:lnTo>
                      <a:lnTo>
                        <a:pt x="564" y="486"/>
                      </a:lnTo>
                      <a:lnTo>
                        <a:pt x="562" y="488"/>
                      </a:lnTo>
                      <a:lnTo>
                        <a:pt x="560" y="488"/>
                      </a:lnTo>
                      <a:lnTo>
                        <a:pt x="558" y="488"/>
                      </a:lnTo>
                      <a:lnTo>
                        <a:pt x="557" y="486"/>
                      </a:lnTo>
                      <a:lnTo>
                        <a:pt x="551" y="482"/>
                      </a:lnTo>
                      <a:lnTo>
                        <a:pt x="549" y="482"/>
                      </a:lnTo>
                      <a:lnTo>
                        <a:pt x="547" y="484"/>
                      </a:lnTo>
                      <a:lnTo>
                        <a:pt x="545" y="484"/>
                      </a:lnTo>
                      <a:lnTo>
                        <a:pt x="544" y="484"/>
                      </a:lnTo>
                      <a:lnTo>
                        <a:pt x="542" y="482"/>
                      </a:lnTo>
                      <a:lnTo>
                        <a:pt x="542" y="480"/>
                      </a:lnTo>
                      <a:lnTo>
                        <a:pt x="540" y="480"/>
                      </a:lnTo>
                      <a:lnTo>
                        <a:pt x="540" y="479"/>
                      </a:lnTo>
                      <a:lnTo>
                        <a:pt x="540" y="477"/>
                      </a:lnTo>
                      <a:lnTo>
                        <a:pt x="538" y="477"/>
                      </a:lnTo>
                      <a:lnTo>
                        <a:pt x="536" y="475"/>
                      </a:lnTo>
                      <a:lnTo>
                        <a:pt x="536" y="473"/>
                      </a:lnTo>
                      <a:lnTo>
                        <a:pt x="534" y="473"/>
                      </a:lnTo>
                      <a:lnTo>
                        <a:pt x="534" y="471"/>
                      </a:lnTo>
                      <a:lnTo>
                        <a:pt x="533" y="469"/>
                      </a:lnTo>
                      <a:lnTo>
                        <a:pt x="533" y="468"/>
                      </a:lnTo>
                      <a:lnTo>
                        <a:pt x="533" y="466"/>
                      </a:lnTo>
                      <a:lnTo>
                        <a:pt x="534" y="464"/>
                      </a:lnTo>
                      <a:lnTo>
                        <a:pt x="533" y="464"/>
                      </a:lnTo>
                      <a:lnTo>
                        <a:pt x="534" y="464"/>
                      </a:lnTo>
                      <a:lnTo>
                        <a:pt x="533" y="464"/>
                      </a:lnTo>
                      <a:lnTo>
                        <a:pt x="529" y="458"/>
                      </a:lnTo>
                      <a:lnTo>
                        <a:pt x="527" y="456"/>
                      </a:lnTo>
                      <a:lnTo>
                        <a:pt x="525" y="455"/>
                      </a:lnTo>
                      <a:lnTo>
                        <a:pt x="523" y="451"/>
                      </a:lnTo>
                      <a:lnTo>
                        <a:pt x="521" y="451"/>
                      </a:lnTo>
                      <a:lnTo>
                        <a:pt x="520" y="449"/>
                      </a:lnTo>
                      <a:lnTo>
                        <a:pt x="516" y="455"/>
                      </a:lnTo>
                      <a:lnTo>
                        <a:pt x="514" y="453"/>
                      </a:lnTo>
                      <a:lnTo>
                        <a:pt x="512" y="451"/>
                      </a:lnTo>
                      <a:lnTo>
                        <a:pt x="514" y="449"/>
                      </a:lnTo>
                      <a:lnTo>
                        <a:pt x="510" y="445"/>
                      </a:lnTo>
                      <a:lnTo>
                        <a:pt x="510" y="443"/>
                      </a:lnTo>
                      <a:lnTo>
                        <a:pt x="509" y="440"/>
                      </a:lnTo>
                      <a:lnTo>
                        <a:pt x="507" y="440"/>
                      </a:lnTo>
                      <a:lnTo>
                        <a:pt x="507" y="442"/>
                      </a:lnTo>
                      <a:lnTo>
                        <a:pt x="505" y="440"/>
                      </a:lnTo>
                      <a:lnTo>
                        <a:pt x="503" y="436"/>
                      </a:lnTo>
                      <a:lnTo>
                        <a:pt x="503" y="434"/>
                      </a:lnTo>
                      <a:lnTo>
                        <a:pt x="503" y="432"/>
                      </a:lnTo>
                      <a:lnTo>
                        <a:pt x="501" y="431"/>
                      </a:lnTo>
                      <a:lnTo>
                        <a:pt x="499" y="429"/>
                      </a:lnTo>
                      <a:lnTo>
                        <a:pt x="497" y="429"/>
                      </a:lnTo>
                      <a:lnTo>
                        <a:pt x="496" y="427"/>
                      </a:lnTo>
                      <a:lnTo>
                        <a:pt x="492" y="425"/>
                      </a:lnTo>
                      <a:lnTo>
                        <a:pt x="490" y="425"/>
                      </a:lnTo>
                      <a:lnTo>
                        <a:pt x="486" y="423"/>
                      </a:lnTo>
                      <a:lnTo>
                        <a:pt x="483" y="421"/>
                      </a:lnTo>
                      <a:lnTo>
                        <a:pt x="483" y="419"/>
                      </a:lnTo>
                      <a:lnTo>
                        <a:pt x="481" y="419"/>
                      </a:lnTo>
                      <a:lnTo>
                        <a:pt x="479" y="418"/>
                      </a:lnTo>
                      <a:lnTo>
                        <a:pt x="479" y="416"/>
                      </a:lnTo>
                      <a:lnTo>
                        <a:pt x="477" y="414"/>
                      </a:lnTo>
                      <a:lnTo>
                        <a:pt x="475" y="414"/>
                      </a:lnTo>
                      <a:lnTo>
                        <a:pt x="475" y="416"/>
                      </a:lnTo>
                      <a:lnTo>
                        <a:pt x="473" y="416"/>
                      </a:lnTo>
                      <a:lnTo>
                        <a:pt x="473" y="418"/>
                      </a:lnTo>
                      <a:lnTo>
                        <a:pt x="472" y="419"/>
                      </a:lnTo>
                      <a:lnTo>
                        <a:pt x="472" y="421"/>
                      </a:lnTo>
                      <a:lnTo>
                        <a:pt x="470" y="421"/>
                      </a:lnTo>
                      <a:lnTo>
                        <a:pt x="468" y="423"/>
                      </a:lnTo>
                      <a:lnTo>
                        <a:pt x="466" y="423"/>
                      </a:lnTo>
                      <a:lnTo>
                        <a:pt x="464" y="423"/>
                      </a:lnTo>
                      <a:lnTo>
                        <a:pt x="464" y="425"/>
                      </a:lnTo>
                      <a:lnTo>
                        <a:pt x="462" y="425"/>
                      </a:lnTo>
                      <a:lnTo>
                        <a:pt x="460" y="425"/>
                      </a:lnTo>
                      <a:lnTo>
                        <a:pt x="459" y="427"/>
                      </a:lnTo>
                      <a:lnTo>
                        <a:pt x="457" y="427"/>
                      </a:lnTo>
                      <a:lnTo>
                        <a:pt x="457" y="425"/>
                      </a:lnTo>
                      <a:lnTo>
                        <a:pt x="455" y="425"/>
                      </a:lnTo>
                      <a:lnTo>
                        <a:pt x="453" y="425"/>
                      </a:lnTo>
                      <a:lnTo>
                        <a:pt x="451" y="427"/>
                      </a:lnTo>
                      <a:lnTo>
                        <a:pt x="449" y="427"/>
                      </a:lnTo>
                      <a:lnTo>
                        <a:pt x="448" y="427"/>
                      </a:lnTo>
                      <a:lnTo>
                        <a:pt x="444" y="429"/>
                      </a:lnTo>
                      <a:lnTo>
                        <a:pt x="442" y="431"/>
                      </a:lnTo>
                      <a:lnTo>
                        <a:pt x="440" y="431"/>
                      </a:lnTo>
                      <a:lnTo>
                        <a:pt x="440" y="432"/>
                      </a:lnTo>
                      <a:lnTo>
                        <a:pt x="438" y="432"/>
                      </a:lnTo>
                      <a:lnTo>
                        <a:pt x="436" y="432"/>
                      </a:lnTo>
                      <a:lnTo>
                        <a:pt x="436" y="434"/>
                      </a:lnTo>
                      <a:lnTo>
                        <a:pt x="435" y="434"/>
                      </a:lnTo>
                      <a:lnTo>
                        <a:pt x="433" y="434"/>
                      </a:lnTo>
                      <a:lnTo>
                        <a:pt x="433" y="436"/>
                      </a:lnTo>
                      <a:lnTo>
                        <a:pt x="431" y="436"/>
                      </a:lnTo>
                      <a:lnTo>
                        <a:pt x="429" y="436"/>
                      </a:lnTo>
                      <a:lnTo>
                        <a:pt x="429" y="438"/>
                      </a:lnTo>
                      <a:lnTo>
                        <a:pt x="427" y="438"/>
                      </a:lnTo>
                      <a:lnTo>
                        <a:pt x="425" y="438"/>
                      </a:lnTo>
                      <a:lnTo>
                        <a:pt x="423" y="438"/>
                      </a:lnTo>
                      <a:lnTo>
                        <a:pt x="422" y="438"/>
                      </a:lnTo>
                      <a:lnTo>
                        <a:pt x="420" y="438"/>
                      </a:lnTo>
                      <a:lnTo>
                        <a:pt x="418" y="438"/>
                      </a:lnTo>
                      <a:lnTo>
                        <a:pt x="416" y="438"/>
                      </a:lnTo>
                      <a:lnTo>
                        <a:pt x="414" y="438"/>
                      </a:lnTo>
                      <a:lnTo>
                        <a:pt x="412" y="438"/>
                      </a:lnTo>
                      <a:lnTo>
                        <a:pt x="411" y="438"/>
                      </a:lnTo>
                      <a:lnTo>
                        <a:pt x="409" y="438"/>
                      </a:lnTo>
                      <a:lnTo>
                        <a:pt x="407" y="438"/>
                      </a:lnTo>
                      <a:lnTo>
                        <a:pt x="405" y="438"/>
                      </a:lnTo>
                      <a:lnTo>
                        <a:pt x="405" y="440"/>
                      </a:lnTo>
                      <a:lnTo>
                        <a:pt x="403" y="440"/>
                      </a:lnTo>
                      <a:lnTo>
                        <a:pt x="401" y="440"/>
                      </a:lnTo>
                      <a:lnTo>
                        <a:pt x="399" y="438"/>
                      </a:lnTo>
                      <a:lnTo>
                        <a:pt x="398" y="440"/>
                      </a:lnTo>
                      <a:lnTo>
                        <a:pt x="398" y="438"/>
                      </a:lnTo>
                      <a:lnTo>
                        <a:pt x="396" y="440"/>
                      </a:lnTo>
                      <a:lnTo>
                        <a:pt x="396" y="438"/>
                      </a:lnTo>
                      <a:lnTo>
                        <a:pt x="394" y="438"/>
                      </a:lnTo>
                      <a:lnTo>
                        <a:pt x="394" y="440"/>
                      </a:lnTo>
                      <a:lnTo>
                        <a:pt x="392" y="440"/>
                      </a:lnTo>
                      <a:lnTo>
                        <a:pt x="390" y="440"/>
                      </a:lnTo>
                      <a:lnTo>
                        <a:pt x="390" y="438"/>
                      </a:lnTo>
                      <a:lnTo>
                        <a:pt x="388" y="440"/>
                      </a:lnTo>
                      <a:lnTo>
                        <a:pt x="386" y="440"/>
                      </a:lnTo>
                      <a:lnTo>
                        <a:pt x="383" y="440"/>
                      </a:lnTo>
                      <a:lnTo>
                        <a:pt x="379" y="440"/>
                      </a:lnTo>
                      <a:lnTo>
                        <a:pt x="377" y="440"/>
                      </a:lnTo>
                      <a:lnTo>
                        <a:pt x="370" y="442"/>
                      </a:lnTo>
                      <a:lnTo>
                        <a:pt x="361" y="443"/>
                      </a:lnTo>
                      <a:lnTo>
                        <a:pt x="353" y="445"/>
                      </a:lnTo>
                      <a:lnTo>
                        <a:pt x="346" y="447"/>
                      </a:lnTo>
                      <a:lnTo>
                        <a:pt x="338" y="449"/>
                      </a:lnTo>
                      <a:lnTo>
                        <a:pt x="333" y="449"/>
                      </a:lnTo>
                      <a:lnTo>
                        <a:pt x="335" y="455"/>
                      </a:lnTo>
                      <a:lnTo>
                        <a:pt x="338" y="458"/>
                      </a:lnTo>
                      <a:lnTo>
                        <a:pt x="342" y="464"/>
                      </a:lnTo>
                      <a:lnTo>
                        <a:pt x="351" y="469"/>
                      </a:lnTo>
                      <a:lnTo>
                        <a:pt x="353" y="475"/>
                      </a:lnTo>
                      <a:lnTo>
                        <a:pt x="353" y="479"/>
                      </a:lnTo>
                      <a:lnTo>
                        <a:pt x="355" y="480"/>
                      </a:lnTo>
                      <a:lnTo>
                        <a:pt x="355" y="482"/>
                      </a:lnTo>
                      <a:lnTo>
                        <a:pt x="355" y="484"/>
                      </a:lnTo>
                      <a:lnTo>
                        <a:pt x="355" y="486"/>
                      </a:lnTo>
                      <a:lnTo>
                        <a:pt x="355" y="488"/>
                      </a:lnTo>
                      <a:lnTo>
                        <a:pt x="357" y="490"/>
                      </a:lnTo>
                      <a:lnTo>
                        <a:pt x="357" y="492"/>
                      </a:lnTo>
                      <a:lnTo>
                        <a:pt x="357" y="493"/>
                      </a:lnTo>
                      <a:lnTo>
                        <a:pt x="357" y="495"/>
                      </a:lnTo>
                      <a:lnTo>
                        <a:pt x="357" y="499"/>
                      </a:lnTo>
                      <a:lnTo>
                        <a:pt x="355" y="503"/>
                      </a:lnTo>
                      <a:lnTo>
                        <a:pt x="355" y="512"/>
                      </a:lnTo>
                      <a:lnTo>
                        <a:pt x="355" y="514"/>
                      </a:lnTo>
                      <a:lnTo>
                        <a:pt x="357" y="514"/>
                      </a:lnTo>
                      <a:lnTo>
                        <a:pt x="357" y="512"/>
                      </a:lnTo>
                      <a:lnTo>
                        <a:pt x="357" y="514"/>
                      </a:lnTo>
                      <a:lnTo>
                        <a:pt x="359" y="514"/>
                      </a:lnTo>
                      <a:lnTo>
                        <a:pt x="361" y="516"/>
                      </a:lnTo>
                      <a:lnTo>
                        <a:pt x="362" y="517"/>
                      </a:lnTo>
                      <a:lnTo>
                        <a:pt x="362" y="519"/>
                      </a:lnTo>
                      <a:lnTo>
                        <a:pt x="364" y="519"/>
                      </a:lnTo>
                      <a:lnTo>
                        <a:pt x="366" y="519"/>
                      </a:lnTo>
                      <a:lnTo>
                        <a:pt x="366" y="517"/>
                      </a:lnTo>
                      <a:lnTo>
                        <a:pt x="366" y="519"/>
                      </a:lnTo>
                      <a:lnTo>
                        <a:pt x="368" y="519"/>
                      </a:lnTo>
                      <a:lnTo>
                        <a:pt x="368" y="521"/>
                      </a:lnTo>
                      <a:lnTo>
                        <a:pt x="368" y="523"/>
                      </a:lnTo>
                      <a:lnTo>
                        <a:pt x="368" y="525"/>
                      </a:lnTo>
                      <a:lnTo>
                        <a:pt x="372" y="525"/>
                      </a:lnTo>
                      <a:lnTo>
                        <a:pt x="374" y="525"/>
                      </a:lnTo>
                      <a:lnTo>
                        <a:pt x="372" y="525"/>
                      </a:lnTo>
                      <a:lnTo>
                        <a:pt x="372" y="527"/>
                      </a:lnTo>
                      <a:lnTo>
                        <a:pt x="374" y="527"/>
                      </a:lnTo>
                      <a:lnTo>
                        <a:pt x="375" y="527"/>
                      </a:lnTo>
                      <a:lnTo>
                        <a:pt x="377" y="529"/>
                      </a:lnTo>
                      <a:lnTo>
                        <a:pt x="379" y="530"/>
                      </a:lnTo>
                      <a:lnTo>
                        <a:pt x="379" y="532"/>
                      </a:lnTo>
                      <a:lnTo>
                        <a:pt x="379" y="534"/>
                      </a:lnTo>
                      <a:lnTo>
                        <a:pt x="381" y="534"/>
                      </a:lnTo>
                      <a:lnTo>
                        <a:pt x="381" y="536"/>
                      </a:lnTo>
                      <a:lnTo>
                        <a:pt x="383" y="536"/>
                      </a:lnTo>
                      <a:lnTo>
                        <a:pt x="385" y="536"/>
                      </a:lnTo>
                      <a:lnTo>
                        <a:pt x="383" y="536"/>
                      </a:lnTo>
                      <a:lnTo>
                        <a:pt x="383" y="538"/>
                      </a:lnTo>
                      <a:lnTo>
                        <a:pt x="385" y="542"/>
                      </a:lnTo>
                      <a:lnTo>
                        <a:pt x="386" y="545"/>
                      </a:lnTo>
                      <a:lnTo>
                        <a:pt x="388" y="545"/>
                      </a:lnTo>
                      <a:lnTo>
                        <a:pt x="388" y="547"/>
                      </a:lnTo>
                      <a:lnTo>
                        <a:pt x="390" y="547"/>
                      </a:lnTo>
                      <a:lnTo>
                        <a:pt x="392" y="545"/>
                      </a:lnTo>
                      <a:lnTo>
                        <a:pt x="394" y="547"/>
                      </a:lnTo>
                      <a:lnTo>
                        <a:pt x="394" y="549"/>
                      </a:lnTo>
                      <a:lnTo>
                        <a:pt x="396" y="551"/>
                      </a:lnTo>
                      <a:lnTo>
                        <a:pt x="401" y="547"/>
                      </a:lnTo>
                      <a:lnTo>
                        <a:pt x="403" y="551"/>
                      </a:lnTo>
                      <a:lnTo>
                        <a:pt x="407" y="547"/>
                      </a:lnTo>
                      <a:lnTo>
                        <a:pt x="409" y="549"/>
                      </a:lnTo>
                      <a:lnTo>
                        <a:pt x="411" y="549"/>
                      </a:lnTo>
                      <a:lnTo>
                        <a:pt x="414" y="545"/>
                      </a:lnTo>
                      <a:lnTo>
                        <a:pt x="416" y="545"/>
                      </a:lnTo>
                      <a:lnTo>
                        <a:pt x="422" y="553"/>
                      </a:lnTo>
                      <a:lnTo>
                        <a:pt x="414" y="558"/>
                      </a:lnTo>
                      <a:lnTo>
                        <a:pt x="416" y="560"/>
                      </a:lnTo>
                      <a:lnTo>
                        <a:pt x="416" y="562"/>
                      </a:lnTo>
                      <a:lnTo>
                        <a:pt x="418" y="562"/>
                      </a:lnTo>
                      <a:lnTo>
                        <a:pt x="420" y="562"/>
                      </a:lnTo>
                      <a:lnTo>
                        <a:pt x="420" y="564"/>
                      </a:lnTo>
                      <a:lnTo>
                        <a:pt x="422" y="564"/>
                      </a:lnTo>
                      <a:lnTo>
                        <a:pt x="423" y="564"/>
                      </a:lnTo>
                      <a:lnTo>
                        <a:pt x="423" y="566"/>
                      </a:lnTo>
                      <a:lnTo>
                        <a:pt x="425" y="566"/>
                      </a:lnTo>
                      <a:lnTo>
                        <a:pt x="427" y="566"/>
                      </a:lnTo>
                      <a:lnTo>
                        <a:pt x="427" y="567"/>
                      </a:lnTo>
                      <a:lnTo>
                        <a:pt x="425" y="567"/>
                      </a:lnTo>
                      <a:lnTo>
                        <a:pt x="425" y="569"/>
                      </a:lnTo>
                      <a:lnTo>
                        <a:pt x="423" y="571"/>
                      </a:lnTo>
                      <a:lnTo>
                        <a:pt x="423" y="573"/>
                      </a:lnTo>
                      <a:lnTo>
                        <a:pt x="423" y="575"/>
                      </a:lnTo>
                      <a:lnTo>
                        <a:pt x="425" y="577"/>
                      </a:lnTo>
                      <a:lnTo>
                        <a:pt x="425" y="579"/>
                      </a:lnTo>
                      <a:lnTo>
                        <a:pt x="427" y="579"/>
                      </a:lnTo>
                      <a:lnTo>
                        <a:pt x="427" y="580"/>
                      </a:lnTo>
                      <a:lnTo>
                        <a:pt x="427" y="582"/>
                      </a:lnTo>
                      <a:lnTo>
                        <a:pt x="429" y="584"/>
                      </a:lnTo>
                      <a:lnTo>
                        <a:pt x="431" y="590"/>
                      </a:lnTo>
                      <a:lnTo>
                        <a:pt x="431" y="591"/>
                      </a:lnTo>
                      <a:lnTo>
                        <a:pt x="429" y="597"/>
                      </a:lnTo>
                      <a:lnTo>
                        <a:pt x="425" y="601"/>
                      </a:lnTo>
                      <a:lnTo>
                        <a:pt x="436" y="603"/>
                      </a:lnTo>
                      <a:lnTo>
                        <a:pt x="438" y="603"/>
                      </a:lnTo>
                      <a:lnTo>
                        <a:pt x="440" y="604"/>
                      </a:lnTo>
                      <a:lnTo>
                        <a:pt x="444" y="603"/>
                      </a:lnTo>
                      <a:lnTo>
                        <a:pt x="448" y="603"/>
                      </a:lnTo>
                      <a:lnTo>
                        <a:pt x="448" y="606"/>
                      </a:lnTo>
                      <a:lnTo>
                        <a:pt x="448" y="608"/>
                      </a:lnTo>
                      <a:lnTo>
                        <a:pt x="449" y="610"/>
                      </a:lnTo>
                      <a:lnTo>
                        <a:pt x="451" y="610"/>
                      </a:lnTo>
                      <a:lnTo>
                        <a:pt x="451" y="608"/>
                      </a:lnTo>
                      <a:lnTo>
                        <a:pt x="453" y="614"/>
                      </a:lnTo>
                      <a:lnTo>
                        <a:pt x="455" y="614"/>
                      </a:lnTo>
                      <a:lnTo>
                        <a:pt x="457" y="616"/>
                      </a:lnTo>
                      <a:lnTo>
                        <a:pt x="457" y="617"/>
                      </a:lnTo>
                      <a:lnTo>
                        <a:pt x="459" y="616"/>
                      </a:lnTo>
                      <a:lnTo>
                        <a:pt x="460" y="616"/>
                      </a:lnTo>
                      <a:lnTo>
                        <a:pt x="460" y="617"/>
                      </a:lnTo>
                      <a:lnTo>
                        <a:pt x="459" y="619"/>
                      </a:lnTo>
                      <a:lnTo>
                        <a:pt x="460" y="621"/>
                      </a:lnTo>
                      <a:lnTo>
                        <a:pt x="462" y="621"/>
                      </a:lnTo>
                      <a:lnTo>
                        <a:pt x="464" y="623"/>
                      </a:lnTo>
                      <a:lnTo>
                        <a:pt x="464" y="625"/>
                      </a:lnTo>
                      <a:lnTo>
                        <a:pt x="464" y="627"/>
                      </a:lnTo>
                      <a:lnTo>
                        <a:pt x="462" y="630"/>
                      </a:lnTo>
                      <a:lnTo>
                        <a:pt x="460" y="632"/>
                      </a:lnTo>
                      <a:lnTo>
                        <a:pt x="459" y="634"/>
                      </a:lnTo>
                      <a:lnTo>
                        <a:pt x="459" y="636"/>
                      </a:lnTo>
                      <a:lnTo>
                        <a:pt x="460" y="640"/>
                      </a:lnTo>
                      <a:lnTo>
                        <a:pt x="462" y="638"/>
                      </a:lnTo>
                      <a:lnTo>
                        <a:pt x="464" y="638"/>
                      </a:lnTo>
                      <a:lnTo>
                        <a:pt x="466" y="638"/>
                      </a:lnTo>
                      <a:lnTo>
                        <a:pt x="464" y="640"/>
                      </a:lnTo>
                      <a:lnTo>
                        <a:pt x="468" y="640"/>
                      </a:lnTo>
                      <a:lnTo>
                        <a:pt x="468" y="641"/>
                      </a:lnTo>
                      <a:lnTo>
                        <a:pt x="466" y="651"/>
                      </a:lnTo>
                      <a:lnTo>
                        <a:pt x="466" y="653"/>
                      </a:lnTo>
                      <a:lnTo>
                        <a:pt x="466" y="654"/>
                      </a:lnTo>
                      <a:lnTo>
                        <a:pt x="464" y="654"/>
                      </a:lnTo>
                      <a:lnTo>
                        <a:pt x="464" y="656"/>
                      </a:lnTo>
                      <a:lnTo>
                        <a:pt x="462" y="656"/>
                      </a:lnTo>
                      <a:lnTo>
                        <a:pt x="462" y="658"/>
                      </a:lnTo>
                      <a:lnTo>
                        <a:pt x="462" y="662"/>
                      </a:lnTo>
                      <a:lnTo>
                        <a:pt x="462" y="669"/>
                      </a:lnTo>
                      <a:lnTo>
                        <a:pt x="460" y="669"/>
                      </a:lnTo>
                      <a:lnTo>
                        <a:pt x="451" y="669"/>
                      </a:lnTo>
                      <a:lnTo>
                        <a:pt x="449" y="669"/>
                      </a:lnTo>
                      <a:lnTo>
                        <a:pt x="448" y="669"/>
                      </a:lnTo>
                      <a:lnTo>
                        <a:pt x="446" y="671"/>
                      </a:lnTo>
                      <a:lnTo>
                        <a:pt x="444" y="669"/>
                      </a:lnTo>
                      <a:lnTo>
                        <a:pt x="440" y="675"/>
                      </a:lnTo>
                      <a:lnTo>
                        <a:pt x="436" y="680"/>
                      </a:lnTo>
                      <a:lnTo>
                        <a:pt x="435" y="682"/>
                      </a:lnTo>
                      <a:lnTo>
                        <a:pt x="433" y="682"/>
                      </a:lnTo>
                      <a:lnTo>
                        <a:pt x="433" y="684"/>
                      </a:lnTo>
                      <a:lnTo>
                        <a:pt x="435" y="684"/>
                      </a:lnTo>
                      <a:lnTo>
                        <a:pt x="435" y="686"/>
                      </a:lnTo>
                      <a:lnTo>
                        <a:pt x="431" y="691"/>
                      </a:lnTo>
                      <a:lnTo>
                        <a:pt x="431" y="695"/>
                      </a:lnTo>
                      <a:lnTo>
                        <a:pt x="433" y="695"/>
                      </a:lnTo>
                      <a:lnTo>
                        <a:pt x="433" y="699"/>
                      </a:lnTo>
                      <a:lnTo>
                        <a:pt x="433" y="702"/>
                      </a:lnTo>
                      <a:lnTo>
                        <a:pt x="435" y="702"/>
                      </a:lnTo>
                      <a:lnTo>
                        <a:pt x="433" y="704"/>
                      </a:lnTo>
                      <a:lnTo>
                        <a:pt x="433" y="706"/>
                      </a:lnTo>
                      <a:lnTo>
                        <a:pt x="431" y="706"/>
                      </a:lnTo>
                      <a:lnTo>
                        <a:pt x="431" y="708"/>
                      </a:lnTo>
                      <a:lnTo>
                        <a:pt x="427" y="708"/>
                      </a:lnTo>
                      <a:lnTo>
                        <a:pt x="425" y="708"/>
                      </a:lnTo>
                      <a:lnTo>
                        <a:pt x="423" y="708"/>
                      </a:lnTo>
                      <a:lnTo>
                        <a:pt x="423" y="710"/>
                      </a:lnTo>
                      <a:lnTo>
                        <a:pt x="420" y="708"/>
                      </a:lnTo>
                      <a:lnTo>
                        <a:pt x="420" y="706"/>
                      </a:lnTo>
                      <a:lnTo>
                        <a:pt x="418" y="704"/>
                      </a:lnTo>
                      <a:lnTo>
                        <a:pt x="418" y="702"/>
                      </a:lnTo>
                      <a:lnTo>
                        <a:pt x="416" y="701"/>
                      </a:lnTo>
                      <a:lnTo>
                        <a:pt x="414" y="701"/>
                      </a:lnTo>
                      <a:lnTo>
                        <a:pt x="411" y="702"/>
                      </a:lnTo>
                      <a:lnTo>
                        <a:pt x="409" y="701"/>
                      </a:lnTo>
                      <a:lnTo>
                        <a:pt x="407" y="701"/>
                      </a:lnTo>
                      <a:lnTo>
                        <a:pt x="405" y="701"/>
                      </a:lnTo>
                      <a:lnTo>
                        <a:pt x="403" y="699"/>
                      </a:lnTo>
                      <a:lnTo>
                        <a:pt x="401" y="702"/>
                      </a:lnTo>
                      <a:lnTo>
                        <a:pt x="399" y="701"/>
                      </a:lnTo>
                      <a:lnTo>
                        <a:pt x="394" y="702"/>
                      </a:lnTo>
                      <a:lnTo>
                        <a:pt x="392" y="701"/>
                      </a:lnTo>
                      <a:lnTo>
                        <a:pt x="390" y="701"/>
                      </a:lnTo>
                      <a:lnTo>
                        <a:pt x="388" y="699"/>
                      </a:lnTo>
                      <a:lnTo>
                        <a:pt x="386" y="699"/>
                      </a:lnTo>
                      <a:lnTo>
                        <a:pt x="385" y="697"/>
                      </a:lnTo>
                      <a:lnTo>
                        <a:pt x="383" y="695"/>
                      </a:lnTo>
                      <a:lnTo>
                        <a:pt x="383" y="693"/>
                      </a:lnTo>
                      <a:lnTo>
                        <a:pt x="383" y="695"/>
                      </a:lnTo>
                      <a:lnTo>
                        <a:pt x="381" y="695"/>
                      </a:lnTo>
                      <a:lnTo>
                        <a:pt x="381" y="697"/>
                      </a:lnTo>
                      <a:lnTo>
                        <a:pt x="381" y="699"/>
                      </a:lnTo>
                      <a:lnTo>
                        <a:pt x="377" y="699"/>
                      </a:lnTo>
                      <a:lnTo>
                        <a:pt x="375" y="699"/>
                      </a:lnTo>
                      <a:lnTo>
                        <a:pt x="372" y="701"/>
                      </a:lnTo>
                      <a:lnTo>
                        <a:pt x="368" y="702"/>
                      </a:lnTo>
                      <a:lnTo>
                        <a:pt x="366" y="702"/>
                      </a:lnTo>
                      <a:lnTo>
                        <a:pt x="357" y="704"/>
                      </a:lnTo>
                      <a:lnTo>
                        <a:pt x="350" y="702"/>
                      </a:lnTo>
                      <a:lnTo>
                        <a:pt x="348" y="702"/>
                      </a:lnTo>
                      <a:lnTo>
                        <a:pt x="346" y="704"/>
                      </a:lnTo>
                      <a:lnTo>
                        <a:pt x="344" y="706"/>
                      </a:lnTo>
                      <a:lnTo>
                        <a:pt x="340" y="712"/>
                      </a:lnTo>
                      <a:lnTo>
                        <a:pt x="340" y="706"/>
                      </a:lnTo>
                      <a:lnTo>
                        <a:pt x="338" y="701"/>
                      </a:lnTo>
                      <a:lnTo>
                        <a:pt x="337" y="697"/>
                      </a:lnTo>
                      <a:lnTo>
                        <a:pt x="338" y="697"/>
                      </a:lnTo>
                      <a:lnTo>
                        <a:pt x="337" y="697"/>
                      </a:lnTo>
                      <a:lnTo>
                        <a:pt x="337" y="695"/>
                      </a:lnTo>
                      <a:lnTo>
                        <a:pt x="335" y="695"/>
                      </a:lnTo>
                      <a:lnTo>
                        <a:pt x="335" y="689"/>
                      </a:lnTo>
                      <a:lnTo>
                        <a:pt x="335" y="691"/>
                      </a:lnTo>
                      <a:lnTo>
                        <a:pt x="335" y="689"/>
                      </a:lnTo>
                      <a:lnTo>
                        <a:pt x="335" y="686"/>
                      </a:lnTo>
                      <a:lnTo>
                        <a:pt x="333" y="686"/>
                      </a:lnTo>
                      <a:lnTo>
                        <a:pt x="333" y="688"/>
                      </a:lnTo>
                      <a:lnTo>
                        <a:pt x="329" y="684"/>
                      </a:lnTo>
                      <a:lnTo>
                        <a:pt x="325" y="678"/>
                      </a:lnTo>
                      <a:lnTo>
                        <a:pt x="318" y="680"/>
                      </a:lnTo>
                      <a:lnTo>
                        <a:pt x="318" y="682"/>
                      </a:lnTo>
                      <a:lnTo>
                        <a:pt x="316" y="682"/>
                      </a:lnTo>
                      <a:lnTo>
                        <a:pt x="316" y="680"/>
                      </a:lnTo>
                      <a:lnTo>
                        <a:pt x="314" y="680"/>
                      </a:lnTo>
                      <a:lnTo>
                        <a:pt x="314" y="678"/>
                      </a:lnTo>
                      <a:lnTo>
                        <a:pt x="313" y="678"/>
                      </a:lnTo>
                      <a:lnTo>
                        <a:pt x="313" y="677"/>
                      </a:lnTo>
                      <a:lnTo>
                        <a:pt x="313" y="675"/>
                      </a:lnTo>
                      <a:lnTo>
                        <a:pt x="311" y="675"/>
                      </a:lnTo>
                      <a:lnTo>
                        <a:pt x="309" y="669"/>
                      </a:lnTo>
                      <a:lnTo>
                        <a:pt x="303" y="671"/>
                      </a:lnTo>
                      <a:lnTo>
                        <a:pt x="301" y="671"/>
                      </a:lnTo>
                      <a:lnTo>
                        <a:pt x="301" y="673"/>
                      </a:lnTo>
                      <a:lnTo>
                        <a:pt x="300" y="673"/>
                      </a:lnTo>
                      <a:lnTo>
                        <a:pt x="300" y="675"/>
                      </a:lnTo>
                      <a:lnTo>
                        <a:pt x="298" y="675"/>
                      </a:lnTo>
                      <a:lnTo>
                        <a:pt x="298" y="677"/>
                      </a:lnTo>
                      <a:lnTo>
                        <a:pt x="296" y="677"/>
                      </a:lnTo>
                      <a:lnTo>
                        <a:pt x="294" y="677"/>
                      </a:lnTo>
                      <a:lnTo>
                        <a:pt x="292" y="678"/>
                      </a:lnTo>
                      <a:lnTo>
                        <a:pt x="290" y="680"/>
                      </a:lnTo>
                      <a:lnTo>
                        <a:pt x="290" y="682"/>
                      </a:lnTo>
                      <a:lnTo>
                        <a:pt x="289" y="682"/>
                      </a:lnTo>
                      <a:lnTo>
                        <a:pt x="289" y="684"/>
                      </a:lnTo>
                      <a:lnTo>
                        <a:pt x="287" y="684"/>
                      </a:lnTo>
                      <a:lnTo>
                        <a:pt x="287" y="686"/>
                      </a:lnTo>
                      <a:lnTo>
                        <a:pt x="285" y="686"/>
                      </a:lnTo>
                      <a:lnTo>
                        <a:pt x="283" y="686"/>
                      </a:lnTo>
                      <a:lnTo>
                        <a:pt x="281" y="684"/>
                      </a:lnTo>
                      <a:lnTo>
                        <a:pt x="279" y="682"/>
                      </a:lnTo>
                      <a:lnTo>
                        <a:pt x="277" y="680"/>
                      </a:lnTo>
                      <a:lnTo>
                        <a:pt x="276" y="680"/>
                      </a:lnTo>
                      <a:lnTo>
                        <a:pt x="272" y="682"/>
                      </a:lnTo>
                      <a:lnTo>
                        <a:pt x="270" y="682"/>
                      </a:lnTo>
                      <a:lnTo>
                        <a:pt x="270" y="678"/>
                      </a:lnTo>
                      <a:lnTo>
                        <a:pt x="268" y="678"/>
                      </a:lnTo>
                      <a:lnTo>
                        <a:pt x="266" y="678"/>
                      </a:lnTo>
                      <a:lnTo>
                        <a:pt x="266" y="680"/>
                      </a:lnTo>
                      <a:lnTo>
                        <a:pt x="264" y="680"/>
                      </a:lnTo>
                      <a:lnTo>
                        <a:pt x="259" y="682"/>
                      </a:lnTo>
                      <a:lnTo>
                        <a:pt x="257" y="682"/>
                      </a:lnTo>
                      <a:lnTo>
                        <a:pt x="257" y="684"/>
                      </a:lnTo>
                      <a:lnTo>
                        <a:pt x="253" y="686"/>
                      </a:lnTo>
                      <a:lnTo>
                        <a:pt x="253" y="688"/>
                      </a:lnTo>
                      <a:lnTo>
                        <a:pt x="252" y="688"/>
                      </a:lnTo>
                      <a:lnTo>
                        <a:pt x="250" y="688"/>
                      </a:lnTo>
                      <a:lnTo>
                        <a:pt x="250" y="689"/>
                      </a:lnTo>
                      <a:lnTo>
                        <a:pt x="252" y="689"/>
                      </a:lnTo>
                      <a:lnTo>
                        <a:pt x="253" y="691"/>
                      </a:lnTo>
                      <a:lnTo>
                        <a:pt x="253" y="693"/>
                      </a:lnTo>
                      <a:lnTo>
                        <a:pt x="253" y="695"/>
                      </a:lnTo>
                      <a:lnTo>
                        <a:pt x="255" y="699"/>
                      </a:lnTo>
                      <a:lnTo>
                        <a:pt x="255" y="701"/>
                      </a:lnTo>
                      <a:lnTo>
                        <a:pt x="257" y="699"/>
                      </a:lnTo>
                      <a:lnTo>
                        <a:pt x="257" y="701"/>
                      </a:lnTo>
                      <a:lnTo>
                        <a:pt x="259" y="702"/>
                      </a:lnTo>
                      <a:lnTo>
                        <a:pt x="261" y="702"/>
                      </a:lnTo>
                      <a:lnTo>
                        <a:pt x="261" y="704"/>
                      </a:lnTo>
                      <a:lnTo>
                        <a:pt x="263" y="706"/>
                      </a:lnTo>
                      <a:lnTo>
                        <a:pt x="263" y="708"/>
                      </a:lnTo>
                      <a:lnTo>
                        <a:pt x="263" y="710"/>
                      </a:lnTo>
                      <a:lnTo>
                        <a:pt x="257" y="712"/>
                      </a:lnTo>
                      <a:lnTo>
                        <a:pt x="253" y="715"/>
                      </a:lnTo>
                      <a:lnTo>
                        <a:pt x="253" y="723"/>
                      </a:lnTo>
                      <a:lnTo>
                        <a:pt x="248" y="726"/>
                      </a:lnTo>
                      <a:lnTo>
                        <a:pt x="246" y="730"/>
                      </a:lnTo>
                      <a:lnTo>
                        <a:pt x="244" y="732"/>
                      </a:lnTo>
                      <a:lnTo>
                        <a:pt x="244" y="734"/>
                      </a:lnTo>
                      <a:lnTo>
                        <a:pt x="242" y="738"/>
                      </a:lnTo>
                      <a:lnTo>
                        <a:pt x="240" y="741"/>
                      </a:lnTo>
                      <a:lnTo>
                        <a:pt x="240" y="747"/>
                      </a:lnTo>
                      <a:lnTo>
                        <a:pt x="240" y="749"/>
                      </a:lnTo>
                      <a:lnTo>
                        <a:pt x="235" y="756"/>
                      </a:lnTo>
                      <a:lnTo>
                        <a:pt x="235" y="758"/>
                      </a:lnTo>
                      <a:lnTo>
                        <a:pt x="228" y="763"/>
                      </a:lnTo>
                      <a:lnTo>
                        <a:pt x="220" y="765"/>
                      </a:lnTo>
                      <a:lnTo>
                        <a:pt x="211" y="775"/>
                      </a:lnTo>
                      <a:lnTo>
                        <a:pt x="209" y="775"/>
                      </a:lnTo>
                      <a:lnTo>
                        <a:pt x="200" y="778"/>
                      </a:lnTo>
                      <a:lnTo>
                        <a:pt x="192" y="782"/>
                      </a:lnTo>
                      <a:lnTo>
                        <a:pt x="187" y="784"/>
                      </a:lnTo>
                      <a:lnTo>
                        <a:pt x="168" y="793"/>
                      </a:lnTo>
                      <a:lnTo>
                        <a:pt x="168" y="797"/>
                      </a:lnTo>
                      <a:lnTo>
                        <a:pt x="170" y="802"/>
                      </a:lnTo>
                      <a:lnTo>
                        <a:pt x="168" y="802"/>
                      </a:lnTo>
                      <a:lnTo>
                        <a:pt x="174" y="810"/>
                      </a:lnTo>
                      <a:lnTo>
                        <a:pt x="172" y="812"/>
                      </a:lnTo>
                      <a:lnTo>
                        <a:pt x="174" y="815"/>
                      </a:lnTo>
                      <a:lnTo>
                        <a:pt x="176" y="819"/>
                      </a:lnTo>
                      <a:lnTo>
                        <a:pt x="178" y="823"/>
                      </a:lnTo>
                      <a:lnTo>
                        <a:pt x="179" y="825"/>
                      </a:lnTo>
                      <a:lnTo>
                        <a:pt x="179" y="826"/>
                      </a:lnTo>
                      <a:lnTo>
                        <a:pt x="181" y="828"/>
                      </a:lnTo>
                      <a:lnTo>
                        <a:pt x="185" y="830"/>
                      </a:lnTo>
                      <a:lnTo>
                        <a:pt x="185" y="832"/>
                      </a:lnTo>
                      <a:lnTo>
                        <a:pt x="185" y="834"/>
                      </a:lnTo>
                      <a:lnTo>
                        <a:pt x="187" y="834"/>
                      </a:lnTo>
                      <a:lnTo>
                        <a:pt x="187" y="836"/>
                      </a:lnTo>
                      <a:lnTo>
                        <a:pt x="187" y="837"/>
                      </a:lnTo>
                      <a:lnTo>
                        <a:pt x="185" y="837"/>
                      </a:lnTo>
                      <a:lnTo>
                        <a:pt x="185" y="839"/>
                      </a:lnTo>
                      <a:lnTo>
                        <a:pt x="183" y="839"/>
                      </a:lnTo>
                      <a:lnTo>
                        <a:pt x="183" y="841"/>
                      </a:lnTo>
                      <a:lnTo>
                        <a:pt x="181" y="841"/>
                      </a:lnTo>
                      <a:lnTo>
                        <a:pt x="181" y="843"/>
                      </a:lnTo>
                      <a:lnTo>
                        <a:pt x="181" y="845"/>
                      </a:lnTo>
                      <a:lnTo>
                        <a:pt x="179" y="845"/>
                      </a:lnTo>
                      <a:lnTo>
                        <a:pt x="179" y="847"/>
                      </a:lnTo>
                      <a:lnTo>
                        <a:pt x="179" y="849"/>
                      </a:lnTo>
                      <a:lnTo>
                        <a:pt x="178" y="850"/>
                      </a:lnTo>
                      <a:lnTo>
                        <a:pt x="176" y="852"/>
                      </a:lnTo>
                      <a:lnTo>
                        <a:pt x="174" y="852"/>
                      </a:lnTo>
                      <a:lnTo>
                        <a:pt x="172" y="852"/>
                      </a:lnTo>
                      <a:lnTo>
                        <a:pt x="170" y="852"/>
                      </a:lnTo>
                      <a:lnTo>
                        <a:pt x="170" y="854"/>
                      </a:lnTo>
                      <a:lnTo>
                        <a:pt x="170" y="852"/>
                      </a:lnTo>
                      <a:lnTo>
                        <a:pt x="170" y="854"/>
                      </a:lnTo>
                      <a:lnTo>
                        <a:pt x="168" y="854"/>
                      </a:lnTo>
                      <a:lnTo>
                        <a:pt x="168" y="852"/>
                      </a:lnTo>
                      <a:lnTo>
                        <a:pt x="167" y="854"/>
                      </a:lnTo>
                      <a:lnTo>
                        <a:pt x="165" y="854"/>
                      </a:lnTo>
                      <a:lnTo>
                        <a:pt x="163" y="854"/>
                      </a:lnTo>
                      <a:lnTo>
                        <a:pt x="163" y="856"/>
                      </a:lnTo>
                      <a:lnTo>
                        <a:pt x="159" y="858"/>
                      </a:lnTo>
                      <a:lnTo>
                        <a:pt x="159" y="860"/>
                      </a:lnTo>
                      <a:lnTo>
                        <a:pt x="157" y="858"/>
                      </a:lnTo>
                      <a:lnTo>
                        <a:pt x="155" y="858"/>
                      </a:lnTo>
                      <a:lnTo>
                        <a:pt x="154" y="860"/>
                      </a:lnTo>
                      <a:lnTo>
                        <a:pt x="152" y="860"/>
                      </a:lnTo>
                      <a:lnTo>
                        <a:pt x="150" y="862"/>
                      </a:lnTo>
                      <a:lnTo>
                        <a:pt x="146" y="862"/>
                      </a:lnTo>
                      <a:lnTo>
                        <a:pt x="144" y="862"/>
                      </a:lnTo>
                      <a:lnTo>
                        <a:pt x="142" y="862"/>
                      </a:lnTo>
                      <a:lnTo>
                        <a:pt x="139" y="862"/>
                      </a:lnTo>
                      <a:lnTo>
                        <a:pt x="139" y="860"/>
                      </a:lnTo>
                      <a:lnTo>
                        <a:pt x="139" y="858"/>
                      </a:lnTo>
                      <a:lnTo>
                        <a:pt x="137" y="858"/>
                      </a:lnTo>
                      <a:lnTo>
                        <a:pt x="137" y="856"/>
                      </a:lnTo>
                      <a:lnTo>
                        <a:pt x="135" y="856"/>
                      </a:lnTo>
                      <a:lnTo>
                        <a:pt x="135" y="854"/>
                      </a:lnTo>
                      <a:lnTo>
                        <a:pt x="133" y="852"/>
                      </a:lnTo>
                      <a:lnTo>
                        <a:pt x="133" y="850"/>
                      </a:lnTo>
                      <a:lnTo>
                        <a:pt x="131" y="850"/>
                      </a:lnTo>
                      <a:lnTo>
                        <a:pt x="131" y="847"/>
                      </a:lnTo>
                      <a:lnTo>
                        <a:pt x="131" y="845"/>
                      </a:lnTo>
                      <a:lnTo>
                        <a:pt x="131" y="843"/>
                      </a:lnTo>
                      <a:lnTo>
                        <a:pt x="130" y="843"/>
                      </a:lnTo>
                      <a:lnTo>
                        <a:pt x="130" y="841"/>
                      </a:lnTo>
                      <a:lnTo>
                        <a:pt x="131" y="841"/>
                      </a:lnTo>
                      <a:lnTo>
                        <a:pt x="131" y="839"/>
                      </a:lnTo>
                      <a:lnTo>
                        <a:pt x="130" y="839"/>
                      </a:lnTo>
                      <a:lnTo>
                        <a:pt x="130" y="837"/>
                      </a:lnTo>
                      <a:lnTo>
                        <a:pt x="130" y="836"/>
                      </a:lnTo>
                      <a:lnTo>
                        <a:pt x="128" y="836"/>
                      </a:lnTo>
                      <a:lnTo>
                        <a:pt x="128" y="834"/>
                      </a:lnTo>
                      <a:lnTo>
                        <a:pt x="128" y="832"/>
                      </a:lnTo>
                      <a:lnTo>
                        <a:pt x="130" y="830"/>
                      </a:lnTo>
                      <a:lnTo>
                        <a:pt x="128" y="830"/>
                      </a:lnTo>
                      <a:lnTo>
                        <a:pt x="130" y="830"/>
                      </a:lnTo>
                      <a:lnTo>
                        <a:pt x="131" y="830"/>
                      </a:lnTo>
                      <a:lnTo>
                        <a:pt x="130" y="826"/>
                      </a:lnTo>
                      <a:lnTo>
                        <a:pt x="131" y="826"/>
                      </a:lnTo>
                      <a:lnTo>
                        <a:pt x="131" y="823"/>
                      </a:lnTo>
                      <a:lnTo>
                        <a:pt x="135" y="821"/>
                      </a:lnTo>
                      <a:lnTo>
                        <a:pt x="133" y="821"/>
                      </a:lnTo>
                      <a:lnTo>
                        <a:pt x="135" y="821"/>
                      </a:lnTo>
                      <a:lnTo>
                        <a:pt x="135" y="819"/>
                      </a:lnTo>
                      <a:lnTo>
                        <a:pt x="133" y="819"/>
                      </a:lnTo>
                      <a:lnTo>
                        <a:pt x="133" y="817"/>
                      </a:lnTo>
                      <a:lnTo>
                        <a:pt x="133" y="815"/>
                      </a:lnTo>
                      <a:lnTo>
                        <a:pt x="131" y="815"/>
                      </a:lnTo>
                      <a:lnTo>
                        <a:pt x="131" y="813"/>
                      </a:lnTo>
                      <a:lnTo>
                        <a:pt x="131" y="812"/>
                      </a:lnTo>
                      <a:lnTo>
                        <a:pt x="131" y="810"/>
                      </a:lnTo>
                      <a:lnTo>
                        <a:pt x="130" y="810"/>
                      </a:lnTo>
                      <a:lnTo>
                        <a:pt x="130" y="808"/>
                      </a:lnTo>
                      <a:lnTo>
                        <a:pt x="115" y="815"/>
                      </a:lnTo>
                      <a:lnTo>
                        <a:pt x="113" y="812"/>
                      </a:lnTo>
                      <a:lnTo>
                        <a:pt x="111" y="812"/>
                      </a:lnTo>
                      <a:lnTo>
                        <a:pt x="111" y="810"/>
                      </a:lnTo>
                      <a:lnTo>
                        <a:pt x="109" y="812"/>
                      </a:lnTo>
                      <a:lnTo>
                        <a:pt x="106" y="813"/>
                      </a:lnTo>
                      <a:lnTo>
                        <a:pt x="104" y="815"/>
                      </a:lnTo>
                      <a:lnTo>
                        <a:pt x="102" y="815"/>
                      </a:lnTo>
                      <a:lnTo>
                        <a:pt x="100" y="819"/>
                      </a:lnTo>
                      <a:lnTo>
                        <a:pt x="98" y="819"/>
                      </a:lnTo>
                      <a:lnTo>
                        <a:pt x="96" y="819"/>
                      </a:lnTo>
                      <a:lnTo>
                        <a:pt x="94" y="819"/>
                      </a:lnTo>
                      <a:lnTo>
                        <a:pt x="91" y="821"/>
                      </a:lnTo>
                      <a:lnTo>
                        <a:pt x="89" y="821"/>
                      </a:lnTo>
                      <a:lnTo>
                        <a:pt x="85" y="823"/>
                      </a:lnTo>
                      <a:lnTo>
                        <a:pt x="81" y="823"/>
                      </a:lnTo>
                      <a:lnTo>
                        <a:pt x="81" y="821"/>
                      </a:lnTo>
                      <a:lnTo>
                        <a:pt x="80" y="823"/>
                      </a:lnTo>
                      <a:lnTo>
                        <a:pt x="78" y="823"/>
                      </a:lnTo>
                      <a:lnTo>
                        <a:pt x="76" y="823"/>
                      </a:lnTo>
                      <a:lnTo>
                        <a:pt x="74" y="825"/>
                      </a:lnTo>
                      <a:lnTo>
                        <a:pt x="72" y="825"/>
                      </a:lnTo>
                      <a:lnTo>
                        <a:pt x="70" y="825"/>
                      </a:lnTo>
                      <a:lnTo>
                        <a:pt x="69" y="825"/>
                      </a:lnTo>
                      <a:lnTo>
                        <a:pt x="69" y="819"/>
                      </a:lnTo>
                      <a:lnTo>
                        <a:pt x="65" y="819"/>
                      </a:lnTo>
                      <a:lnTo>
                        <a:pt x="63" y="817"/>
                      </a:lnTo>
                      <a:lnTo>
                        <a:pt x="61" y="817"/>
                      </a:lnTo>
                      <a:lnTo>
                        <a:pt x="61" y="819"/>
                      </a:lnTo>
                      <a:lnTo>
                        <a:pt x="59" y="819"/>
                      </a:lnTo>
                      <a:lnTo>
                        <a:pt x="57" y="817"/>
                      </a:lnTo>
                      <a:lnTo>
                        <a:pt x="57" y="815"/>
                      </a:lnTo>
                      <a:lnTo>
                        <a:pt x="57" y="813"/>
                      </a:lnTo>
                      <a:lnTo>
                        <a:pt x="57" y="812"/>
                      </a:lnTo>
                      <a:lnTo>
                        <a:pt x="57" y="810"/>
                      </a:lnTo>
                      <a:lnTo>
                        <a:pt x="56" y="806"/>
                      </a:lnTo>
                      <a:lnTo>
                        <a:pt x="54" y="802"/>
                      </a:lnTo>
                      <a:lnTo>
                        <a:pt x="54" y="800"/>
                      </a:lnTo>
                      <a:lnTo>
                        <a:pt x="54" y="799"/>
                      </a:lnTo>
                      <a:lnTo>
                        <a:pt x="54" y="797"/>
                      </a:lnTo>
                      <a:lnTo>
                        <a:pt x="54" y="795"/>
                      </a:lnTo>
                      <a:lnTo>
                        <a:pt x="52" y="795"/>
                      </a:lnTo>
                      <a:lnTo>
                        <a:pt x="50" y="793"/>
                      </a:lnTo>
                      <a:lnTo>
                        <a:pt x="48" y="793"/>
                      </a:lnTo>
                      <a:lnTo>
                        <a:pt x="48" y="789"/>
                      </a:lnTo>
                      <a:lnTo>
                        <a:pt x="46" y="786"/>
                      </a:lnTo>
                      <a:lnTo>
                        <a:pt x="46" y="784"/>
                      </a:lnTo>
                      <a:lnTo>
                        <a:pt x="45" y="782"/>
                      </a:lnTo>
                      <a:lnTo>
                        <a:pt x="43" y="782"/>
                      </a:lnTo>
                      <a:lnTo>
                        <a:pt x="43" y="780"/>
                      </a:lnTo>
                      <a:lnTo>
                        <a:pt x="41" y="778"/>
                      </a:lnTo>
                      <a:lnTo>
                        <a:pt x="41" y="776"/>
                      </a:lnTo>
                      <a:lnTo>
                        <a:pt x="43" y="776"/>
                      </a:lnTo>
                      <a:lnTo>
                        <a:pt x="43" y="775"/>
                      </a:lnTo>
                      <a:lnTo>
                        <a:pt x="43" y="773"/>
                      </a:lnTo>
                      <a:lnTo>
                        <a:pt x="43" y="769"/>
                      </a:lnTo>
                      <a:lnTo>
                        <a:pt x="41" y="767"/>
                      </a:lnTo>
                      <a:lnTo>
                        <a:pt x="43" y="763"/>
                      </a:lnTo>
                      <a:lnTo>
                        <a:pt x="46" y="765"/>
                      </a:lnTo>
                      <a:lnTo>
                        <a:pt x="48" y="763"/>
                      </a:lnTo>
                      <a:lnTo>
                        <a:pt x="48" y="762"/>
                      </a:lnTo>
                      <a:lnTo>
                        <a:pt x="50" y="762"/>
                      </a:lnTo>
                      <a:lnTo>
                        <a:pt x="54" y="760"/>
                      </a:lnTo>
                      <a:lnTo>
                        <a:pt x="56" y="760"/>
                      </a:lnTo>
                      <a:lnTo>
                        <a:pt x="56" y="762"/>
                      </a:lnTo>
                      <a:lnTo>
                        <a:pt x="56" y="763"/>
                      </a:lnTo>
                      <a:lnTo>
                        <a:pt x="57" y="762"/>
                      </a:lnTo>
                      <a:lnTo>
                        <a:pt x="59" y="762"/>
                      </a:lnTo>
                      <a:lnTo>
                        <a:pt x="61" y="760"/>
                      </a:lnTo>
                      <a:lnTo>
                        <a:pt x="61" y="758"/>
                      </a:lnTo>
                      <a:lnTo>
                        <a:pt x="65" y="756"/>
                      </a:lnTo>
                      <a:lnTo>
                        <a:pt x="65" y="758"/>
                      </a:lnTo>
                      <a:lnTo>
                        <a:pt x="67" y="760"/>
                      </a:lnTo>
                      <a:lnTo>
                        <a:pt x="67" y="762"/>
                      </a:lnTo>
                      <a:lnTo>
                        <a:pt x="67" y="763"/>
                      </a:lnTo>
                      <a:lnTo>
                        <a:pt x="67" y="765"/>
                      </a:lnTo>
                      <a:lnTo>
                        <a:pt x="69" y="765"/>
                      </a:lnTo>
                      <a:lnTo>
                        <a:pt x="67" y="765"/>
                      </a:lnTo>
                      <a:lnTo>
                        <a:pt x="69" y="769"/>
                      </a:lnTo>
                      <a:lnTo>
                        <a:pt x="70" y="767"/>
                      </a:lnTo>
                      <a:lnTo>
                        <a:pt x="76" y="765"/>
                      </a:lnTo>
                      <a:lnTo>
                        <a:pt x="81" y="769"/>
                      </a:lnTo>
                      <a:lnTo>
                        <a:pt x="87" y="773"/>
                      </a:lnTo>
                      <a:lnTo>
                        <a:pt x="89" y="773"/>
                      </a:lnTo>
                      <a:lnTo>
                        <a:pt x="91" y="773"/>
                      </a:lnTo>
                      <a:lnTo>
                        <a:pt x="93" y="771"/>
                      </a:lnTo>
                      <a:lnTo>
                        <a:pt x="94" y="769"/>
                      </a:lnTo>
                      <a:lnTo>
                        <a:pt x="96" y="767"/>
                      </a:lnTo>
                      <a:lnTo>
                        <a:pt x="96" y="769"/>
                      </a:lnTo>
                      <a:lnTo>
                        <a:pt x="98" y="767"/>
                      </a:lnTo>
                      <a:lnTo>
                        <a:pt x="100" y="767"/>
                      </a:lnTo>
                      <a:lnTo>
                        <a:pt x="104" y="767"/>
                      </a:lnTo>
                      <a:lnTo>
                        <a:pt x="104" y="765"/>
                      </a:lnTo>
                      <a:lnTo>
                        <a:pt x="107" y="765"/>
                      </a:lnTo>
                      <a:lnTo>
                        <a:pt x="109" y="765"/>
                      </a:lnTo>
                      <a:lnTo>
                        <a:pt x="111" y="765"/>
                      </a:lnTo>
                      <a:lnTo>
                        <a:pt x="117" y="763"/>
                      </a:lnTo>
                      <a:lnTo>
                        <a:pt x="118" y="762"/>
                      </a:lnTo>
                      <a:lnTo>
                        <a:pt x="120" y="762"/>
                      </a:lnTo>
                      <a:lnTo>
                        <a:pt x="122" y="762"/>
                      </a:lnTo>
                      <a:lnTo>
                        <a:pt x="122" y="760"/>
                      </a:lnTo>
                      <a:lnTo>
                        <a:pt x="124" y="760"/>
                      </a:lnTo>
                      <a:lnTo>
                        <a:pt x="126" y="760"/>
                      </a:lnTo>
                      <a:lnTo>
                        <a:pt x="131" y="760"/>
                      </a:lnTo>
                      <a:lnTo>
                        <a:pt x="135" y="763"/>
                      </a:lnTo>
                      <a:lnTo>
                        <a:pt x="139" y="762"/>
                      </a:lnTo>
                      <a:lnTo>
                        <a:pt x="137" y="760"/>
                      </a:lnTo>
                      <a:lnTo>
                        <a:pt x="130" y="756"/>
                      </a:lnTo>
                      <a:lnTo>
                        <a:pt x="128" y="752"/>
                      </a:lnTo>
                      <a:lnTo>
                        <a:pt x="130" y="752"/>
                      </a:lnTo>
                      <a:lnTo>
                        <a:pt x="131" y="752"/>
                      </a:lnTo>
                      <a:lnTo>
                        <a:pt x="131" y="751"/>
                      </a:lnTo>
                      <a:lnTo>
                        <a:pt x="133" y="749"/>
                      </a:lnTo>
                      <a:lnTo>
                        <a:pt x="131" y="745"/>
                      </a:lnTo>
                      <a:lnTo>
                        <a:pt x="128" y="749"/>
                      </a:lnTo>
                      <a:lnTo>
                        <a:pt x="126" y="749"/>
                      </a:lnTo>
                      <a:lnTo>
                        <a:pt x="126" y="751"/>
                      </a:lnTo>
                      <a:lnTo>
                        <a:pt x="126" y="749"/>
                      </a:lnTo>
                      <a:lnTo>
                        <a:pt x="124" y="749"/>
                      </a:lnTo>
                      <a:lnTo>
                        <a:pt x="126" y="747"/>
                      </a:lnTo>
                      <a:lnTo>
                        <a:pt x="124" y="745"/>
                      </a:lnTo>
                      <a:lnTo>
                        <a:pt x="122" y="745"/>
                      </a:lnTo>
                      <a:lnTo>
                        <a:pt x="118" y="745"/>
                      </a:lnTo>
                      <a:lnTo>
                        <a:pt x="117" y="743"/>
                      </a:lnTo>
                      <a:lnTo>
                        <a:pt x="117" y="739"/>
                      </a:lnTo>
                      <a:lnTo>
                        <a:pt x="115" y="738"/>
                      </a:lnTo>
                      <a:lnTo>
                        <a:pt x="113" y="736"/>
                      </a:lnTo>
                      <a:lnTo>
                        <a:pt x="115" y="734"/>
                      </a:lnTo>
                      <a:lnTo>
                        <a:pt x="117" y="734"/>
                      </a:lnTo>
                      <a:lnTo>
                        <a:pt x="120" y="730"/>
                      </a:lnTo>
                      <a:lnTo>
                        <a:pt x="118" y="728"/>
                      </a:lnTo>
                      <a:lnTo>
                        <a:pt x="120" y="725"/>
                      </a:lnTo>
                      <a:lnTo>
                        <a:pt x="122" y="725"/>
                      </a:lnTo>
                      <a:lnTo>
                        <a:pt x="126" y="723"/>
                      </a:lnTo>
                      <a:lnTo>
                        <a:pt x="128" y="721"/>
                      </a:lnTo>
                      <a:lnTo>
                        <a:pt x="130" y="721"/>
                      </a:lnTo>
                      <a:lnTo>
                        <a:pt x="133" y="721"/>
                      </a:lnTo>
                      <a:lnTo>
                        <a:pt x="137" y="719"/>
                      </a:lnTo>
                      <a:lnTo>
                        <a:pt x="141" y="715"/>
                      </a:lnTo>
                      <a:lnTo>
                        <a:pt x="139" y="715"/>
                      </a:lnTo>
                      <a:lnTo>
                        <a:pt x="139" y="714"/>
                      </a:lnTo>
                      <a:lnTo>
                        <a:pt x="139" y="712"/>
                      </a:lnTo>
                      <a:lnTo>
                        <a:pt x="139" y="710"/>
                      </a:lnTo>
                      <a:lnTo>
                        <a:pt x="139" y="708"/>
                      </a:lnTo>
                      <a:lnTo>
                        <a:pt x="139" y="706"/>
                      </a:lnTo>
                      <a:lnTo>
                        <a:pt x="141" y="704"/>
                      </a:lnTo>
                      <a:lnTo>
                        <a:pt x="148" y="697"/>
                      </a:lnTo>
                      <a:lnTo>
                        <a:pt x="150" y="697"/>
                      </a:lnTo>
                      <a:lnTo>
                        <a:pt x="152" y="695"/>
                      </a:lnTo>
                      <a:lnTo>
                        <a:pt x="155" y="695"/>
                      </a:lnTo>
                      <a:lnTo>
                        <a:pt x="159" y="695"/>
                      </a:lnTo>
                      <a:lnTo>
                        <a:pt x="165" y="697"/>
                      </a:lnTo>
                      <a:lnTo>
                        <a:pt x="167" y="701"/>
                      </a:lnTo>
                      <a:lnTo>
                        <a:pt x="168" y="701"/>
                      </a:lnTo>
                      <a:lnTo>
                        <a:pt x="170" y="701"/>
                      </a:lnTo>
                      <a:lnTo>
                        <a:pt x="172" y="702"/>
                      </a:lnTo>
                      <a:lnTo>
                        <a:pt x="174" y="702"/>
                      </a:lnTo>
                      <a:lnTo>
                        <a:pt x="174" y="704"/>
                      </a:lnTo>
                      <a:lnTo>
                        <a:pt x="174" y="702"/>
                      </a:lnTo>
                      <a:lnTo>
                        <a:pt x="176" y="704"/>
                      </a:lnTo>
                      <a:lnTo>
                        <a:pt x="178" y="704"/>
                      </a:lnTo>
                      <a:lnTo>
                        <a:pt x="179" y="704"/>
                      </a:lnTo>
                      <a:lnTo>
                        <a:pt x="181" y="702"/>
                      </a:lnTo>
                      <a:lnTo>
                        <a:pt x="183" y="702"/>
                      </a:lnTo>
                      <a:lnTo>
                        <a:pt x="185" y="701"/>
                      </a:lnTo>
                      <a:lnTo>
                        <a:pt x="187" y="701"/>
                      </a:lnTo>
                      <a:lnTo>
                        <a:pt x="189" y="699"/>
                      </a:lnTo>
                      <a:lnTo>
                        <a:pt x="191" y="699"/>
                      </a:lnTo>
                      <a:lnTo>
                        <a:pt x="192" y="699"/>
                      </a:lnTo>
                      <a:lnTo>
                        <a:pt x="192" y="697"/>
                      </a:lnTo>
                      <a:lnTo>
                        <a:pt x="194" y="695"/>
                      </a:lnTo>
                      <a:lnTo>
                        <a:pt x="196" y="693"/>
                      </a:lnTo>
                      <a:lnTo>
                        <a:pt x="196" y="691"/>
                      </a:lnTo>
                      <a:lnTo>
                        <a:pt x="200" y="689"/>
                      </a:lnTo>
                      <a:lnTo>
                        <a:pt x="200" y="688"/>
                      </a:lnTo>
                      <a:lnTo>
                        <a:pt x="202" y="688"/>
                      </a:lnTo>
                      <a:lnTo>
                        <a:pt x="203" y="686"/>
                      </a:lnTo>
                      <a:lnTo>
                        <a:pt x="205" y="686"/>
                      </a:lnTo>
                      <a:lnTo>
                        <a:pt x="207" y="684"/>
                      </a:lnTo>
                      <a:lnTo>
                        <a:pt x="209" y="684"/>
                      </a:lnTo>
                      <a:lnTo>
                        <a:pt x="211" y="682"/>
                      </a:lnTo>
                      <a:lnTo>
                        <a:pt x="211" y="680"/>
                      </a:lnTo>
                      <a:lnTo>
                        <a:pt x="211" y="678"/>
                      </a:lnTo>
                      <a:lnTo>
                        <a:pt x="209" y="677"/>
                      </a:lnTo>
                      <a:lnTo>
                        <a:pt x="207" y="675"/>
                      </a:lnTo>
                      <a:lnTo>
                        <a:pt x="209" y="675"/>
                      </a:lnTo>
                      <a:lnTo>
                        <a:pt x="211" y="673"/>
                      </a:lnTo>
                      <a:lnTo>
                        <a:pt x="213" y="671"/>
                      </a:lnTo>
                      <a:lnTo>
                        <a:pt x="216" y="667"/>
                      </a:lnTo>
                      <a:lnTo>
                        <a:pt x="215" y="664"/>
                      </a:lnTo>
                      <a:lnTo>
                        <a:pt x="213" y="664"/>
                      </a:lnTo>
                      <a:lnTo>
                        <a:pt x="211" y="664"/>
                      </a:lnTo>
                      <a:lnTo>
                        <a:pt x="205" y="662"/>
                      </a:lnTo>
                      <a:lnTo>
                        <a:pt x="203" y="660"/>
                      </a:lnTo>
                      <a:lnTo>
                        <a:pt x="202" y="660"/>
                      </a:lnTo>
                      <a:lnTo>
                        <a:pt x="200" y="660"/>
                      </a:lnTo>
                      <a:lnTo>
                        <a:pt x="200" y="662"/>
                      </a:lnTo>
                      <a:lnTo>
                        <a:pt x="198" y="662"/>
                      </a:lnTo>
                      <a:lnTo>
                        <a:pt x="196" y="662"/>
                      </a:lnTo>
                      <a:lnTo>
                        <a:pt x="196" y="664"/>
                      </a:lnTo>
                      <a:lnTo>
                        <a:pt x="194" y="664"/>
                      </a:lnTo>
                      <a:lnTo>
                        <a:pt x="192" y="656"/>
                      </a:lnTo>
                      <a:lnTo>
                        <a:pt x="192" y="654"/>
                      </a:lnTo>
                      <a:lnTo>
                        <a:pt x="191" y="654"/>
                      </a:lnTo>
                      <a:lnTo>
                        <a:pt x="191" y="653"/>
                      </a:lnTo>
                      <a:lnTo>
                        <a:pt x="192" y="653"/>
                      </a:lnTo>
                      <a:lnTo>
                        <a:pt x="192" y="651"/>
                      </a:lnTo>
                      <a:lnTo>
                        <a:pt x="191" y="651"/>
                      </a:lnTo>
                      <a:lnTo>
                        <a:pt x="191" y="653"/>
                      </a:lnTo>
                      <a:lnTo>
                        <a:pt x="189" y="653"/>
                      </a:lnTo>
                      <a:lnTo>
                        <a:pt x="189" y="651"/>
                      </a:lnTo>
                      <a:lnTo>
                        <a:pt x="189" y="649"/>
                      </a:lnTo>
                      <a:lnTo>
                        <a:pt x="187" y="647"/>
                      </a:lnTo>
                      <a:lnTo>
                        <a:pt x="187" y="645"/>
                      </a:lnTo>
                      <a:lnTo>
                        <a:pt x="185" y="645"/>
                      </a:lnTo>
                      <a:lnTo>
                        <a:pt x="185" y="647"/>
                      </a:lnTo>
                      <a:lnTo>
                        <a:pt x="181" y="643"/>
                      </a:lnTo>
                      <a:lnTo>
                        <a:pt x="187" y="640"/>
                      </a:lnTo>
                      <a:lnTo>
                        <a:pt x="187" y="636"/>
                      </a:lnTo>
                      <a:lnTo>
                        <a:pt x="185" y="636"/>
                      </a:lnTo>
                      <a:lnTo>
                        <a:pt x="183" y="636"/>
                      </a:lnTo>
                      <a:lnTo>
                        <a:pt x="183" y="634"/>
                      </a:lnTo>
                      <a:lnTo>
                        <a:pt x="185" y="634"/>
                      </a:lnTo>
                      <a:lnTo>
                        <a:pt x="187" y="632"/>
                      </a:lnTo>
                      <a:lnTo>
                        <a:pt x="189" y="630"/>
                      </a:lnTo>
                      <a:lnTo>
                        <a:pt x="187" y="630"/>
                      </a:lnTo>
                      <a:lnTo>
                        <a:pt x="189" y="630"/>
                      </a:lnTo>
                      <a:lnTo>
                        <a:pt x="189" y="628"/>
                      </a:lnTo>
                      <a:lnTo>
                        <a:pt x="189" y="627"/>
                      </a:lnTo>
                      <a:lnTo>
                        <a:pt x="187" y="625"/>
                      </a:lnTo>
                      <a:lnTo>
                        <a:pt x="185" y="625"/>
                      </a:lnTo>
                      <a:lnTo>
                        <a:pt x="179" y="625"/>
                      </a:lnTo>
                      <a:lnTo>
                        <a:pt x="176" y="625"/>
                      </a:lnTo>
                      <a:lnTo>
                        <a:pt x="170" y="627"/>
                      </a:lnTo>
                      <a:lnTo>
                        <a:pt x="165" y="628"/>
                      </a:lnTo>
                      <a:lnTo>
                        <a:pt x="159" y="628"/>
                      </a:lnTo>
                      <a:lnTo>
                        <a:pt x="157" y="628"/>
                      </a:lnTo>
                      <a:lnTo>
                        <a:pt x="154" y="628"/>
                      </a:lnTo>
                      <a:lnTo>
                        <a:pt x="152" y="627"/>
                      </a:lnTo>
                      <a:lnTo>
                        <a:pt x="150" y="627"/>
                      </a:lnTo>
                      <a:lnTo>
                        <a:pt x="150" y="628"/>
                      </a:lnTo>
                      <a:lnTo>
                        <a:pt x="150" y="630"/>
                      </a:lnTo>
                      <a:lnTo>
                        <a:pt x="152" y="634"/>
                      </a:lnTo>
                      <a:lnTo>
                        <a:pt x="152" y="636"/>
                      </a:lnTo>
                      <a:lnTo>
                        <a:pt x="152" y="638"/>
                      </a:lnTo>
                      <a:lnTo>
                        <a:pt x="152" y="640"/>
                      </a:lnTo>
                      <a:lnTo>
                        <a:pt x="150" y="643"/>
                      </a:lnTo>
                      <a:lnTo>
                        <a:pt x="148" y="643"/>
                      </a:lnTo>
                      <a:lnTo>
                        <a:pt x="146" y="647"/>
                      </a:lnTo>
                      <a:lnTo>
                        <a:pt x="142" y="647"/>
                      </a:lnTo>
                      <a:lnTo>
                        <a:pt x="141" y="647"/>
                      </a:lnTo>
                      <a:lnTo>
                        <a:pt x="139" y="647"/>
                      </a:lnTo>
                      <a:lnTo>
                        <a:pt x="139" y="645"/>
                      </a:lnTo>
                      <a:lnTo>
                        <a:pt x="135" y="638"/>
                      </a:lnTo>
                      <a:lnTo>
                        <a:pt x="135" y="636"/>
                      </a:lnTo>
                      <a:lnTo>
                        <a:pt x="133" y="636"/>
                      </a:lnTo>
                      <a:lnTo>
                        <a:pt x="131" y="636"/>
                      </a:lnTo>
                      <a:lnTo>
                        <a:pt x="130" y="636"/>
                      </a:lnTo>
                      <a:lnTo>
                        <a:pt x="126" y="640"/>
                      </a:lnTo>
                      <a:lnTo>
                        <a:pt x="126" y="641"/>
                      </a:lnTo>
                      <a:lnTo>
                        <a:pt x="126" y="643"/>
                      </a:lnTo>
                      <a:lnTo>
                        <a:pt x="126" y="649"/>
                      </a:lnTo>
                      <a:lnTo>
                        <a:pt x="126" y="654"/>
                      </a:lnTo>
                      <a:lnTo>
                        <a:pt x="124" y="658"/>
                      </a:lnTo>
                      <a:lnTo>
                        <a:pt x="122" y="660"/>
                      </a:lnTo>
                      <a:lnTo>
                        <a:pt x="118" y="660"/>
                      </a:lnTo>
                      <a:lnTo>
                        <a:pt x="113" y="662"/>
                      </a:lnTo>
                      <a:lnTo>
                        <a:pt x="107" y="664"/>
                      </a:lnTo>
                      <a:lnTo>
                        <a:pt x="107" y="665"/>
                      </a:lnTo>
                      <a:lnTo>
                        <a:pt x="106" y="669"/>
                      </a:lnTo>
                      <a:lnTo>
                        <a:pt x="106" y="673"/>
                      </a:lnTo>
                      <a:lnTo>
                        <a:pt x="106" y="677"/>
                      </a:lnTo>
                      <a:lnTo>
                        <a:pt x="102" y="680"/>
                      </a:lnTo>
                      <a:lnTo>
                        <a:pt x="98" y="682"/>
                      </a:lnTo>
                      <a:lnTo>
                        <a:pt x="96" y="682"/>
                      </a:lnTo>
                      <a:lnTo>
                        <a:pt x="94" y="682"/>
                      </a:lnTo>
                      <a:lnTo>
                        <a:pt x="87" y="682"/>
                      </a:lnTo>
                      <a:lnTo>
                        <a:pt x="83" y="680"/>
                      </a:lnTo>
                      <a:lnTo>
                        <a:pt x="81" y="682"/>
                      </a:lnTo>
                      <a:lnTo>
                        <a:pt x="78" y="684"/>
                      </a:lnTo>
                      <a:lnTo>
                        <a:pt x="72" y="686"/>
                      </a:lnTo>
                      <a:lnTo>
                        <a:pt x="72" y="684"/>
                      </a:lnTo>
                      <a:lnTo>
                        <a:pt x="70" y="684"/>
                      </a:lnTo>
                      <a:lnTo>
                        <a:pt x="70" y="686"/>
                      </a:lnTo>
                      <a:lnTo>
                        <a:pt x="69" y="686"/>
                      </a:lnTo>
                      <a:lnTo>
                        <a:pt x="67" y="686"/>
                      </a:lnTo>
                      <a:lnTo>
                        <a:pt x="65" y="686"/>
                      </a:lnTo>
                      <a:lnTo>
                        <a:pt x="65" y="688"/>
                      </a:lnTo>
                      <a:lnTo>
                        <a:pt x="63" y="688"/>
                      </a:lnTo>
                      <a:lnTo>
                        <a:pt x="61" y="688"/>
                      </a:lnTo>
                      <a:lnTo>
                        <a:pt x="61" y="686"/>
                      </a:lnTo>
                      <a:lnTo>
                        <a:pt x="59" y="686"/>
                      </a:lnTo>
                      <a:lnTo>
                        <a:pt x="59" y="684"/>
                      </a:lnTo>
                      <a:lnTo>
                        <a:pt x="57" y="684"/>
                      </a:lnTo>
                      <a:lnTo>
                        <a:pt x="57" y="682"/>
                      </a:lnTo>
                      <a:lnTo>
                        <a:pt x="57" y="680"/>
                      </a:lnTo>
                      <a:lnTo>
                        <a:pt x="57" y="678"/>
                      </a:lnTo>
                      <a:lnTo>
                        <a:pt x="57" y="677"/>
                      </a:lnTo>
                      <a:lnTo>
                        <a:pt x="61" y="675"/>
                      </a:lnTo>
                      <a:lnTo>
                        <a:pt x="65" y="675"/>
                      </a:lnTo>
                      <a:lnTo>
                        <a:pt x="67" y="675"/>
                      </a:lnTo>
                      <a:lnTo>
                        <a:pt x="69" y="675"/>
                      </a:lnTo>
                      <a:lnTo>
                        <a:pt x="70" y="675"/>
                      </a:lnTo>
                      <a:lnTo>
                        <a:pt x="69" y="665"/>
                      </a:lnTo>
                      <a:lnTo>
                        <a:pt x="63" y="656"/>
                      </a:lnTo>
                      <a:lnTo>
                        <a:pt x="61" y="651"/>
                      </a:lnTo>
                      <a:lnTo>
                        <a:pt x="59" y="645"/>
                      </a:lnTo>
                      <a:lnTo>
                        <a:pt x="56" y="640"/>
                      </a:lnTo>
                      <a:lnTo>
                        <a:pt x="56" y="638"/>
                      </a:lnTo>
                      <a:lnTo>
                        <a:pt x="54" y="636"/>
                      </a:lnTo>
                      <a:lnTo>
                        <a:pt x="54" y="634"/>
                      </a:lnTo>
                      <a:lnTo>
                        <a:pt x="52" y="632"/>
                      </a:lnTo>
                      <a:lnTo>
                        <a:pt x="50" y="632"/>
                      </a:lnTo>
                      <a:lnTo>
                        <a:pt x="48" y="628"/>
                      </a:lnTo>
                      <a:lnTo>
                        <a:pt x="45" y="627"/>
                      </a:lnTo>
                      <a:lnTo>
                        <a:pt x="43" y="627"/>
                      </a:lnTo>
                      <a:lnTo>
                        <a:pt x="43" y="625"/>
                      </a:lnTo>
                      <a:lnTo>
                        <a:pt x="41" y="625"/>
                      </a:lnTo>
                      <a:lnTo>
                        <a:pt x="39" y="625"/>
                      </a:lnTo>
                      <a:lnTo>
                        <a:pt x="37" y="623"/>
                      </a:lnTo>
                      <a:lnTo>
                        <a:pt x="37" y="621"/>
                      </a:lnTo>
                      <a:lnTo>
                        <a:pt x="35" y="619"/>
                      </a:lnTo>
                      <a:lnTo>
                        <a:pt x="35" y="617"/>
                      </a:lnTo>
                      <a:lnTo>
                        <a:pt x="32" y="619"/>
                      </a:lnTo>
                      <a:lnTo>
                        <a:pt x="24" y="621"/>
                      </a:lnTo>
                      <a:lnTo>
                        <a:pt x="19" y="623"/>
                      </a:lnTo>
                      <a:lnTo>
                        <a:pt x="17" y="612"/>
                      </a:lnTo>
                      <a:lnTo>
                        <a:pt x="13" y="606"/>
                      </a:lnTo>
                      <a:lnTo>
                        <a:pt x="13" y="603"/>
                      </a:lnTo>
                      <a:lnTo>
                        <a:pt x="11" y="597"/>
                      </a:lnTo>
                      <a:lnTo>
                        <a:pt x="9" y="591"/>
                      </a:lnTo>
                      <a:lnTo>
                        <a:pt x="8" y="591"/>
                      </a:lnTo>
                      <a:lnTo>
                        <a:pt x="6" y="591"/>
                      </a:lnTo>
                      <a:lnTo>
                        <a:pt x="4" y="584"/>
                      </a:lnTo>
                      <a:lnTo>
                        <a:pt x="2" y="580"/>
                      </a:lnTo>
                      <a:lnTo>
                        <a:pt x="2" y="577"/>
                      </a:lnTo>
                      <a:lnTo>
                        <a:pt x="0" y="571"/>
                      </a:lnTo>
                      <a:lnTo>
                        <a:pt x="0" y="569"/>
                      </a:lnTo>
                      <a:lnTo>
                        <a:pt x="4" y="569"/>
                      </a:lnTo>
                      <a:lnTo>
                        <a:pt x="6" y="567"/>
                      </a:lnTo>
                      <a:lnTo>
                        <a:pt x="8" y="566"/>
                      </a:lnTo>
                      <a:lnTo>
                        <a:pt x="9" y="566"/>
                      </a:lnTo>
                      <a:lnTo>
                        <a:pt x="11" y="566"/>
                      </a:lnTo>
                      <a:lnTo>
                        <a:pt x="13" y="566"/>
                      </a:lnTo>
                      <a:lnTo>
                        <a:pt x="15" y="564"/>
                      </a:lnTo>
                      <a:lnTo>
                        <a:pt x="19" y="564"/>
                      </a:lnTo>
                      <a:lnTo>
                        <a:pt x="20" y="564"/>
                      </a:lnTo>
                      <a:lnTo>
                        <a:pt x="20" y="562"/>
                      </a:lnTo>
                      <a:lnTo>
                        <a:pt x="24" y="562"/>
                      </a:lnTo>
                      <a:lnTo>
                        <a:pt x="24" y="564"/>
                      </a:lnTo>
                      <a:lnTo>
                        <a:pt x="26" y="566"/>
                      </a:lnTo>
                      <a:lnTo>
                        <a:pt x="28" y="566"/>
                      </a:lnTo>
                      <a:lnTo>
                        <a:pt x="30" y="566"/>
                      </a:lnTo>
                      <a:lnTo>
                        <a:pt x="33" y="564"/>
                      </a:lnTo>
                      <a:lnTo>
                        <a:pt x="35" y="564"/>
                      </a:lnTo>
                      <a:lnTo>
                        <a:pt x="35" y="562"/>
                      </a:lnTo>
                      <a:lnTo>
                        <a:pt x="37" y="560"/>
                      </a:lnTo>
                      <a:lnTo>
                        <a:pt x="41" y="558"/>
                      </a:lnTo>
                      <a:lnTo>
                        <a:pt x="41" y="556"/>
                      </a:lnTo>
                      <a:lnTo>
                        <a:pt x="43" y="554"/>
                      </a:lnTo>
                      <a:lnTo>
                        <a:pt x="45" y="553"/>
                      </a:lnTo>
                      <a:lnTo>
                        <a:pt x="46" y="553"/>
                      </a:lnTo>
                      <a:lnTo>
                        <a:pt x="46" y="551"/>
                      </a:lnTo>
                      <a:lnTo>
                        <a:pt x="48" y="551"/>
                      </a:lnTo>
                      <a:lnTo>
                        <a:pt x="50" y="549"/>
                      </a:lnTo>
                      <a:lnTo>
                        <a:pt x="52" y="549"/>
                      </a:lnTo>
                      <a:lnTo>
                        <a:pt x="54" y="549"/>
                      </a:lnTo>
                      <a:lnTo>
                        <a:pt x="54" y="547"/>
                      </a:lnTo>
                      <a:lnTo>
                        <a:pt x="56" y="547"/>
                      </a:lnTo>
                      <a:lnTo>
                        <a:pt x="57" y="547"/>
                      </a:lnTo>
                      <a:lnTo>
                        <a:pt x="57" y="545"/>
                      </a:lnTo>
                      <a:lnTo>
                        <a:pt x="59" y="545"/>
                      </a:lnTo>
                      <a:lnTo>
                        <a:pt x="61" y="545"/>
                      </a:lnTo>
                      <a:lnTo>
                        <a:pt x="63" y="543"/>
                      </a:lnTo>
                      <a:lnTo>
                        <a:pt x="65" y="543"/>
                      </a:lnTo>
                      <a:lnTo>
                        <a:pt x="67" y="543"/>
                      </a:lnTo>
                      <a:lnTo>
                        <a:pt x="69" y="542"/>
                      </a:lnTo>
                      <a:lnTo>
                        <a:pt x="70" y="542"/>
                      </a:lnTo>
                      <a:lnTo>
                        <a:pt x="72" y="540"/>
                      </a:lnTo>
                      <a:lnTo>
                        <a:pt x="74" y="540"/>
                      </a:lnTo>
                      <a:lnTo>
                        <a:pt x="76" y="540"/>
                      </a:lnTo>
                      <a:lnTo>
                        <a:pt x="78" y="538"/>
                      </a:lnTo>
                      <a:lnTo>
                        <a:pt x="80" y="538"/>
                      </a:lnTo>
                      <a:lnTo>
                        <a:pt x="81" y="536"/>
                      </a:lnTo>
                      <a:lnTo>
                        <a:pt x="83" y="534"/>
                      </a:lnTo>
                      <a:lnTo>
                        <a:pt x="85" y="534"/>
                      </a:lnTo>
                      <a:lnTo>
                        <a:pt x="87" y="532"/>
                      </a:lnTo>
                      <a:lnTo>
                        <a:pt x="89" y="530"/>
                      </a:lnTo>
                      <a:lnTo>
                        <a:pt x="91" y="529"/>
                      </a:lnTo>
                      <a:lnTo>
                        <a:pt x="93" y="527"/>
                      </a:lnTo>
                      <a:lnTo>
                        <a:pt x="94" y="525"/>
                      </a:lnTo>
                      <a:lnTo>
                        <a:pt x="96" y="525"/>
                      </a:lnTo>
                      <a:lnTo>
                        <a:pt x="98" y="523"/>
                      </a:lnTo>
                      <a:lnTo>
                        <a:pt x="100" y="523"/>
                      </a:lnTo>
                      <a:lnTo>
                        <a:pt x="102" y="523"/>
                      </a:lnTo>
                      <a:lnTo>
                        <a:pt x="104" y="523"/>
                      </a:lnTo>
                      <a:lnTo>
                        <a:pt x="106" y="521"/>
                      </a:lnTo>
                      <a:lnTo>
                        <a:pt x="111" y="517"/>
                      </a:lnTo>
                      <a:lnTo>
                        <a:pt x="111" y="516"/>
                      </a:lnTo>
                      <a:lnTo>
                        <a:pt x="109" y="514"/>
                      </a:lnTo>
                      <a:lnTo>
                        <a:pt x="107" y="514"/>
                      </a:lnTo>
                      <a:lnTo>
                        <a:pt x="107" y="510"/>
                      </a:lnTo>
                      <a:lnTo>
                        <a:pt x="107" y="508"/>
                      </a:lnTo>
                      <a:lnTo>
                        <a:pt x="106" y="506"/>
                      </a:lnTo>
                      <a:lnTo>
                        <a:pt x="106" y="505"/>
                      </a:lnTo>
                      <a:lnTo>
                        <a:pt x="106" y="503"/>
                      </a:lnTo>
                      <a:lnTo>
                        <a:pt x="106" y="499"/>
                      </a:lnTo>
                      <a:lnTo>
                        <a:pt x="106" y="497"/>
                      </a:lnTo>
                      <a:lnTo>
                        <a:pt x="107" y="497"/>
                      </a:lnTo>
                      <a:lnTo>
                        <a:pt x="107" y="495"/>
                      </a:lnTo>
                      <a:lnTo>
                        <a:pt x="109" y="493"/>
                      </a:lnTo>
                      <a:lnTo>
                        <a:pt x="111" y="493"/>
                      </a:lnTo>
                      <a:lnTo>
                        <a:pt x="113" y="493"/>
                      </a:lnTo>
                      <a:lnTo>
                        <a:pt x="115" y="492"/>
                      </a:lnTo>
                      <a:lnTo>
                        <a:pt x="117" y="492"/>
                      </a:lnTo>
                      <a:lnTo>
                        <a:pt x="118" y="492"/>
                      </a:lnTo>
                      <a:lnTo>
                        <a:pt x="120" y="492"/>
                      </a:lnTo>
                      <a:lnTo>
                        <a:pt x="120" y="490"/>
                      </a:lnTo>
                      <a:lnTo>
                        <a:pt x="122" y="490"/>
                      </a:lnTo>
                      <a:lnTo>
                        <a:pt x="124" y="488"/>
                      </a:lnTo>
                      <a:lnTo>
                        <a:pt x="126" y="488"/>
                      </a:lnTo>
                      <a:lnTo>
                        <a:pt x="128" y="486"/>
                      </a:lnTo>
                      <a:lnTo>
                        <a:pt x="130" y="486"/>
                      </a:lnTo>
                      <a:lnTo>
                        <a:pt x="130" y="484"/>
                      </a:lnTo>
                      <a:lnTo>
                        <a:pt x="131" y="484"/>
                      </a:lnTo>
                      <a:lnTo>
                        <a:pt x="133" y="482"/>
                      </a:lnTo>
                      <a:lnTo>
                        <a:pt x="133" y="480"/>
                      </a:lnTo>
                      <a:lnTo>
                        <a:pt x="135" y="480"/>
                      </a:lnTo>
                      <a:lnTo>
                        <a:pt x="135" y="479"/>
                      </a:lnTo>
                      <a:lnTo>
                        <a:pt x="137" y="479"/>
                      </a:lnTo>
                      <a:lnTo>
                        <a:pt x="139" y="479"/>
                      </a:lnTo>
                      <a:lnTo>
                        <a:pt x="139" y="477"/>
                      </a:lnTo>
                      <a:lnTo>
                        <a:pt x="141" y="477"/>
                      </a:lnTo>
                      <a:lnTo>
                        <a:pt x="142" y="477"/>
                      </a:lnTo>
                      <a:lnTo>
                        <a:pt x="144" y="477"/>
                      </a:lnTo>
                      <a:lnTo>
                        <a:pt x="146" y="477"/>
                      </a:lnTo>
                      <a:lnTo>
                        <a:pt x="148" y="477"/>
                      </a:lnTo>
                      <a:lnTo>
                        <a:pt x="150" y="477"/>
                      </a:lnTo>
                      <a:lnTo>
                        <a:pt x="152" y="477"/>
                      </a:lnTo>
                      <a:lnTo>
                        <a:pt x="154" y="477"/>
                      </a:lnTo>
                      <a:lnTo>
                        <a:pt x="155" y="477"/>
                      </a:lnTo>
                      <a:lnTo>
                        <a:pt x="157" y="477"/>
                      </a:lnTo>
                      <a:lnTo>
                        <a:pt x="157" y="475"/>
                      </a:lnTo>
                      <a:lnTo>
                        <a:pt x="159" y="475"/>
                      </a:lnTo>
                      <a:lnTo>
                        <a:pt x="161" y="475"/>
                      </a:lnTo>
                      <a:lnTo>
                        <a:pt x="163" y="475"/>
                      </a:lnTo>
                      <a:lnTo>
                        <a:pt x="165" y="475"/>
                      </a:lnTo>
                      <a:lnTo>
                        <a:pt x="167" y="475"/>
                      </a:lnTo>
                      <a:lnTo>
                        <a:pt x="168" y="475"/>
                      </a:lnTo>
                      <a:lnTo>
                        <a:pt x="170" y="475"/>
                      </a:lnTo>
                      <a:lnTo>
                        <a:pt x="170" y="473"/>
                      </a:lnTo>
                      <a:lnTo>
                        <a:pt x="172" y="473"/>
                      </a:lnTo>
                      <a:lnTo>
                        <a:pt x="174" y="473"/>
                      </a:lnTo>
                      <a:lnTo>
                        <a:pt x="176" y="473"/>
                      </a:lnTo>
                      <a:lnTo>
                        <a:pt x="176" y="471"/>
                      </a:lnTo>
                      <a:lnTo>
                        <a:pt x="178" y="471"/>
                      </a:lnTo>
                      <a:lnTo>
                        <a:pt x="178" y="469"/>
                      </a:lnTo>
                      <a:lnTo>
                        <a:pt x="179" y="469"/>
                      </a:lnTo>
                      <a:lnTo>
                        <a:pt x="179" y="468"/>
                      </a:lnTo>
                      <a:lnTo>
                        <a:pt x="181" y="466"/>
                      </a:lnTo>
                      <a:lnTo>
                        <a:pt x="181" y="464"/>
                      </a:lnTo>
                      <a:lnTo>
                        <a:pt x="183" y="464"/>
                      </a:lnTo>
                      <a:lnTo>
                        <a:pt x="183" y="462"/>
                      </a:lnTo>
                      <a:lnTo>
                        <a:pt x="183" y="460"/>
                      </a:lnTo>
                      <a:lnTo>
                        <a:pt x="185" y="458"/>
                      </a:lnTo>
                      <a:lnTo>
                        <a:pt x="185" y="456"/>
                      </a:lnTo>
                      <a:lnTo>
                        <a:pt x="185" y="455"/>
                      </a:lnTo>
                      <a:lnTo>
                        <a:pt x="187" y="453"/>
                      </a:lnTo>
                      <a:lnTo>
                        <a:pt x="187" y="451"/>
                      </a:lnTo>
                      <a:lnTo>
                        <a:pt x="189" y="449"/>
                      </a:lnTo>
                      <a:lnTo>
                        <a:pt x="189" y="447"/>
                      </a:lnTo>
                      <a:lnTo>
                        <a:pt x="191" y="445"/>
                      </a:lnTo>
                      <a:lnTo>
                        <a:pt x="192" y="445"/>
                      </a:lnTo>
                      <a:lnTo>
                        <a:pt x="192" y="443"/>
                      </a:lnTo>
                      <a:lnTo>
                        <a:pt x="194" y="443"/>
                      </a:lnTo>
                      <a:lnTo>
                        <a:pt x="194" y="442"/>
                      </a:lnTo>
                      <a:lnTo>
                        <a:pt x="196" y="440"/>
                      </a:lnTo>
                      <a:lnTo>
                        <a:pt x="196" y="438"/>
                      </a:lnTo>
                      <a:lnTo>
                        <a:pt x="198" y="438"/>
                      </a:lnTo>
                      <a:lnTo>
                        <a:pt x="198" y="436"/>
                      </a:lnTo>
                      <a:lnTo>
                        <a:pt x="200" y="436"/>
                      </a:lnTo>
                      <a:lnTo>
                        <a:pt x="202" y="434"/>
                      </a:lnTo>
                      <a:lnTo>
                        <a:pt x="203" y="434"/>
                      </a:lnTo>
                      <a:lnTo>
                        <a:pt x="205" y="434"/>
                      </a:lnTo>
                      <a:lnTo>
                        <a:pt x="205" y="432"/>
                      </a:lnTo>
                      <a:lnTo>
                        <a:pt x="207" y="432"/>
                      </a:lnTo>
                      <a:lnTo>
                        <a:pt x="209" y="432"/>
                      </a:lnTo>
                      <a:lnTo>
                        <a:pt x="209" y="431"/>
                      </a:lnTo>
                      <a:lnTo>
                        <a:pt x="211" y="431"/>
                      </a:lnTo>
                      <a:lnTo>
                        <a:pt x="213" y="431"/>
                      </a:lnTo>
                      <a:lnTo>
                        <a:pt x="213" y="429"/>
                      </a:lnTo>
                      <a:lnTo>
                        <a:pt x="215" y="429"/>
                      </a:lnTo>
                      <a:lnTo>
                        <a:pt x="215" y="427"/>
                      </a:lnTo>
                      <a:lnTo>
                        <a:pt x="215" y="425"/>
                      </a:lnTo>
                      <a:lnTo>
                        <a:pt x="215" y="427"/>
                      </a:lnTo>
                      <a:lnTo>
                        <a:pt x="216" y="425"/>
                      </a:lnTo>
                      <a:lnTo>
                        <a:pt x="218" y="425"/>
                      </a:lnTo>
                      <a:lnTo>
                        <a:pt x="220" y="425"/>
                      </a:lnTo>
                      <a:lnTo>
                        <a:pt x="222" y="423"/>
                      </a:lnTo>
                      <a:lnTo>
                        <a:pt x="224" y="423"/>
                      </a:lnTo>
                      <a:lnTo>
                        <a:pt x="226" y="421"/>
                      </a:lnTo>
                      <a:lnTo>
                        <a:pt x="228" y="421"/>
                      </a:lnTo>
                      <a:lnTo>
                        <a:pt x="229" y="419"/>
                      </a:lnTo>
                      <a:lnTo>
                        <a:pt x="229" y="421"/>
                      </a:lnTo>
                      <a:lnTo>
                        <a:pt x="231" y="421"/>
                      </a:lnTo>
                      <a:lnTo>
                        <a:pt x="233" y="419"/>
                      </a:lnTo>
                      <a:lnTo>
                        <a:pt x="235" y="419"/>
                      </a:lnTo>
                      <a:lnTo>
                        <a:pt x="237" y="419"/>
                      </a:lnTo>
                      <a:lnTo>
                        <a:pt x="237" y="418"/>
                      </a:lnTo>
                      <a:lnTo>
                        <a:pt x="240" y="418"/>
                      </a:lnTo>
                      <a:lnTo>
                        <a:pt x="242" y="418"/>
                      </a:lnTo>
                      <a:lnTo>
                        <a:pt x="242" y="416"/>
                      </a:lnTo>
                      <a:lnTo>
                        <a:pt x="244" y="416"/>
                      </a:lnTo>
                      <a:lnTo>
                        <a:pt x="246" y="416"/>
                      </a:lnTo>
                      <a:lnTo>
                        <a:pt x="248" y="414"/>
                      </a:lnTo>
                      <a:lnTo>
                        <a:pt x="250" y="414"/>
                      </a:lnTo>
                      <a:lnTo>
                        <a:pt x="252" y="414"/>
                      </a:lnTo>
                      <a:lnTo>
                        <a:pt x="255" y="414"/>
                      </a:lnTo>
                      <a:lnTo>
                        <a:pt x="257" y="414"/>
                      </a:lnTo>
                      <a:lnTo>
                        <a:pt x="259" y="414"/>
                      </a:lnTo>
                      <a:lnTo>
                        <a:pt x="261" y="414"/>
                      </a:lnTo>
                      <a:lnTo>
                        <a:pt x="263" y="414"/>
                      </a:lnTo>
                      <a:lnTo>
                        <a:pt x="264" y="414"/>
                      </a:lnTo>
                      <a:lnTo>
                        <a:pt x="266" y="414"/>
                      </a:lnTo>
                      <a:lnTo>
                        <a:pt x="266" y="412"/>
                      </a:lnTo>
                      <a:lnTo>
                        <a:pt x="268" y="412"/>
                      </a:lnTo>
                      <a:lnTo>
                        <a:pt x="268" y="410"/>
                      </a:lnTo>
                      <a:lnTo>
                        <a:pt x="270" y="410"/>
                      </a:lnTo>
                      <a:lnTo>
                        <a:pt x="272" y="408"/>
                      </a:lnTo>
                      <a:lnTo>
                        <a:pt x="274" y="408"/>
                      </a:lnTo>
                      <a:lnTo>
                        <a:pt x="276" y="406"/>
                      </a:lnTo>
                      <a:lnTo>
                        <a:pt x="276" y="405"/>
                      </a:lnTo>
                      <a:lnTo>
                        <a:pt x="276" y="403"/>
                      </a:lnTo>
                      <a:lnTo>
                        <a:pt x="276" y="401"/>
                      </a:lnTo>
                      <a:lnTo>
                        <a:pt x="276" y="399"/>
                      </a:lnTo>
                      <a:lnTo>
                        <a:pt x="276" y="397"/>
                      </a:lnTo>
                      <a:lnTo>
                        <a:pt x="277" y="397"/>
                      </a:lnTo>
                      <a:lnTo>
                        <a:pt x="279" y="395"/>
                      </a:lnTo>
                      <a:lnTo>
                        <a:pt x="281" y="394"/>
                      </a:lnTo>
                      <a:lnTo>
                        <a:pt x="283" y="392"/>
                      </a:lnTo>
                      <a:lnTo>
                        <a:pt x="285" y="390"/>
                      </a:lnTo>
                      <a:lnTo>
                        <a:pt x="287" y="390"/>
                      </a:lnTo>
                      <a:lnTo>
                        <a:pt x="285" y="388"/>
                      </a:lnTo>
                      <a:lnTo>
                        <a:pt x="285" y="386"/>
                      </a:lnTo>
                      <a:lnTo>
                        <a:pt x="287" y="386"/>
                      </a:lnTo>
                      <a:lnTo>
                        <a:pt x="287" y="382"/>
                      </a:lnTo>
                      <a:lnTo>
                        <a:pt x="287" y="381"/>
                      </a:lnTo>
                      <a:lnTo>
                        <a:pt x="287" y="379"/>
                      </a:lnTo>
                      <a:lnTo>
                        <a:pt x="287" y="375"/>
                      </a:lnTo>
                      <a:lnTo>
                        <a:pt x="289" y="375"/>
                      </a:lnTo>
                      <a:lnTo>
                        <a:pt x="289" y="373"/>
                      </a:lnTo>
                      <a:lnTo>
                        <a:pt x="289" y="368"/>
                      </a:lnTo>
                      <a:lnTo>
                        <a:pt x="292" y="366"/>
                      </a:lnTo>
                      <a:lnTo>
                        <a:pt x="298" y="360"/>
                      </a:lnTo>
                      <a:lnTo>
                        <a:pt x="301" y="357"/>
                      </a:lnTo>
                      <a:lnTo>
                        <a:pt x="307" y="358"/>
                      </a:lnTo>
                      <a:lnTo>
                        <a:pt x="307" y="357"/>
                      </a:lnTo>
                      <a:lnTo>
                        <a:pt x="309" y="357"/>
                      </a:lnTo>
                      <a:lnTo>
                        <a:pt x="313" y="355"/>
                      </a:lnTo>
                      <a:lnTo>
                        <a:pt x="314" y="353"/>
                      </a:lnTo>
                      <a:lnTo>
                        <a:pt x="316" y="353"/>
                      </a:lnTo>
                      <a:lnTo>
                        <a:pt x="316" y="351"/>
                      </a:lnTo>
                      <a:lnTo>
                        <a:pt x="318" y="351"/>
                      </a:lnTo>
                      <a:lnTo>
                        <a:pt x="318" y="349"/>
                      </a:lnTo>
                      <a:lnTo>
                        <a:pt x="320" y="347"/>
                      </a:lnTo>
                      <a:lnTo>
                        <a:pt x="320" y="345"/>
                      </a:lnTo>
                      <a:lnTo>
                        <a:pt x="322" y="344"/>
                      </a:lnTo>
                      <a:lnTo>
                        <a:pt x="322" y="342"/>
                      </a:lnTo>
                      <a:lnTo>
                        <a:pt x="320" y="342"/>
                      </a:lnTo>
                      <a:lnTo>
                        <a:pt x="320" y="340"/>
                      </a:lnTo>
                      <a:lnTo>
                        <a:pt x="318" y="336"/>
                      </a:lnTo>
                      <a:lnTo>
                        <a:pt x="316" y="334"/>
                      </a:lnTo>
                      <a:lnTo>
                        <a:pt x="314" y="332"/>
                      </a:lnTo>
                      <a:lnTo>
                        <a:pt x="313" y="331"/>
                      </a:lnTo>
                      <a:lnTo>
                        <a:pt x="313" y="329"/>
                      </a:lnTo>
                      <a:lnTo>
                        <a:pt x="311" y="327"/>
                      </a:lnTo>
                      <a:lnTo>
                        <a:pt x="311" y="325"/>
                      </a:lnTo>
                      <a:lnTo>
                        <a:pt x="309" y="323"/>
                      </a:lnTo>
                      <a:lnTo>
                        <a:pt x="309" y="321"/>
                      </a:lnTo>
                      <a:lnTo>
                        <a:pt x="309" y="320"/>
                      </a:lnTo>
                      <a:lnTo>
                        <a:pt x="307" y="318"/>
                      </a:lnTo>
                      <a:lnTo>
                        <a:pt x="305" y="316"/>
                      </a:lnTo>
                      <a:lnTo>
                        <a:pt x="305" y="314"/>
                      </a:lnTo>
                      <a:lnTo>
                        <a:pt x="303" y="314"/>
                      </a:lnTo>
                      <a:lnTo>
                        <a:pt x="303" y="316"/>
                      </a:lnTo>
                      <a:lnTo>
                        <a:pt x="301" y="316"/>
                      </a:lnTo>
                      <a:lnTo>
                        <a:pt x="300" y="316"/>
                      </a:lnTo>
                      <a:lnTo>
                        <a:pt x="300" y="314"/>
                      </a:lnTo>
                      <a:lnTo>
                        <a:pt x="300" y="312"/>
                      </a:lnTo>
                      <a:lnTo>
                        <a:pt x="296" y="310"/>
                      </a:lnTo>
                      <a:lnTo>
                        <a:pt x="294" y="310"/>
                      </a:lnTo>
                      <a:lnTo>
                        <a:pt x="294" y="308"/>
                      </a:lnTo>
                      <a:lnTo>
                        <a:pt x="292" y="308"/>
                      </a:lnTo>
                      <a:lnTo>
                        <a:pt x="290" y="308"/>
                      </a:lnTo>
                      <a:lnTo>
                        <a:pt x="289" y="307"/>
                      </a:lnTo>
                      <a:lnTo>
                        <a:pt x="287" y="307"/>
                      </a:lnTo>
                      <a:lnTo>
                        <a:pt x="285" y="307"/>
                      </a:lnTo>
                      <a:lnTo>
                        <a:pt x="285" y="305"/>
                      </a:lnTo>
                      <a:lnTo>
                        <a:pt x="283" y="305"/>
                      </a:lnTo>
                      <a:lnTo>
                        <a:pt x="281" y="305"/>
                      </a:lnTo>
                      <a:lnTo>
                        <a:pt x="279" y="305"/>
                      </a:lnTo>
                      <a:lnTo>
                        <a:pt x="277" y="305"/>
                      </a:lnTo>
                      <a:lnTo>
                        <a:pt x="276" y="305"/>
                      </a:lnTo>
                      <a:lnTo>
                        <a:pt x="274" y="301"/>
                      </a:lnTo>
                      <a:lnTo>
                        <a:pt x="272" y="299"/>
                      </a:lnTo>
                      <a:lnTo>
                        <a:pt x="274" y="297"/>
                      </a:lnTo>
                      <a:lnTo>
                        <a:pt x="274" y="296"/>
                      </a:lnTo>
                      <a:lnTo>
                        <a:pt x="276" y="294"/>
                      </a:lnTo>
                      <a:lnTo>
                        <a:pt x="276" y="292"/>
                      </a:lnTo>
                      <a:lnTo>
                        <a:pt x="277" y="292"/>
                      </a:lnTo>
                      <a:lnTo>
                        <a:pt x="277" y="290"/>
                      </a:lnTo>
                      <a:lnTo>
                        <a:pt x="279" y="288"/>
                      </a:lnTo>
                      <a:lnTo>
                        <a:pt x="277" y="286"/>
                      </a:lnTo>
                      <a:lnTo>
                        <a:pt x="277" y="284"/>
                      </a:lnTo>
                      <a:lnTo>
                        <a:pt x="277" y="283"/>
                      </a:lnTo>
                      <a:lnTo>
                        <a:pt x="277" y="281"/>
                      </a:lnTo>
                      <a:lnTo>
                        <a:pt x="276" y="281"/>
                      </a:lnTo>
                      <a:lnTo>
                        <a:pt x="276" y="279"/>
                      </a:lnTo>
                      <a:lnTo>
                        <a:pt x="274" y="279"/>
                      </a:lnTo>
                      <a:lnTo>
                        <a:pt x="272" y="279"/>
                      </a:lnTo>
                      <a:lnTo>
                        <a:pt x="270" y="279"/>
                      </a:lnTo>
                      <a:lnTo>
                        <a:pt x="268" y="281"/>
                      </a:lnTo>
                      <a:lnTo>
                        <a:pt x="268" y="279"/>
                      </a:lnTo>
                      <a:lnTo>
                        <a:pt x="266" y="279"/>
                      </a:lnTo>
                      <a:lnTo>
                        <a:pt x="266" y="277"/>
                      </a:lnTo>
                      <a:lnTo>
                        <a:pt x="266" y="275"/>
                      </a:lnTo>
                      <a:lnTo>
                        <a:pt x="266" y="273"/>
                      </a:lnTo>
                      <a:lnTo>
                        <a:pt x="264" y="275"/>
                      </a:lnTo>
                      <a:lnTo>
                        <a:pt x="264" y="273"/>
                      </a:lnTo>
                      <a:lnTo>
                        <a:pt x="263" y="273"/>
                      </a:lnTo>
                      <a:lnTo>
                        <a:pt x="261" y="273"/>
                      </a:lnTo>
                      <a:lnTo>
                        <a:pt x="259" y="273"/>
                      </a:lnTo>
                      <a:lnTo>
                        <a:pt x="257" y="273"/>
                      </a:lnTo>
                      <a:lnTo>
                        <a:pt x="257" y="271"/>
                      </a:lnTo>
                      <a:lnTo>
                        <a:pt x="255" y="271"/>
                      </a:lnTo>
                      <a:lnTo>
                        <a:pt x="253" y="271"/>
                      </a:lnTo>
                      <a:lnTo>
                        <a:pt x="253" y="270"/>
                      </a:lnTo>
                      <a:lnTo>
                        <a:pt x="252" y="270"/>
                      </a:lnTo>
                      <a:lnTo>
                        <a:pt x="252" y="268"/>
                      </a:lnTo>
                      <a:lnTo>
                        <a:pt x="252" y="266"/>
                      </a:lnTo>
                      <a:lnTo>
                        <a:pt x="252" y="264"/>
                      </a:lnTo>
                      <a:lnTo>
                        <a:pt x="253" y="264"/>
                      </a:lnTo>
                      <a:lnTo>
                        <a:pt x="253" y="262"/>
                      </a:lnTo>
                      <a:lnTo>
                        <a:pt x="253" y="260"/>
                      </a:lnTo>
                      <a:lnTo>
                        <a:pt x="255" y="260"/>
                      </a:lnTo>
                      <a:lnTo>
                        <a:pt x="255" y="259"/>
                      </a:lnTo>
                      <a:lnTo>
                        <a:pt x="255" y="257"/>
                      </a:lnTo>
                      <a:lnTo>
                        <a:pt x="255" y="255"/>
                      </a:lnTo>
                      <a:lnTo>
                        <a:pt x="253" y="255"/>
                      </a:lnTo>
                      <a:lnTo>
                        <a:pt x="252" y="255"/>
                      </a:lnTo>
                      <a:lnTo>
                        <a:pt x="250" y="255"/>
                      </a:lnTo>
                      <a:lnTo>
                        <a:pt x="248" y="255"/>
                      </a:lnTo>
                      <a:lnTo>
                        <a:pt x="246" y="255"/>
                      </a:lnTo>
                      <a:lnTo>
                        <a:pt x="244" y="255"/>
                      </a:lnTo>
                      <a:lnTo>
                        <a:pt x="242" y="255"/>
                      </a:lnTo>
                      <a:lnTo>
                        <a:pt x="240" y="255"/>
                      </a:lnTo>
                      <a:lnTo>
                        <a:pt x="239" y="255"/>
                      </a:lnTo>
                      <a:lnTo>
                        <a:pt x="237" y="255"/>
                      </a:lnTo>
                      <a:lnTo>
                        <a:pt x="235" y="255"/>
                      </a:lnTo>
                      <a:lnTo>
                        <a:pt x="233" y="255"/>
                      </a:lnTo>
                      <a:lnTo>
                        <a:pt x="231" y="255"/>
                      </a:lnTo>
                      <a:lnTo>
                        <a:pt x="229" y="255"/>
                      </a:lnTo>
                      <a:lnTo>
                        <a:pt x="228" y="255"/>
                      </a:lnTo>
                      <a:lnTo>
                        <a:pt x="226" y="255"/>
                      </a:lnTo>
                      <a:lnTo>
                        <a:pt x="224" y="255"/>
                      </a:lnTo>
                      <a:lnTo>
                        <a:pt x="222" y="255"/>
                      </a:lnTo>
                      <a:lnTo>
                        <a:pt x="220" y="255"/>
                      </a:lnTo>
                      <a:lnTo>
                        <a:pt x="218" y="255"/>
                      </a:lnTo>
                      <a:lnTo>
                        <a:pt x="218" y="257"/>
                      </a:lnTo>
                      <a:lnTo>
                        <a:pt x="216" y="257"/>
                      </a:lnTo>
                      <a:lnTo>
                        <a:pt x="215" y="257"/>
                      </a:lnTo>
                      <a:lnTo>
                        <a:pt x="213" y="259"/>
                      </a:lnTo>
                      <a:lnTo>
                        <a:pt x="203" y="260"/>
                      </a:lnTo>
                      <a:lnTo>
                        <a:pt x="202" y="259"/>
                      </a:lnTo>
                      <a:lnTo>
                        <a:pt x="200" y="259"/>
                      </a:lnTo>
                      <a:lnTo>
                        <a:pt x="198" y="259"/>
                      </a:lnTo>
                      <a:lnTo>
                        <a:pt x="196" y="259"/>
                      </a:lnTo>
                      <a:lnTo>
                        <a:pt x="196" y="257"/>
                      </a:lnTo>
                      <a:lnTo>
                        <a:pt x="194" y="257"/>
                      </a:lnTo>
                      <a:lnTo>
                        <a:pt x="192" y="257"/>
                      </a:lnTo>
                      <a:lnTo>
                        <a:pt x="191" y="257"/>
                      </a:lnTo>
                      <a:lnTo>
                        <a:pt x="189" y="257"/>
                      </a:lnTo>
                      <a:lnTo>
                        <a:pt x="187" y="257"/>
                      </a:lnTo>
                      <a:lnTo>
                        <a:pt x="185" y="259"/>
                      </a:lnTo>
                      <a:lnTo>
                        <a:pt x="185" y="257"/>
                      </a:lnTo>
                      <a:lnTo>
                        <a:pt x="183" y="257"/>
                      </a:lnTo>
                      <a:lnTo>
                        <a:pt x="183" y="259"/>
                      </a:lnTo>
                      <a:lnTo>
                        <a:pt x="181" y="259"/>
                      </a:lnTo>
                      <a:lnTo>
                        <a:pt x="179" y="259"/>
                      </a:lnTo>
                      <a:lnTo>
                        <a:pt x="178" y="259"/>
                      </a:lnTo>
                      <a:lnTo>
                        <a:pt x="176" y="259"/>
                      </a:lnTo>
                      <a:lnTo>
                        <a:pt x="174" y="259"/>
                      </a:lnTo>
                      <a:lnTo>
                        <a:pt x="172" y="259"/>
                      </a:lnTo>
                      <a:lnTo>
                        <a:pt x="170" y="259"/>
                      </a:lnTo>
                      <a:lnTo>
                        <a:pt x="168" y="259"/>
                      </a:lnTo>
                      <a:lnTo>
                        <a:pt x="167" y="257"/>
                      </a:lnTo>
                      <a:lnTo>
                        <a:pt x="165" y="257"/>
                      </a:lnTo>
                      <a:lnTo>
                        <a:pt x="163" y="257"/>
                      </a:lnTo>
                      <a:lnTo>
                        <a:pt x="161" y="257"/>
                      </a:lnTo>
                      <a:lnTo>
                        <a:pt x="159" y="255"/>
                      </a:lnTo>
                      <a:lnTo>
                        <a:pt x="157" y="253"/>
                      </a:lnTo>
                      <a:lnTo>
                        <a:pt x="157" y="251"/>
                      </a:lnTo>
                      <a:lnTo>
                        <a:pt x="155" y="249"/>
                      </a:lnTo>
                      <a:lnTo>
                        <a:pt x="154" y="249"/>
                      </a:lnTo>
                      <a:lnTo>
                        <a:pt x="150" y="247"/>
                      </a:lnTo>
                      <a:lnTo>
                        <a:pt x="148" y="246"/>
                      </a:lnTo>
                      <a:lnTo>
                        <a:pt x="144" y="242"/>
                      </a:lnTo>
                      <a:lnTo>
                        <a:pt x="142" y="242"/>
                      </a:lnTo>
                      <a:lnTo>
                        <a:pt x="141" y="238"/>
                      </a:lnTo>
                      <a:lnTo>
                        <a:pt x="139" y="238"/>
                      </a:lnTo>
                      <a:lnTo>
                        <a:pt x="133" y="242"/>
                      </a:lnTo>
                      <a:lnTo>
                        <a:pt x="135" y="236"/>
                      </a:lnTo>
                      <a:lnTo>
                        <a:pt x="135" y="234"/>
                      </a:lnTo>
                      <a:lnTo>
                        <a:pt x="135" y="233"/>
                      </a:lnTo>
                      <a:lnTo>
                        <a:pt x="135" y="231"/>
                      </a:lnTo>
                      <a:lnTo>
                        <a:pt x="137" y="231"/>
                      </a:lnTo>
                      <a:lnTo>
                        <a:pt x="137" y="229"/>
                      </a:lnTo>
                      <a:lnTo>
                        <a:pt x="137" y="227"/>
                      </a:lnTo>
                      <a:lnTo>
                        <a:pt x="141" y="222"/>
                      </a:lnTo>
                      <a:lnTo>
                        <a:pt x="142" y="220"/>
                      </a:lnTo>
                      <a:lnTo>
                        <a:pt x="142" y="218"/>
                      </a:lnTo>
                      <a:lnTo>
                        <a:pt x="142" y="216"/>
                      </a:lnTo>
                      <a:lnTo>
                        <a:pt x="142" y="214"/>
                      </a:lnTo>
                      <a:lnTo>
                        <a:pt x="142" y="212"/>
                      </a:lnTo>
                      <a:lnTo>
                        <a:pt x="142" y="210"/>
                      </a:lnTo>
                      <a:lnTo>
                        <a:pt x="142" y="209"/>
                      </a:lnTo>
                      <a:lnTo>
                        <a:pt x="141" y="209"/>
                      </a:lnTo>
                      <a:lnTo>
                        <a:pt x="142" y="209"/>
                      </a:lnTo>
                      <a:lnTo>
                        <a:pt x="142" y="207"/>
                      </a:lnTo>
                      <a:lnTo>
                        <a:pt x="142" y="205"/>
                      </a:lnTo>
                      <a:lnTo>
                        <a:pt x="141" y="205"/>
                      </a:lnTo>
                      <a:lnTo>
                        <a:pt x="141" y="203"/>
                      </a:lnTo>
                      <a:lnTo>
                        <a:pt x="141" y="201"/>
                      </a:lnTo>
                      <a:lnTo>
                        <a:pt x="141" y="199"/>
                      </a:lnTo>
                      <a:lnTo>
                        <a:pt x="141" y="197"/>
                      </a:lnTo>
                      <a:lnTo>
                        <a:pt x="141" y="196"/>
                      </a:lnTo>
                      <a:lnTo>
                        <a:pt x="142" y="194"/>
                      </a:lnTo>
                      <a:lnTo>
                        <a:pt x="144" y="194"/>
                      </a:lnTo>
                      <a:lnTo>
                        <a:pt x="144" y="196"/>
                      </a:lnTo>
                      <a:lnTo>
                        <a:pt x="144" y="197"/>
                      </a:lnTo>
                      <a:lnTo>
                        <a:pt x="146" y="197"/>
                      </a:lnTo>
                      <a:lnTo>
                        <a:pt x="148" y="197"/>
                      </a:lnTo>
                      <a:lnTo>
                        <a:pt x="148" y="199"/>
                      </a:lnTo>
                      <a:lnTo>
                        <a:pt x="150" y="199"/>
                      </a:lnTo>
                      <a:lnTo>
                        <a:pt x="152" y="197"/>
                      </a:lnTo>
                      <a:lnTo>
                        <a:pt x="154" y="197"/>
                      </a:lnTo>
                      <a:lnTo>
                        <a:pt x="154" y="196"/>
                      </a:lnTo>
                      <a:lnTo>
                        <a:pt x="154" y="194"/>
                      </a:lnTo>
                      <a:lnTo>
                        <a:pt x="152" y="194"/>
                      </a:lnTo>
                      <a:lnTo>
                        <a:pt x="152" y="192"/>
                      </a:lnTo>
                      <a:lnTo>
                        <a:pt x="152" y="190"/>
                      </a:lnTo>
                      <a:lnTo>
                        <a:pt x="154" y="190"/>
                      </a:lnTo>
                      <a:lnTo>
                        <a:pt x="155" y="190"/>
                      </a:lnTo>
                      <a:lnTo>
                        <a:pt x="157" y="190"/>
                      </a:lnTo>
                      <a:lnTo>
                        <a:pt x="159" y="190"/>
                      </a:lnTo>
                      <a:lnTo>
                        <a:pt x="161" y="190"/>
                      </a:lnTo>
                      <a:lnTo>
                        <a:pt x="161" y="192"/>
                      </a:lnTo>
                      <a:lnTo>
                        <a:pt x="161" y="194"/>
                      </a:lnTo>
                      <a:lnTo>
                        <a:pt x="161" y="196"/>
                      </a:lnTo>
                      <a:lnTo>
                        <a:pt x="163" y="196"/>
                      </a:lnTo>
                      <a:lnTo>
                        <a:pt x="165" y="196"/>
                      </a:lnTo>
                      <a:lnTo>
                        <a:pt x="167" y="196"/>
                      </a:lnTo>
                      <a:lnTo>
                        <a:pt x="168" y="196"/>
                      </a:lnTo>
                      <a:lnTo>
                        <a:pt x="170" y="196"/>
                      </a:lnTo>
                      <a:lnTo>
                        <a:pt x="170" y="194"/>
                      </a:lnTo>
                      <a:lnTo>
                        <a:pt x="172" y="192"/>
                      </a:lnTo>
                      <a:lnTo>
                        <a:pt x="174" y="194"/>
                      </a:lnTo>
                      <a:lnTo>
                        <a:pt x="176" y="194"/>
                      </a:lnTo>
                      <a:lnTo>
                        <a:pt x="176" y="196"/>
                      </a:lnTo>
                      <a:lnTo>
                        <a:pt x="178" y="196"/>
                      </a:lnTo>
                      <a:lnTo>
                        <a:pt x="179" y="196"/>
                      </a:lnTo>
                      <a:lnTo>
                        <a:pt x="179" y="197"/>
                      </a:lnTo>
                      <a:lnTo>
                        <a:pt x="181" y="197"/>
                      </a:lnTo>
                      <a:lnTo>
                        <a:pt x="183" y="197"/>
                      </a:lnTo>
                      <a:lnTo>
                        <a:pt x="185" y="197"/>
                      </a:lnTo>
                      <a:lnTo>
                        <a:pt x="187" y="197"/>
                      </a:lnTo>
                      <a:lnTo>
                        <a:pt x="187" y="196"/>
                      </a:lnTo>
                      <a:lnTo>
                        <a:pt x="189" y="196"/>
                      </a:lnTo>
                      <a:lnTo>
                        <a:pt x="191" y="196"/>
                      </a:lnTo>
                      <a:lnTo>
                        <a:pt x="191" y="197"/>
                      </a:lnTo>
                      <a:lnTo>
                        <a:pt x="191" y="199"/>
                      </a:lnTo>
                      <a:lnTo>
                        <a:pt x="191" y="201"/>
                      </a:lnTo>
                      <a:lnTo>
                        <a:pt x="189" y="201"/>
                      </a:lnTo>
                      <a:lnTo>
                        <a:pt x="189" y="203"/>
                      </a:lnTo>
                      <a:lnTo>
                        <a:pt x="189" y="205"/>
                      </a:lnTo>
                      <a:lnTo>
                        <a:pt x="189" y="207"/>
                      </a:lnTo>
                      <a:lnTo>
                        <a:pt x="191" y="207"/>
                      </a:lnTo>
                      <a:lnTo>
                        <a:pt x="191" y="209"/>
                      </a:lnTo>
                      <a:lnTo>
                        <a:pt x="191" y="210"/>
                      </a:lnTo>
                      <a:lnTo>
                        <a:pt x="191" y="212"/>
                      </a:lnTo>
                      <a:lnTo>
                        <a:pt x="191" y="214"/>
                      </a:lnTo>
                      <a:lnTo>
                        <a:pt x="191" y="216"/>
                      </a:lnTo>
                      <a:lnTo>
                        <a:pt x="191" y="218"/>
                      </a:lnTo>
                      <a:lnTo>
                        <a:pt x="192" y="218"/>
                      </a:lnTo>
                      <a:lnTo>
                        <a:pt x="192" y="220"/>
                      </a:lnTo>
                      <a:lnTo>
                        <a:pt x="194" y="220"/>
                      </a:lnTo>
                      <a:lnTo>
                        <a:pt x="194" y="222"/>
                      </a:lnTo>
                      <a:lnTo>
                        <a:pt x="196" y="220"/>
                      </a:lnTo>
                      <a:lnTo>
                        <a:pt x="198" y="220"/>
                      </a:lnTo>
                      <a:lnTo>
                        <a:pt x="200" y="220"/>
                      </a:lnTo>
                      <a:lnTo>
                        <a:pt x="200" y="222"/>
                      </a:lnTo>
                      <a:lnTo>
                        <a:pt x="200" y="223"/>
                      </a:lnTo>
                      <a:lnTo>
                        <a:pt x="202" y="223"/>
                      </a:lnTo>
                      <a:lnTo>
                        <a:pt x="202" y="225"/>
                      </a:lnTo>
                      <a:lnTo>
                        <a:pt x="203" y="225"/>
                      </a:lnTo>
                      <a:lnTo>
                        <a:pt x="205" y="225"/>
                      </a:lnTo>
                      <a:lnTo>
                        <a:pt x="205" y="227"/>
                      </a:lnTo>
                      <a:lnTo>
                        <a:pt x="207" y="227"/>
                      </a:lnTo>
                      <a:lnTo>
                        <a:pt x="209" y="227"/>
                      </a:lnTo>
                      <a:lnTo>
                        <a:pt x="211" y="227"/>
                      </a:lnTo>
                      <a:lnTo>
                        <a:pt x="213" y="229"/>
                      </a:lnTo>
                      <a:lnTo>
                        <a:pt x="215" y="229"/>
                      </a:lnTo>
                      <a:lnTo>
                        <a:pt x="216" y="229"/>
                      </a:lnTo>
                      <a:lnTo>
                        <a:pt x="218" y="229"/>
                      </a:lnTo>
                      <a:lnTo>
                        <a:pt x="220" y="229"/>
                      </a:lnTo>
                      <a:lnTo>
                        <a:pt x="222" y="229"/>
                      </a:lnTo>
                      <a:lnTo>
                        <a:pt x="224" y="229"/>
                      </a:lnTo>
                      <a:lnTo>
                        <a:pt x="226" y="229"/>
                      </a:lnTo>
                      <a:lnTo>
                        <a:pt x="226" y="227"/>
                      </a:lnTo>
                      <a:lnTo>
                        <a:pt x="228" y="227"/>
                      </a:lnTo>
                      <a:lnTo>
                        <a:pt x="228" y="225"/>
                      </a:lnTo>
                      <a:lnTo>
                        <a:pt x="229" y="225"/>
                      </a:lnTo>
                      <a:lnTo>
                        <a:pt x="231" y="223"/>
                      </a:lnTo>
                      <a:lnTo>
                        <a:pt x="235" y="220"/>
                      </a:lnTo>
                      <a:lnTo>
                        <a:pt x="237" y="220"/>
                      </a:lnTo>
                      <a:lnTo>
                        <a:pt x="237" y="218"/>
                      </a:lnTo>
                      <a:lnTo>
                        <a:pt x="237" y="220"/>
                      </a:lnTo>
                      <a:lnTo>
                        <a:pt x="240" y="220"/>
                      </a:lnTo>
                      <a:lnTo>
                        <a:pt x="242" y="222"/>
                      </a:lnTo>
                      <a:lnTo>
                        <a:pt x="244" y="222"/>
                      </a:lnTo>
                      <a:lnTo>
                        <a:pt x="246" y="222"/>
                      </a:lnTo>
                      <a:lnTo>
                        <a:pt x="248" y="222"/>
                      </a:lnTo>
                      <a:lnTo>
                        <a:pt x="248" y="220"/>
                      </a:lnTo>
                      <a:lnTo>
                        <a:pt x="250" y="218"/>
                      </a:lnTo>
                      <a:lnTo>
                        <a:pt x="252" y="216"/>
                      </a:lnTo>
                      <a:lnTo>
                        <a:pt x="257" y="201"/>
                      </a:lnTo>
                      <a:lnTo>
                        <a:pt x="261" y="196"/>
                      </a:lnTo>
                      <a:lnTo>
                        <a:pt x="263" y="196"/>
                      </a:lnTo>
                      <a:lnTo>
                        <a:pt x="263" y="194"/>
                      </a:lnTo>
                      <a:lnTo>
                        <a:pt x="264" y="192"/>
                      </a:lnTo>
                      <a:lnTo>
                        <a:pt x="264" y="190"/>
                      </a:lnTo>
                      <a:lnTo>
                        <a:pt x="264" y="188"/>
                      </a:lnTo>
                      <a:lnTo>
                        <a:pt x="264" y="186"/>
                      </a:lnTo>
                      <a:lnTo>
                        <a:pt x="263" y="186"/>
                      </a:lnTo>
                      <a:lnTo>
                        <a:pt x="263" y="185"/>
                      </a:lnTo>
                      <a:lnTo>
                        <a:pt x="261" y="183"/>
                      </a:lnTo>
                      <a:lnTo>
                        <a:pt x="259" y="181"/>
                      </a:lnTo>
                      <a:lnTo>
                        <a:pt x="259" y="179"/>
                      </a:lnTo>
                      <a:lnTo>
                        <a:pt x="259" y="177"/>
                      </a:lnTo>
                      <a:lnTo>
                        <a:pt x="255" y="173"/>
                      </a:lnTo>
                      <a:lnTo>
                        <a:pt x="257" y="173"/>
                      </a:lnTo>
                      <a:lnTo>
                        <a:pt x="264" y="172"/>
                      </a:lnTo>
                      <a:lnTo>
                        <a:pt x="268" y="172"/>
                      </a:lnTo>
                      <a:lnTo>
                        <a:pt x="281" y="170"/>
                      </a:lnTo>
                      <a:lnTo>
                        <a:pt x="285" y="170"/>
                      </a:lnTo>
                      <a:lnTo>
                        <a:pt x="289" y="168"/>
                      </a:lnTo>
                      <a:lnTo>
                        <a:pt x="292" y="168"/>
                      </a:lnTo>
                      <a:lnTo>
                        <a:pt x="300" y="168"/>
                      </a:lnTo>
                      <a:lnTo>
                        <a:pt x="303" y="170"/>
                      </a:lnTo>
                      <a:lnTo>
                        <a:pt x="307" y="170"/>
                      </a:lnTo>
                      <a:lnTo>
                        <a:pt x="313" y="170"/>
                      </a:lnTo>
                      <a:lnTo>
                        <a:pt x="318" y="170"/>
                      </a:lnTo>
                      <a:lnTo>
                        <a:pt x="324" y="170"/>
                      </a:lnTo>
                      <a:lnTo>
                        <a:pt x="327" y="170"/>
                      </a:lnTo>
                      <a:lnTo>
                        <a:pt x="329" y="168"/>
                      </a:lnTo>
                      <a:lnTo>
                        <a:pt x="331" y="168"/>
                      </a:lnTo>
                      <a:lnTo>
                        <a:pt x="333" y="168"/>
                      </a:lnTo>
                      <a:lnTo>
                        <a:pt x="333" y="166"/>
                      </a:lnTo>
                      <a:lnTo>
                        <a:pt x="331" y="166"/>
                      </a:lnTo>
                      <a:lnTo>
                        <a:pt x="331" y="164"/>
                      </a:lnTo>
                      <a:lnTo>
                        <a:pt x="331" y="162"/>
                      </a:lnTo>
                      <a:lnTo>
                        <a:pt x="329" y="162"/>
                      </a:lnTo>
                      <a:lnTo>
                        <a:pt x="327" y="160"/>
                      </a:lnTo>
                      <a:lnTo>
                        <a:pt x="325" y="160"/>
                      </a:lnTo>
                      <a:lnTo>
                        <a:pt x="325" y="159"/>
                      </a:lnTo>
                      <a:lnTo>
                        <a:pt x="324" y="159"/>
                      </a:lnTo>
                      <a:lnTo>
                        <a:pt x="322" y="159"/>
                      </a:lnTo>
                      <a:lnTo>
                        <a:pt x="320" y="159"/>
                      </a:lnTo>
                      <a:lnTo>
                        <a:pt x="318" y="157"/>
                      </a:lnTo>
                      <a:lnTo>
                        <a:pt x="318" y="155"/>
                      </a:lnTo>
                      <a:lnTo>
                        <a:pt x="316" y="155"/>
                      </a:lnTo>
                      <a:lnTo>
                        <a:pt x="316" y="153"/>
                      </a:lnTo>
                      <a:lnTo>
                        <a:pt x="316" y="151"/>
                      </a:lnTo>
                      <a:lnTo>
                        <a:pt x="314" y="151"/>
                      </a:lnTo>
                      <a:lnTo>
                        <a:pt x="316" y="151"/>
                      </a:lnTo>
                      <a:lnTo>
                        <a:pt x="316" y="149"/>
                      </a:lnTo>
                      <a:lnTo>
                        <a:pt x="316" y="148"/>
                      </a:lnTo>
                      <a:lnTo>
                        <a:pt x="314" y="148"/>
                      </a:lnTo>
                      <a:lnTo>
                        <a:pt x="314" y="146"/>
                      </a:lnTo>
                      <a:lnTo>
                        <a:pt x="314" y="144"/>
                      </a:lnTo>
                      <a:lnTo>
                        <a:pt x="314" y="142"/>
                      </a:lnTo>
                      <a:lnTo>
                        <a:pt x="316" y="142"/>
                      </a:lnTo>
                      <a:lnTo>
                        <a:pt x="316" y="140"/>
                      </a:lnTo>
                      <a:lnTo>
                        <a:pt x="316" y="138"/>
                      </a:lnTo>
                      <a:lnTo>
                        <a:pt x="316" y="136"/>
                      </a:lnTo>
                      <a:lnTo>
                        <a:pt x="316" y="135"/>
                      </a:lnTo>
                      <a:lnTo>
                        <a:pt x="316" y="133"/>
                      </a:lnTo>
                      <a:lnTo>
                        <a:pt x="316" y="131"/>
                      </a:lnTo>
                      <a:lnTo>
                        <a:pt x="316" y="129"/>
                      </a:lnTo>
                      <a:lnTo>
                        <a:pt x="316" y="127"/>
                      </a:lnTo>
                      <a:lnTo>
                        <a:pt x="316" y="125"/>
                      </a:lnTo>
                      <a:lnTo>
                        <a:pt x="316" y="123"/>
                      </a:lnTo>
                      <a:lnTo>
                        <a:pt x="316" y="122"/>
                      </a:lnTo>
                      <a:lnTo>
                        <a:pt x="318" y="123"/>
                      </a:lnTo>
                      <a:lnTo>
                        <a:pt x="320" y="123"/>
                      </a:lnTo>
                      <a:lnTo>
                        <a:pt x="322" y="123"/>
                      </a:lnTo>
                      <a:lnTo>
                        <a:pt x="324" y="123"/>
                      </a:lnTo>
                      <a:lnTo>
                        <a:pt x="325" y="123"/>
                      </a:lnTo>
                      <a:lnTo>
                        <a:pt x="327" y="123"/>
                      </a:lnTo>
                      <a:lnTo>
                        <a:pt x="327" y="125"/>
                      </a:lnTo>
                      <a:lnTo>
                        <a:pt x="329" y="125"/>
                      </a:lnTo>
                      <a:lnTo>
                        <a:pt x="329" y="127"/>
                      </a:lnTo>
                      <a:lnTo>
                        <a:pt x="329" y="129"/>
                      </a:lnTo>
                      <a:lnTo>
                        <a:pt x="329" y="131"/>
                      </a:lnTo>
                      <a:lnTo>
                        <a:pt x="331" y="133"/>
                      </a:lnTo>
                      <a:lnTo>
                        <a:pt x="331" y="135"/>
                      </a:lnTo>
                      <a:lnTo>
                        <a:pt x="331" y="136"/>
                      </a:lnTo>
                      <a:lnTo>
                        <a:pt x="333" y="138"/>
                      </a:lnTo>
                      <a:lnTo>
                        <a:pt x="338" y="140"/>
                      </a:lnTo>
                      <a:lnTo>
                        <a:pt x="344" y="135"/>
                      </a:lnTo>
                      <a:lnTo>
                        <a:pt x="348" y="131"/>
                      </a:lnTo>
                      <a:lnTo>
                        <a:pt x="351" y="131"/>
                      </a:lnTo>
                      <a:lnTo>
                        <a:pt x="357" y="133"/>
                      </a:lnTo>
                      <a:lnTo>
                        <a:pt x="362" y="135"/>
                      </a:lnTo>
                      <a:lnTo>
                        <a:pt x="370" y="131"/>
                      </a:lnTo>
                      <a:lnTo>
                        <a:pt x="372" y="131"/>
                      </a:lnTo>
                      <a:lnTo>
                        <a:pt x="375" y="131"/>
                      </a:lnTo>
                      <a:lnTo>
                        <a:pt x="379" y="129"/>
                      </a:lnTo>
                      <a:lnTo>
                        <a:pt x="381" y="131"/>
                      </a:lnTo>
                      <a:lnTo>
                        <a:pt x="381" y="129"/>
                      </a:lnTo>
                      <a:lnTo>
                        <a:pt x="381" y="127"/>
                      </a:lnTo>
                      <a:lnTo>
                        <a:pt x="381" y="125"/>
                      </a:lnTo>
                      <a:lnTo>
                        <a:pt x="381" y="123"/>
                      </a:lnTo>
                      <a:lnTo>
                        <a:pt x="381" y="122"/>
                      </a:lnTo>
                      <a:lnTo>
                        <a:pt x="381" y="120"/>
                      </a:lnTo>
                      <a:lnTo>
                        <a:pt x="381" y="118"/>
                      </a:lnTo>
                      <a:lnTo>
                        <a:pt x="381" y="116"/>
                      </a:lnTo>
                      <a:lnTo>
                        <a:pt x="383" y="112"/>
                      </a:lnTo>
                      <a:lnTo>
                        <a:pt x="383" y="109"/>
                      </a:lnTo>
                      <a:lnTo>
                        <a:pt x="383" y="107"/>
                      </a:lnTo>
                      <a:lnTo>
                        <a:pt x="383" y="105"/>
                      </a:lnTo>
                      <a:lnTo>
                        <a:pt x="383" y="103"/>
                      </a:lnTo>
                      <a:lnTo>
                        <a:pt x="383" y="101"/>
                      </a:lnTo>
                      <a:lnTo>
                        <a:pt x="385" y="101"/>
                      </a:lnTo>
                      <a:lnTo>
                        <a:pt x="385" y="99"/>
                      </a:lnTo>
                      <a:lnTo>
                        <a:pt x="385" y="98"/>
                      </a:lnTo>
                      <a:lnTo>
                        <a:pt x="386" y="98"/>
                      </a:lnTo>
                      <a:lnTo>
                        <a:pt x="386" y="96"/>
                      </a:lnTo>
                      <a:lnTo>
                        <a:pt x="386" y="94"/>
                      </a:lnTo>
                      <a:lnTo>
                        <a:pt x="386" y="92"/>
                      </a:lnTo>
                      <a:lnTo>
                        <a:pt x="386" y="90"/>
                      </a:lnTo>
                      <a:lnTo>
                        <a:pt x="388" y="90"/>
                      </a:lnTo>
                      <a:lnTo>
                        <a:pt x="388" y="86"/>
                      </a:lnTo>
                      <a:lnTo>
                        <a:pt x="390" y="85"/>
                      </a:lnTo>
                      <a:lnTo>
                        <a:pt x="390" y="81"/>
                      </a:lnTo>
                      <a:lnTo>
                        <a:pt x="390" y="77"/>
                      </a:lnTo>
                      <a:lnTo>
                        <a:pt x="390" y="75"/>
                      </a:lnTo>
                      <a:lnTo>
                        <a:pt x="390" y="72"/>
                      </a:lnTo>
                      <a:lnTo>
                        <a:pt x="392" y="72"/>
                      </a:lnTo>
                      <a:lnTo>
                        <a:pt x="394" y="70"/>
                      </a:lnTo>
                      <a:lnTo>
                        <a:pt x="396" y="70"/>
                      </a:lnTo>
                      <a:lnTo>
                        <a:pt x="394" y="68"/>
                      </a:lnTo>
                      <a:lnTo>
                        <a:pt x="392" y="68"/>
                      </a:lnTo>
                      <a:lnTo>
                        <a:pt x="390" y="64"/>
                      </a:lnTo>
                      <a:lnTo>
                        <a:pt x="388" y="62"/>
                      </a:lnTo>
                      <a:lnTo>
                        <a:pt x="386" y="62"/>
                      </a:lnTo>
                      <a:lnTo>
                        <a:pt x="386" y="61"/>
                      </a:lnTo>
                      <a:lnTo>
                        <a:pt x="385" y="61"/>
                      </a:lnTo>
                      <a:lnTo>
                        <a:pt x="383" y="61"/>
                      </a:lnTo>
                      <a:lnTo>
                        <a:pt x="379" y="57"/>
                      </a:lnTo>
                      <a:lnTo>
                        <a:pt x="377" y="57"/>
                      </a:lnTo>
                      <a:lnTo>
                        <a:pt x="375" y="57"/>
                      </a:lnTo>
                      <a:lnTo>
                        <a:pt x="375" y="55"/>
                      </a:lnTo>
                      <a:lnTo>
                        <a:pt x="374" y="55"/>
                      </a:lnTo>
                      <a:lnTo>
                        <a:pt x="372" y="55"/>
                      </a:lnTo>
                      <a:lnTo>
                        <a:pt x="370" y="55"/>
                      </a:lnTo>
                      <a:lnTo>
                        <a:pt x="368" y="55"/>
                      </a:lnTo>
                      <a:lnTo>
                        <a:pt x="366" y="53"/>
                      </a:lnTo>
                      <a:lnTo>
                        <a:pt x="368" y="48"/>
                      </a:lnTo>
                      <a:lnTo>
                        <a:pt x="370" y="48"/>
                      </a:lnTo>
                      <a:lnTo>
                        <a:pt x="370" y="46"/>
                      </a:lnTo>
                      <a:lnTo>
                        <a:pt x="370" y="44"/>
                      </a:lnTo>
                      <a:lnTo>
                        <a:pt x="368" y="44"/>
                      </a:lnTo>
                      <a:lnTo>
                        <a:pt x="368" y="42"/>
                      </a:lnTo>
                      <a:lnTo>
                        <a:pt x="368" y="40"/>
                      </a:lnTo>
                      <a:lnTo>
                        <a:pt x="366" y="37"/>
                      </a:lnTo>
                      <a:lnTo>
                        <a:pt x="366" y="35"/>
                      </a:lnTo>
                      <a:lnTo>
                        <a:pt x="368" y="33"/>
                      </a:lnTo>
                      <a:lnTo>
                        <a:pt x="368" y="31"/>
                      </a:lnTo>
                      <a:lnTo>
                        <a:pt x="370" y="31"/>
                      </a:lnTo>
                      <a:lnTo>
                        <a:pt x="372" y="27"/>
                      </a:lnTo>
                      <a:lnTo>
                        <a:pt x="370" y="24"/>
                      </a:lnTo>
                      <a:lnTo>
                        <a:pt x="370" y="18"/>
                      </a:lnTo>
                      <a:lnTo>
                        <a:pt x="370" y="16"/>
                      </a:lnTo>
                      <a:lnTo>
                        <a:pt x="372" y="16"/>
                      </a:lnTo>
                      <a:lnTo>
                        <a:pt x="374" y="16"/>
                      </a:lnTo>
                      <a:lnTo>
                        <a:pt x="375" y="16"/>
                      </a:lnTo>
                      <a:lnTo>
                        <a:pt x="377" y="16"/>
                      </a:lnTo>
                      <a:lnTo>
                        <a:pt x="379" y="16"/>
                      </a:lnTo>
                      <a:lnTo>
                        <a:pt x="381" y="16"/>
                      </a:lnTo>
                      <a:lnTo>
                        <a:pt x="383" y="16"/>
                      </a:lnTo>
                      <a:lnTo>
                        <a:pt x="385" y="18"/>
                      </a:lnTo>
                      <a:lnTo>
                        <a:pt x="386" y="18"/>
                      </a:lnTo>
                      <a:lnTo>
                        <a:pt x="386" y="20"/>
                      </a:lnTo>
                      <a:lnTo>
                        <a:pt x="388" y="20"/>
                      </a:lnTo>
                      <a:lnTo>
                        <a:pt x="392" y="22"/>
                      </a:lnTo>
                      <a:lnTo>
                        <a:pt x="394" y="22"/>
                      </a:lnTo>
                      <a:lnTo>
                        <a:pt x="396" y="24"/>
                      </a:lnTo>
                      <a:lnTo>
                        <a:pt x="398" y="25"/>
                      </a:lnTo>
                      <a:lnTo>
                        <a:pt x="399" y="25"/>
                      </a:lnTo>
                      <a:lnTo>
                        <a:pt x="401" y="25"/>
                      </a:lnTo>
                      <a:lnTo>
                        <a:pt x="403" y="25"/>
                      </a:lnTo>
                      <a:lnTo>
                        <a:pt x="405" y="25"/>
                      </a:lnTo>
                      <a:lnTo>
                        <a:pt x="409" y="25"/>
                      </a:lnTo>
                      <a:lnTo>
                        <a:pt x="411" y="27"/>
                      </a:lnTo>
                      <a:lnTo>
                        <a:pt x="412" y="27"/>
                      </a:lnTo>
                      <a:lnTo>
                        <a:pt x="414" y="29"/>
                      </a:lnTo>
                      <a:lnTo>
                        <a:pt x="416" y="29"/>
                      </a:lnTo>
                      <a:lnTo>
                        <a:pt x="418" y="27"/>
                      </a:lnTo>
                      <a:lnTo>
                        <a:pt x="418" y="25"/>
                      </a:lnTo>
                      <a:lnTo>
                        <a:pt x="420" y="25"/>
                      </a:lnTo>
                      <a:lnTo>
                        <a:pt x="420" y="24"/>
                      </a:lnTo>
                      <a:lnTo>
                        <a:pt x="422" y="24"/>
                      </a:lnTo>
                      <a:lnTo>
                        <a:pt x="423" y="24"/>
                      </a:lnTo>
                      <a:lnTo>
                        <a:pt x="423" y="25"/>
                      </a:lnTo>
                      <a:lnTo>
                        <a:pt x="427" y="24"/>
                      </a:lnTo>
                      <a:lnTo>
                        <a:pt x="429" y="24"/>
                      </a:lnTo>
                      <a:lnTo>
                        <a:pt x="431" y="22"/>
                      </a:lnTo>
                      <a:lnTo>
                        <a:pt x="433" y="22"/>
                      </a:lnTo>
                      <a:lnTo>
                        <a:pt x="435" y="20"/>
                      </a:lnTo>
                      <a:lnTo>
                        <a:pt x="436" y="20"/>
                      </a:lnTo>
                      <a:lnTo>
                        <a:pt x="435" y="18"/>
                      </a:lnTo>
                      <a:lnTo>
                        <a:pt x="433" y="18"/>
                      </a:lnTo>
                      <a:lnTo>
                        <a:pt x="429" y="18"/>
                      </a:lnTo>
                      <a:lnTo>
                        <a:pt x="431" y="16"/>
                      </a:lnTo>
                      <a:lnTo>
                        <a:pt x="433" y="16"/>
                      </a:lnTo>
                      <a:lnTo>
                        <a:pt x="433" y="14"/>
                      </a:lnTo>
                      <a:lnTo>
                        <a:pt x="435" y="14"/>
                      </a:lnTo>
                      <a:lnTo>
                        <a:pt x="435" y="12"/>
                      </a:lnTo>
                      <a:lnTo>
                        <a:pt x="433" y="12"/>
                      </a:lnTo>
                      <a:lnTo>
                        <a:pt x="431" y="12"/>
                      </a:lnTo>
                      <a:lnTo>
                        <a:pt x="429" y="12"/>
                      </a:lnTo>
                      <a:lnTo>
                        <a:pt x="427" y="11"/>
                      </a:lnTo>
                      <a:lnTo>
                        <a:pt x="425" y="11"/>
                      </a:lnTo>
                      <a:lnTo>
                        <a:pt x="427" y="9"/>
                      </a:lnTo>
                      <a:lnTo>
                        <a:pt x="429" y="5"/>
                      </a:lnTo>
                      <a:lnTo>
                        <a:pt x="431" y="3"/>
                      </a:lnTo>
                      <a:lnTo>
                        <a:pt x="431" y="1"/>
                      </a:lnTo>
                      <a:lnTo>
                        <a:pt x="433" y="1"/>
                      </a:lnTo>
                      <a:lnTo>
                        <a:pt x="435" y="1"/>
                      </a:lnTo>
                      <a:lnTo>
                        <a:pt x="436" y="3"/>
                      </a:lnTo>
                      <a:lnTo>
                        <a:pt x="440" y="3"/>
                      </a:lnTo>
                      <a:lnTo>
                        <a:pt x="442" y="1"/>
                      </a:lnTo>
                      <a:lnTo>
                        <a:pt x="444" y="1"/>
                      </a:lnTo>
                      <a:lnTo>
                        <a:pt x="446" y="1"/>
                      </a:lnTo>
                      <a:lnTo>
                        <a:pt x="449" y="0"/>
                      </a:lnTo>
                      <a:lnTo>
                        <a:pt x="451" y="1"/>
                      </a:lnTo>
                      <a:lnTo>
                        <a:pt x="451" y="3"/>
                      </a:lnTo>
                      <a:lnTo>
                        <a:pt x="451" y="5"/>
                      </a:lnTo>
                      <a:lnTo>
                        <a:pt x="449" y="7"/>
                      </a:lnTo>
                      <a:lnTo>
                        <a:pt x="449" y="11"/>
                      </a:lnTo>
                      <a:lnTo>
                        <a:pt x="451" y="14"/>
                      </a:lnTo>
                      <a:lnTo>
                        <a:pt x="451" y="16"/>
                      </a:lnTo>
                      <a:lnTo>
                        <a:pt x="453" y="20"/>
                      </a:lnTo>
                      <a:lnTo>
                        <a:pt x="453" y="22"/>
                      </a:lnTo>
                      <a:lnTo>
                        <a:pt x="455" y="24"/>
                      </a:lnTo>
                      <a:lnTo>
                        <a:pt x="459" y="25"/>
                      </a:lnTo>
                      <a:lnTo>
                        <a:pt x="462" y="25"/>
                      </a:lnTo>
                      <a:lnTo>
                        <a:pt x="466" y="24"/>
                      </a:lnTo>
                      <a:lnTo>
                        <a:pt x="468" y="25"/>
                      </a:lnTo>
                      <a:lnTo>
                        <a:pt x="470" y="25"/>
                      </a:lnTo>
                      <a:lnTo>
                        <a:pt x="472" y="27"/>
                      </a:lnTo>
                      <a:lnTo>
                        <a:pt x="473" y="27"/>
                      </a:lnTo>
                      <a:lnTo>
                        <a:pt x="475" y="29"/>
                      </a:lnTo>
                      <a:lnTo>
                        <a:pt x="484" y="31"/>
                      </a:lnTo>
                      <a:lnTo>
                        <a:pt x="488" y="31"/>
                      </a:lnTo>
                      <a:lnTo>
                        <a:pt x="490" y="31"/>
                      </a:lnTo>
                      <a:lnTo>
                        <a:pt x="492" y="31"/>
                      </a:lnTo>
                      <a:lnTo>
                        <a:pt x="497" y="33"/>
                      </a:lnTo>
                      <a:lnTo>
                        <a:pt x="497" y="35"/>
                      </a:lnTo>
                      <a:lnTo>
                        <a:pt x="501" y="38"/>
                      </a:lnTo>
                      <a:lnTo>
                        <a:pt x="503" y="40"/>
                      </a:lnTo>
                      <a:lnTo>
                        <a:pt x="505" y="42"/>
                      </a:lnTo>
                      <a:lnTo>
                        <a:pt x="505" y="44"/>
                      </a:lnTo>
                      <a:lnTo>
                        <a:pt x="507" y="44"/>
                      </a:lnTo>
                      <a:lnTo>
                        <a:pt x="507" y="46"/>
                      </a:lnTo>
                      <a:lnTo>
                        <a:pt x="509" y="49"/>
                      </a:lnTo>
                      <a:lnTo>
                        <a:pt x="510" y="55"/>
                      </a:lnTo>
                      <a:lnTo>
                        <a:pt x="509" y="55"/>
                      </a:lnTo>
                      <a:lnTo>
                        <a:pt x="509" y="57"/>
                      </a:lnTo>
                      <a:lnTo>
                        <a:pt x="507" y="57"/>
                      </a:lnTo>
                      <a:lnTo>
                        <a:pt x="507" y="59"/>
                      </a:lnTo>
                      <a:lnTo>
                        <a:pt x="505" y="59"/>
                      </a:lnTo>
                      <a:lnTo>
                        <a:pt x="505" y="61"/>
                      </a:lnTo>
                      <a:lnTo>
                        <a:pt x="505" y="62"/>
                      </a:lnTo>
                      <a:lnTo>
                        <a:pt x="503" y="62"/>
                      </a:lnTo>
                      <a:lnTo>
                        <a:pt x="503" y="64"/>
                      </a:lnTo>
                      <a:lnTo>
                        <a:pt x="501" y="64"/>
                      </a:lnTo>
                      <a:lnTo>
                        <a:pt x="501" y="66"/>
                      </a:lnTo>
                      <a:lnTo>
                        <a:pt x="501" y="68"/>
                      </a:lnTo>
                      <a:lnTo>
                        <a:pt x="499" y="68"/>
                      </a:lnTo>
                      <a:lnTo>
                        <a:pt x="497" y="70"/>
                      </a:lnTo>
                      <a:lnTo>
                        <a:pt x="497" y="72"/>
                      </a:lnTo>
                      <a:lnTo>
                        <a:pt x="497" y="74"/>
                      </a:lnTo>
                      <a:lnTo>
                        <a:pt x="497" y="72"/>
                      </a:lnTo>
                      <a:lnTo>
                        <a:pt x="497" y="74"/>
                      </a:lnTo>
                      <a:lnTo>
                        <a:pt x="496" y="74"/>
                      </a:lnTo>
                      <a:lnTo>
                        <a:pt x="496" y="75"/>
                      </a:lnTo>
                      <a:lnTo>
                        <a:pt x="496" y="77"/>
                      </a:lnTo>
                      <a:lnTo>
                        <a:pt x="496" y="79"/>
                      </a:lnTo>
                      <a:lnTo>
                        <a:pt x="496" y="81"/>
                      </a:lnTo>
                      <a:lnTo>
                        <a:pt x="496" y="83"/>
                      </a:lnTo>
                      <a:lnTo>
                        <a:pt x="496" y="85"/>
                      </a:lnTo>
                      <a:lnTo>
                        <a:pt x="494" y="85"/>
                      </a:lnTo>
                      <a:lnTo>
                        <a:pt x="492" y="85"/>
                      </a:lnTo>
                      <a:lnTo>
                        <a:pt x="492" y="86"/>
                      </a:lnTo>
                      <a:lnTo>
                        <a:pt x="490" y="86"/>
                      </a:lnTo>
                      <a:lnTo>
                        <a:pt x="490" y="85"/>
                      </a:lnTo>
                      <a:lnTo>
                        <a:pt x="490" y="86"/>
                      </a:lnTo>
                      <a:lnTo>
                        <a:pt x="488" y="86"/>
                      </a:lnTo>
                      <a:lnTo>
                        <a:pt x="486" y="86"/>
                      </a:lnTo>
                      <a:lnTo>
                        <a:pt x="486" y="88"/>
                      </a:lnTo>
                      <a:lnTo>
                        <a:pt x="484" y="88"/>
                      </a:lnTo>
                      <a:lnTo>
                        <a:pt x="484" y="90"/>
                      </a:lnTo>
                      <a:lnTo>
                        <a:pt x="484" y="92"/>
                      </a:lnTo>
                      <a:lnTo>
                        <a:pt x="483" y="92"/>
                      </a:lnTo>
                      <a:lnTo>
                        <a:pt x="483" y="94"/>
                      </a:lnTo>
                      <a:lnTo>
                        <a:pt x="481" y="94"/>
                      </a:lnTo>
                      <a:lnTo>
                        <a:pt x="479" y="96"/>
                      </a:lnTo>
                      <a:lnTo>
                        <a:pt x="479" y="98"/>
                      </a:lnTo>
                      <a:lnTo>
                        <a:pt x="477" y="98"/>
                      </a:lnTo>
                      <a:lnTo>
                        <a:pt x="477" y="99"/>
                      </a:lnTo>
                      <a:lnTo>
                        <a:pt x="475" y="103"/>
                      </a:lnTo>
                      <a:lnTo>
                        <a:pt x="475" y="105"/>
                      </a:lnTo>
                      <a:lnTo>
                        <a:pt x="475" y="111"/>
                      </a:lnTo>
                      <a:lnTo>
                        <a:pt x="475" y="112"/>
                      </a:lnTo>
                      <a:lnTo>
                        <a:pt x="475" y="114"/>
                      </a:lnTo>
                      <a:lnTo>
                        <a:pt x="473" y="116"/>
                      </a:lnTo>
                      <a:lnTo>
                        <a:pt x="473" y="118"/>
                      </a:lnTo>
                      <a:lnTo>
                        <a:pt x="477" y="123"/>
                      </a:lnTo>
                      <a:lnTo>
                        <a:pt x="479" y="129"/>
                      </a:lnTo>
                      <a:lnTo>
                        <a:pt x="479" y="131"/>
                      </a:lnTo>
                      <a:lnTo>
                        <a:pt x="477" y="133"/>
                      </a:lnTo>
                      <a:lnTo>
                        <a:pt x="475" y="135"/>
                      </a:lnTo>
                      <a:lnTo>
                        <a:pt x="477" y="138"/>
                      </a:lnTo>
                      <a:lnTo>
                        <a:pt x="475" y="142"/>
                      </a:lnTo>
                      <a:lnTo>
                        <a:pt x="473" y="146"/>
                      </a:lnTo>
                      <a:lnTo>
                        <a:pt x="473" y="151"/>
                      </a:lnTo>
                      <a:lnTo>
                        <a:pt x="472" y="157"/>
                      </a:lnTo>
                      <a:lnTo>
                        <a:pt x="470" y="162"/>
                      </a:lnTo>
                      <a:lnTo>
                        <a:pt x="462" y="166"/>
                      </a:lnTo>
                      <a:lnTo>
                        <a:pt x="455" y="172"/>
                      </a:lnTo>
                      <a:lnTo>
                        <a:pt x="451" y="173"/>
                      </a:lnTo>
                      <a:lnTo>
                        <a:pt x="448" y="177"/>
                      </a:lnTo>
                      <a:lnTo>
                        <a:pt x="446" y="177"/>
                      </a:lnTo>
                      <a:lnTo>
                        <a:pt x="444" y="177"/>
                      </a:lnTo>
                      <a:lnTo>
                        <a:pt x="438" y="179"/>
                      </a:lnTo>
                      <a:lnTo>
                        <a:pt x="425" y="177"/>
                      </a:lnTo>
                      <a:lnTo>
                        <a:pt x="414" y="177"/>
                      </a:lnTo>
                      <a:lnTo>
                        <a:pt x="405" y="177"/>
                      </a:lnTo>
                      <a:lnTo>
                        <a:pt x="405" y="183"/>
                      </a:lnTo>
                      <a:lnTo>
                        <a:pt x="407" y="185"/>
                      </a:lnTo>
                      <a:lnTo>
                        <a:pt x="407" y="188"/>
                      </a:lnTo>
                      <a:lnTo>
                        <a:pt x="407" y="190"/>
                      </a:lnTo>
                      <a:lnTo>
                        <a:pt x="409" y="197"/>
                      </a:lnTo>
                      <a:lnTo>
                        <a:pt x="409" y="203"/>
                      </a:lnTo>
                      <a:lnTo>
                        <a:pt x="409" y="207"/>
                      </a:lnTo>
                      <a:lnTo>
                        <a:pt x="411" y="218"/>
                      </a:lnTo>
                      <a:lnTo>
                        <a:pt x="411" y="223"/>
                      </a:lnTo>
                      <a:lnTo>
                        <a:pt x="411" y="225"/>
                      </a:lnTo>
                      <a:lnTo>
                        <a:pt x="409" y="227"/>
                      </a:lnTo>
                      <a:lnTo>
                        <a:pt x="405" y="227"/>
                      </a:lnTo>
                      <a:lnTo>
                        <a:pt x="405" y="229"/>
                      </a:lnTo>
                      <a:lnTo>
                        <a:pt x="405" y="233"/>
                      </a:lnTo>
                      <a:lnTo>
                        <a:pt x="407" y="234"/>
                      </a:lnTo>
                      <a:lnTo>
                        <a:pt x="409" y="236"/>
                      </a:lnTo>
                      <a:lnTo>
                        <a:pt x="411" y="236"/>
                      </a:lnTo>
                      <a:lnTo>
                        <a:pt x="412" y="236"/>
                      </a:lnTo>
                      <a:lnTo>
                        <a:pt x="414" y="236"/>
                      </a:lnTo>
                      <a:lnTo>
                        <a:pt x="416" y="236"/>
                      </a:lnTo>
                      <a:lnTo>
                        <a:pt x="418" y="236"/>
                      </a:lnTo>
                      <a:lnTo>
                        <a:pt x="418" y="238"/>
                      </a:lnTo>
                      <a:lnTo>
                        <a:pt x="418" y="240"/>
                      </a:lnTo>
                      <a:lnTo>
                        <a:pt x="416" y="240"/>
                      </a:lnTo>
                      <a:lnTo>
                        <a:pt x="416" y="242"/>
                      </a:lnTo>
                      <a:lnTo>
                        <a:pt x="418" y="242"/>
                      </a:lnTo>
                      <a:lnTo>
                        <a:pt x="418" y="244"/>
                      </a:lnTo>
                      <a:lnTo>
                        <a:pt x="418" y="246"/>
                      </a:lnTo>
                      <a:lnTo>
                        <a:pt x="420" y="247"/>
                      </a:lnTo>
                      <a:lnTo>
                        <a:pt x="420" y="249"/>
                      </a:lnTo>
                      <a:lnTo>
                        <a:pt x="420" y="251"/>
                      </a:lnTo>
                      <a:lnTo>
                        <a:pt x="418" y="251"/>
                      </a:lnTo>
                      <a:lnTo>
                        <a:pt x="420" y="253"/>
                      </a:lnTo>
                      <a:lnTo>
                        <a:pt x="420" y="255"/>
                      </a:lnTo>
                      <a:lnTo>
                        <a:pt x="420" y="257"/>
                      </a:lnTo>
                      <a:lnTo>
                        <a:pt x="420" y="259"/>
                      </a:lnTo>
                      <a:lnTo>
                        <a:pt x="420" y="260"/>
                      </a:lnTo>
                      <a:lnTo>
                        <a:pt x="420" y="264"/>
                      </a:lnTo>
                      <a:lnTo>
                        <a:pt x="423" y="264"/>
                      </a:lnTo>
                      <a:lnTo>
                        <a:pt x="425" y="264"/>
                      </a:lnTo>
                      <a:lnTo>
                        <a:pt x="427" y="264"/>
                      </a:lnTo>
                      <a:lnTo>
                        <a:pt x="429" y="264"/>
                      </a:lnTo>
                      <a:lnTo>
                        <a:pt x="433" y="262"/>
                      </a:lnTo>
                      <a:lnTo>
                        <a:pt x="436" y="262"/>
                      </a:lnTo>
                      <a:lnTo>
                        <a:pt x="440" y="262"/>
                      </a:lnTo>
                      <a:lnTo>
                        <a:pt x="449" y="260"/>
                      </a:lnTo>
                      <a:lnTo>
                        <a:pt x="451" y="260"/>
                      </a:lnTo>
                      <a:lnTo>
                        <a:pt x="453" y="260"/>
                      </a:lnTo>
                      <a:lnTo>
                        <a:pt x="455" y="260"/>
                      </a:lnTo>
                      <a:lnTo>
                        <a:pt x="462" y="259"/>
                      </a:lnTo>
                      <a:lnTo>
                        <a:pt x="468" y="257"/>
                      </a:lnTo>
                      <a:lnTo>
                        <a:pt x="470" y="257"/>
                      </a:lnTo>
                      <a:lnTo>
                        <a:pt x="472" y="257"/>
                      </a:lnTo>
                      <a:lnTo>
                        <a:pt x="473" y="257"/>
                      </a:lnTo>
                      <a:lnTo>
                        <a:pt x="475" y="257"/>
                      </a:lnTo>
                      <a:lnTo>
                        <a:pt x="479" y="257"/>
                      </a:lnTo>
                      <a:lnTo>
                        <a:pt x="481" y="257"/>
                      </a:lnTo>
                      <a:lnTo>
                        <a:pt x="499" y="253"/>
                      </a:lnTo>
                      <a:lnTo>
                        <a:pt x="501" y="253"/>
                      </a:lnTo>
                      <a:lnTo>
                        <a:pt x="503" y="255"/>
                      </a:lnTo>
                      <a:lnTo>
                        <a:pt x="505" y="255"/>
                      </a:lnTo>
                      <a:lnTo>
                        <a:pt x="507" y="255"/>
                      </a:lnTo>
                      <a:lnTo>
                        <a:pt x="509" y="255"/>
                      </a:lnTo>
                      <a:lnTo>
                        <a:pt x="510" y="255"/>
                      </a:lnTo>
                      <a:lnTo>
                        <a:pt x="512" y="255"/>
                      </a:lnTo>
                      <a:lnTo>
                        <a:pt x="514" y="257"/>
                      </a:lnTo>
                      <a:lnTo>
                        <a:pt x="516" y="257"/>
                      </a:lnTo>
                      <a:lnTo>
                        <a:pt x="518" y="257"/>
                      </a:lnTo>
                      <a:lnTo>
                        <a:pt x="520" y="257"/>
                      </a:lnTo>
                      <a:lnTo>
                        <a:pt x="521" y="257"/>
                      </a:lnTo>
                      <a:lnTo>
                        <a:pt x="521" y="259"/>
                      </a:lnTo>
                      <a:lnTo>
                        <a:pt x="523" y="259"/>
                      </a:lnTo>
                      <a:lnTo>
                        <a:pt x="534" y="260"/>
                      </a:lnTo>
                      <a:lnTo>
                        <a:pt x="536" y="260"/>
                      </a:lnTo>
                      <a:lnTo>
                        <a:pt x="536" y="262"/>
                      </a:lnTo>
                      <a:lnTo>
                        <a:pt x="538" y="262"/>
                      </a:lnTo>
                      <a:lnTo>
                        <a:pt x="538" y="264"/>
                      </a:lnTo>
                      <a:lnTo>
                        <a:pt x="540" y="270"/>
                      </a:lnTo>
                      <a:lnTo>
                        <a:pt x="540" y="271"/>
                      </a:lnTo>
                      <a:lnTo>
                        <a:pt x="542" y="271"/>
                      </a:lnTo>
                      <a:lnTo>
                        <a:pt x="545" y="283"/>
                      </a:lnTo>
                      <a:lnTo>
                        <a:pt x="551" y="290"/>
                      </a:lnTo>
                      <a:lnTo>
                        <a:pt x="551" y="292"/>
                      </a:lnTo>
                      <a:lnTo>
                        <a:pt x="553" y="296"/>
                      </a:lnTo>
                      <a:lnTo>
                        <a:pt x="557" y="299"/>
                      </a:lnTo>
                      <a:lnTo>
                        <a:pt x="560" y="303"/>
                      </a:lnTo>
                      <a:lnTo>
                        <a:pt x="562" y="305"/>
                      </a:lnTo>
                      <a:lnTo>
                        <a:pt x="566" y="307"/>
                      </a:lnTo>
                      <a:lnTo>
                        <a:pt x="568" y="308"/>
                      </a:lnTo>
                      <a:lnTo>
                        <a:pt x="570" y="310"/>
                      </a:lnTo>
                      <a:lnTo>
                        <a:pt x="573" y="312"/>
                      </a:lnTo>
                      <a:lnTo>
                        <a:pt x="586" y="314"/>
                      </a:lnTo>
                      <a:lnTo>
                        <a:pt x="590" y="314"/>
                      </a:lnTo>
                      <a:lnTo>
                        <a:pt x="594" y="316"/>
                      </a:lnTo>
                      <a:lnTo>
                        <a:pt x="594" y="321"/>
                      </a:lnTo>
                      <a:lnTo>
                        <a:pt x="595" y="321"/>
                      </a:lnTo>
                      <a:lnTo>
                        <a:pt x="597" y="321"/>
                      </a:lnTo>
                      <a:lnTo>
                        <a:pt x="599" y="321"/>
                      </a:lnTo>
                      <a:lnTo>
                        <a:pt x="599" y="320"/>
                      </a:lnTo>
                      <a:lnTo>
                        <a:pt x="601" y="320"/>
                      </a:lnTo>
                      <a:lnTo>
                        <a:pt x="603" y="320"/>
                      </a:lnTo>
                      <a:lnTo>
                        <a:pt x="605" y="320"/>
                      </a:lnTo>
                      <a:lnTo>
                        <a:pt x="605" y="321"/>
                      </a:lnTo>
                      <a:lnTo>
                        <a:pt x="606" y="321"/>
                      </a:lnTo>
                      <a:lnTo>
                        <a:pt x="608" y="321"/>
                      </a:lnTo>
                      <a:lnTo>
                        <a:pt x="610" y="320"/>
                      </a:lnTo>
                      <a:lnTo>
                        <a:pt x="612" y="320"/>
                      </a:lnTo>
                      <a:lnTo>
                        <a:pt x="614" y="321"/>
                      </a:lnTo>
                      <a:lnTo>
                        <a:pt x="616" y="321"/>
                      </a:lnTo>
                      <a:lnTo>
                        <a:pt x="616" y="323"/>
                      </a:lnTo>
                      <a:lnTo>
                        <a:pt x="619" y="323"/>
                      </a:lnTo>
                      <a:lnTo>
                        <a:pt x="621" y="321"/>
                      </a:lnTo>
                      <a:lnTo>
                        <a:pt x="623" y="321"/>
                      </a:lnTo>
                      <a:lnTo>
                        <a:pt x="627" y="321"/>
                      </a:lnTo>
                      <a:lnTo>
                        <a:pt x="627" y="320"/>
                      </a:lnTo>
                      <a:lnTo>
                        <a:pt x="629" y="318"/>
                      </a:lnTo>
                      <a:lnTo>
                        <a:pt x="629" y="316"/>
                      </a:lnTo>
                      <a:lnTo>
                        <a:pt x="629" y="312"/>
                      </a:lnTo>
                      <a:lnTo>
                        <a:pt x="631" y="307"/>
                      </a:lnTo>
                      <a:lnTo>
                        <a:pt x="631" y="303"/>
                      </a:lnTo>
                      <a:lnTo>
                        <a:pt x="629" y="299"/>
                      </a:lnTo>
                      <a:lnTo>
                        <a:pt x="631" y="296"/>
                      </a:lnTo>
                      <a:lnTo>
                        <a:pt x="631" y="292"/>
                      </a:lnTo>
                      <a:lnTo>
                        <a:pt x="632" y="286"/>
                      </a:lnTo>
                      <a:lnTo>
                        <a:pt x="634" y="284"/>
                      </a:lnTo>
                      <a:lnTo>
                        <a:pt x="636" y="281"/>
                      </a:lnTo>
                      <a:lnTo>
                        <a:pt x="638" y="281"/>
                      </a:lnTo>
                      <a:lnTo>
                        <a:pt x="640" y="275"/>
                      </a:lnTo>
                      <a:lnTo>
                        <a:pt x="643" y="273"/>
                      </a:lnTo>
                      <a:lnTo>
                        <a:pt x="645" y="273"/>
                      </a:lnTo>
                      <a:lnTo>
                        <a:pt x="647" y="273"/>
                      </a:lnTo>
                      <a:lnTo>
                        <a:pt x="649" y="273"/>
                      </a:lnTo>
                      <a:lnTo>
                        <a:pt x="651" y="273"/>
                      </a:lnTo>
                      <a:lnTo>
                        <a:pt x="651" y="271"/>
                      </a:lnTo>
                      <a:lnTo>
                        <a:pt x="653" y="273"/>
                      </a:lnTo>
                      <a:lnTo>
                        <a:pt x="655" y="273"/>
                      </a:lnTo>
                      <a:lnTo>
                        <a:pt x="656" y="273"/>
                      </a:lnTo>
                      <a:lnTo>
                        <a:pt x="656" y="271"/>
                      </a:lnTo>
                      <a:lnTo>
                        <a:pt x="656" y="273"/>
                      </a:lnTo>
                      <a:lnTo>
                        <a:pt x="658" y="273"/>
                      </a:lnTo>
                      <a:lnTo>
                        <a:pt x="658" y="271"/>
                      </a:lnTo>
                      <a:lnTo>
                        <a:pt x="660" y="271"/>
                      </a:lnTo>
                      <a:lnTo>
                        <a:pt x="662" y="271"/>
                      </a:lnTo>
                      <a:lnTo>
                        <a:pt x="664" y="271"/>
                      </a:lnTo>
                      <a:lnTo>
                        <a:pt x="666" y="271"/>
                      </a:lnTo>
                      <a:lnTo>
                        <a:pt x="667" y="271"/>
                      </a:lnTo>
                      <a:lnTo>
                        <a:pt x="667" y="270"/>
                      </a:lnTo>
                      <a:lnTo>
                        <a:pt x="669" y="270"/>
                      </a:lnTo>
                      <a:lnTo>
                        <a:pt x="671" y="270"/>
                      </a:lnTo>
                      <a:lnTo>
                        <a:pt x="673" y="270"/>
                      </a:lnTo>
                      <a:lnTo>
                        <a:pt x="675" y="270"/>
                      </a:lnTo>
                      <a:lnTo>
                        <a:pt x="675" y="268"/>
                      </a:lnTo>
                      <a:lnTo>
                        <a:pt x="677" y="268"/>
                      </a:lnTo>
                      <a:lnTo>
                        <a:pt x="679" y="268"/>
                      </a:lnTo>
                      <a:lnTo>
                        <a:pt x="680" y="266"/>
                      </a:lnTo>
                      <a:lnTo>
                        <a:pt x="682" y="264"/>
                      </a:lnTo>
                      <a:lnTo>
                        <a:pt x="682" y="262"/>
                      </a:lnTo>
                      <a:lnTo>
                        <a:pt x="684" y="259"/>
                      </a:lnTo>
                      <a:lnTo>
                        <a:pt x="686" y="255"/>
                      </a:lnTo>
                      <a:lnTo>
                        <a:pt x="686" y="253"/>
                      </a:lnTo>
                      <a:lnTo>
                        <a:pt x="688" y="253"/>
                      </a:lnTo>
                      <a:lnTo>
                        <a:pt x="688" y="251"/>
                      </a:lnTo>
                      <a:lnTo>
                        <a:pt x="690" y="251"/>
                      </a:lnTo>
                      <a:lnTo>
                        <a:pt x="690" y="249"/>
                      </a:lnTo>
                      <a:lnTo>
                        <a:pt x="692" y="249"/>
                      </a:lnTo>
                      <a:lnTo>
                        <a:pt x="692" y="247"/>
                      </a:lnTo>
                      <a:lnTo>
                        <a:pt x="693" y="247"/>
                      </a:lnTo>
                      <a:lnTo>
                        <a:pt x="695" y="246"/>
                      </a:lnTo>
                      <a:lnTo>
                        <a:pt x="697" y="246"/>
                      </a:lnTo>
                      <a:lnTo>
                        <a:pt x="699" y="246"/>
                      </a:lnTo>
                      <a:lnTo>
                        <a:pt x="699" y="244"/>
                      </a:lnTo>
                      <a:lnTo>
                        <a:pt x="701" y="244"/>
                      </a:lnTo>
                      <a:lnTo>
                        <a:pt x="703" y="244"/>
                      </a:lnTo>
                      <a:lnTo>
                        <a:pt x="704" y="242"/>
                      </a:lnTo>
                      <a:lnTo>
                        <a:pt x="704" y="240"/>
                      </a:lnTo>
                      <a:lnTo>
                        <a:pt x="717" y="238"/>
                      </a:lnTo>
                      <a:lnTo>
                        <a:pt x="719" y="236"/>
                      </a:lnTo>
                      <a:lnTo>
                        <a:pt x="719" y="234"/>
                      </a:lnTo>
                      <a:lnTo>
                        <a:pt x="721" y="233"/>
                      </a:lnTo>
                      <a:lnTo>
                        <a:pt x="723" y="233"/>
                      </a:lnTo>
                      <a:lnTo>
                        <a:pt x="725" y="233"/>
                      </a:lnTo>
                      <a:lnTo>
                        <a:pt x="727" y="234"/>
                      </a:lnTo>
                      <a:lnTo>
                        <a:pt x="728" y="234"/>
                      </a:lnTo>
                      <a:lnTo>
                        <a:pt x="730" y="234"/>
                      </a:lnTo>
                      <a:lnTo>
                        <a:pt x="732" y="234"/>
                      </a:lnTo>
                      <a:lnTo>
                        <a:pt x="734" y="233"/>
                      </a:lnTo>
                      <a:lnTo>
                        <a:pt x="736" y="231"/>
                      </a:lnTo>
                      <a:lnTo>
                        <a:pt x="738" y="229"/>
                      </a:lnTo>
                      <a:lnTo>
                        <a:pt x="740" y="229"/>
                      </a:lnTo>
                      <a:lnTo>
                        <a:pt x="741" y="227"/>
                      </a:lnTo>
                      <a:lnTo>
                        <a:pt x="745" y="229"/>
                      </a:lnTo>
                      <a:lnTo>
                        <a:pt x="747" y="227"/>
                      </a:lnTo>
                      <a:lnTo>
                        <a:pt x="745" y="227"/>
                      </a:lnTo>
                      <a:lnTo>
                        <a:pt x="745" y="225"/>
                      </a:lnTo>
                      <a:lnTo>
                        <a:pt x="745" y="223"/>
                      </a:lnTo>
                      <a:lnTo>
                        <a:pt x="747" y="223"/>
                      </a:lnTo>
                      <a:lnTo>
                        <a:pt x="747" y="222"/>
                      </a:lnTo>
                      <a:lnTo>
                        <a:pt x="745" y="222"/>
                      </a:lnTo>
                      <a:lnTo>
                        <a:pt x="745" y="220"/>
                      </a:lnTo>
                      <a:lnTo>
                        <a:pt x="743" y="220"/>
                      </a:lnTo>
                      <a:lnTo>
                        <a:pt x="743" y="218"/>
                      </a:lnTo>
                      <a:lnTo>
                        <a:pt x="743" y="216"/>
                      </a:lnTo>
                      <a:lnTo>
                        <a:pt x="741" y="216"/>
                      </a:lnTo>
                      <a:lnTo>
                        <a:pt x="740" y="216"/>
                      </a:lnTo>
                      <a:lnTo>
                        <a:pt x="738" y="216"/>
                      </a:lnTo>
                      <a:lnTo>
                        <a:pt x="736" y="214"/>
                      </a:lnTo>
                      <a:lnTo>
                        <a:pt x="734" y="212"/>
                      </a:lnTo>
                      <a:lnTo>
                        <a:pt x="734" y="210"/>
                      </a:lnTo>
                      <a:lnTo>
                        <a:pt x="732" y="205"/>
                      </a:lnTo>
                      <a:lnTo>
                        <a:pt x="736" y="203"/>
                      </a:lnTo>
                      <a:lnTo>
                        <a:pt x="740" y="201"/>
                      </a:lnTo>
                      <a:lnTo>
                        <a:pt x="743" y="194"/>
                      </a:lnTo>
                      <a:lnTo>
                        <a:pt x="747" y="192"/>
                      </a:lnTo>
                      <a:lnTo>
                        <a:pt x="747" y="194"/>
                      </a:lnTo>
                      <a:lnTo>
                        <a:pt x="749" y="194"/>
                      </a:lnTo>
                      <a:lnTo>
                        <a:pt x="751" y="194"/>
                      </a:lnTo>
                      <a:lnTo>
                        <a:pt x="751" y="192"/>
                      </a:lnTo>
                      <a:lnTo>
                        <a:pt x="753" y="190"/>
                      </a:lnTo>
                      <a:lnTo>
                        <a:pt x="751" y="188"/>
                      </a:lnTo>
                      <a:lnTo>
                        <a:pt x="753" y="186"/>
                      </a:lnTo>
                      <a:lnTo>
                        <a:pt x="751" y="185"/>
                      </a:lnTo>
                      <a:lnTo>
                        <a:pt x="754" y="183"/>
                      </a:lnTo>
                      <a:lnTo>
                        <a:pt x="756" y="181"/>
                      </a:lnTo>
                      <a:lnTo>
                        <a:pt x="758" y="181"/>
                      </a:lnTo>
                      <a:lnTo>
                        <a:pt x="760" y="181"/>
                      </a:lnTo>
                      <a:lnTo>
                        <a:pt x="765" y="186"/>
                      </a:lnTo>
                      <a:lnTo>
                        <a:pt x="767" y="188"/>
                      </a:lnTo>
                      <a:lnTo>
                        <a:pt x="771" y="190"/>
                      </a:lnTo>
                      <a:lnTo>
                        <a:pt x="773" y="192"/>
                      </a:lnTo>
                      <a:lnTo>
                        <a:pt x="773" y="194"/>
                      </a:lnTo>
                      <a:lnTo>
                        <a:pt x="775" y="194"/>
                      </a:lnTo>
                      <a:lnTo>
                        <a:pt x="777" y="192"/>
                      </a:lnTo>
                      <a:lnTo>
                        <a:pt x="780" y="190"/>
                      </a:lnTo>
                      <a:lnTo>
                        <a:pt x="782" y="194"/>
                      </a:lnTo>
                      <a:lnTo>
                        <a:pt x="784" y="196"/>
                      </a:lnTo>
                      <a:lnTo>
                        <a:pt x="786" y="197"/>
                      </a:lnTo>
                      <a:lnTo>
                        <a:pt x="788" y="199"/>
                      </a:lnTo>
                      <a:lnTo>
                        <a:pt x="788" y="197"/>
                      </a:lnTo>
                      <a:lnTo>
                        <a:pt x="789" y="197"/>
                      </a:lnTo>
                      <a:lnTo>
                        <a:pt x="789" y="196"/>
                      </a:lnTo>
                      <a:lnTo>
                        <a:pt x="791" y="196"/>
                      </a:lnTo>
                      <a:lnTo>
                        <a:pt x="793" y="196"/>
                      </a:lnTo>
                      <a:lnTo>
                        <a:pt x="795" y="194"/>
                      </a:lnTo>
                      <a:lnTo>
                        <a:pt x="797" y="194"/>
                      </a:lnTo>
                      <a:lnTo>
                        <a:pt x="799" y="194"/>
                      </a:lnTo>
                      <a:lnTo>
                        <a:pt x="801" y="192"/>
                      </a:lnTo>
                      <a:lnTo>
                        <a:pt x="802" y="192"/>
                      </a:lnTo>
                      <a:lnTo>
                        <a:pt x="802" y="190"/>
                      </a:lnTo>
                      <a:lnTo>
                        <a:pt x="804" y="192"/>
                      </a:lnTo>
                      <a:lnTo>
                        <a:pt x="806" y="192"/>
                      </a:lnTo>
                      <a:lnTo>
                        <a:pt x="808" y="192"/>
                      </a:lnTo>
                      <a:lnTo>
                        <a:pt x="808" y="190"/>
                      </a:lnTo>
                      <a:lnTo>
                        <a:pt x="810" y="190"/>
                      </a:lnTo>
                      <a:lnTo>
                        <a:pt x="810" y="188"/>
                      </a:lnTo>
                      <a:lnTo>
                        <a:pt x="812" y="188"/>
                      </a:lnTo>
                      <a:lnTo>
                        <a:pt x="814" y="188"/>
                      </a:lnTo>
                      <a:lnTo>
                        <a:pt x="814" y="186"/>
                      </a:lnTo>
                      <a:lnTo>
                        <a:pt x="815" y="186"/>
                      </a:lnTo>
                      <a:lnTo>
                        <a:pt x="817" y="186"/>
                      </a:lnTo>
                      <a:lnTo>
                        <a:pt x="819" y="185"/>
                      </a:lnTo>
                      <a:lnTo>
                        <a:pt x="821" y="185"/>
                      </a:lnTo>
                      <a:lnTo>
                        <a:pt x="821" y="183"/>
                      </a:lnTo>
                      <a:lnTo>
                        <a:pt x="823" y="183"/>
                      </a:lnTo>
                      <a:lnTo>
                        <a:pt x="823" y="181"/>
                      </a:lnTo>
                      <a:lnTo>
                        <a:pt x="825" y="179"/>
                      </a:lnTo>
                      <a:lnTo>
                        <a:pt x="823" y="173"/>
                      </a:lnTo>
                      <a:lnTo>
                        <a:pt x="823" y="172"/>
                      </a:lnTo>
                      <a:lnTo>
                        <a:pt x="825" y="172"/>
                      </a:lnTo>
                      <a:lnTo>
                        <a:pt x="825" y="170"/>
                      </a:lnTo>
                      <a:lnTo>
                        <a:pt x="826" y="170"/>
                      </a:lnTo>
                      <a:lnTo>
                        <a:pt x="826" y="168"/>
                      </a:lnTo>
                      <a:lnTo>
                        <a:pt x="828" y="168"/>
                      </a:lnTo>
                      <a:lnTo>
                        <a:pt x="830" y="168"/>
                      </a:lnTo>
                      <a:lnTo>
                        <a:pt x="830" y="166"/>
                      </a:lnTo>
                      <a:lnTo>
                        <a:pt x="832" y="166"/>
                      </a:lnTo>
                      <a:lnTo>
                        <a:pt x="834" y="166"/>
                      </a:lnTo>
                      <a:lnTo>
                        <a:pt x="836" y="166"/>
                      </a:lnTo>
                      <a:lnTo>
                        <a:pt x="838" y="164"/>
                      </a:lnTo>
                      <a:lnTo>
                        <a:pt x="841" y="162"/>
                      </a:lnTo>
                      <a:lnTo>
                        <a:pt x="843" y="162"/>
                      </a:lnTo>
                      <a:lnTo>
                        <a:pt x="845" y="162"/>
                      </a:lnTo>
                      <a:lnTo>
                        <a:pt x="847" y="162"/>
                      </a:lnTo>
                      <a:lnTo>
                        <a:pt x="849" y="162"/>
                      </a:lnTo>
                      <a:lnTo>
                        <a:pt x="849" y="164"/>
                      </a:lnTo>
                      <a:lnTo>
                        <a:pt x="850" y="164"/>
                      </a:lnTo>
                      <a:lnTo>
                        <a:pt x="852" y="162"/>
                      </a:lnTo>
                      <a:lnTo>
                        <a:pt x="850" y="160"/>
                      </a:lnTo>
                      <a:lnTo>
                        <a:pt x="849" y="160"/>
                      </a:lnTo>
                      <a:lnTo>
                        <a:pt x="850" y="160"/>
                      </a:lnTo>
                      <a:lnTo>
                        <a:pt x="852" y="159"/>
                      </a:lnTo>
                      <a:lnTo>
                        <a:pt x="852" y="157"/>
                      </a:lnTo>
                      <a:lnTo>
                        <a:pt x="852" y="155"/>
                      </a:lnTo>
                      <a:lnTo>
                        <a:pt x="854" y="153"/>
                      </a:lnTo>
                      <a:lnTo>
                        <a:pt x="856" y="153"/>
                      </a:lnTo>
                      <a:lnTo>
                        <a:pt x="858" y="153"/>
                      </a:lnTo>
                      <a:lnTo>
                        <a:pt x="858" y="151"/>
                      </a:lnTo>
                      <a:lnTo>
                        <a:pt x="860" y="151"/>
                      </a:lnTo>
                      <a:lnTo>
                        <a:pt x="858" y="148"/>
                      </a:lnTo>
                      <a:lnTo>
                        <a:pt x="856" y="146"/>
                      </a:lnTo>
                      <a:lnTo>
                        <a:pt x="854" y="146"/>
                      </a:lnTo>
                      <a:lnTo>
                        <a:pt x="852" y="144"/>
                      </a:lnTo>
                      <a:lnTo>
                        <a:pt x="852" y="142"/>
                      </a:lnTo>
                      <a:lnTo>
                        <a:pt x="850" y="142"/>
                      </a:lnTo>
                      <a:lnTo>
                        <a:pt x="850" y="140"/>
                      </a:lnTo>
                      <a:lnTo>
                        <a:pt x="849" y="140"/>
                      </a:lnTo>
                      <a:lnTo>
                        <a:pt x="849" y="138"/>
                      </a:lnTo>
                      <a:lnTo>
                        <a:pt x="847" y="136"/>
                      </a:lnTo>
                      <a:lnTo>
                        <a:pt x="847" y="135"/>
                      </a:lnTo>
                      <a:lnTo>
                        <a:pt x="845" y="133"/>
                      </a:lnTo>
                      <a:lnTo>
                        <a:pt x="843" y="131"/>
                      </a:lnTo>
                      <a:lnTo>
                        <a:pt x="845" y="129"/>
                      </a:lnTo>
                      <a:lnTo>
                        <a:pt x="845" y="127"/>
                      </a:lnTo>
                      <a:lnTo>
                        <a:pt x="845" y="125"/>
                      </a:lnTo>
                      <a:lnTo>
                        <a:pt x="843" y="123"/>
                      </a:lnTo>
                      <a:lnTo>
                        <a:pt x="843" y="122"/>
                      </a:lnTo>
                      <a:lnTo>
                        <a:pt x="843" y="120"/>
                      </a:lnTo>
                      <a:lnTo>
                        <a:pt x="841" y="120"/>
                      </a:lnTo>
                      <a:lnTo>
                        <a:pt x="841" y="118"/>
                      </a:lnTo>
                      <a:lnTo>
                        <a:pt x="841" y="116"/>
                      </a:lnTo>
                      <a:lnTo>
                        <a:pt x="839" y="114"/>
                      </a:lnTo>
                      <a:lnTo>
                        <a:pt x="839" y="109"/>
                      </a:lnTo>
                      <a:lnTo>
                        <a:pt x="838" y="107"/>
                      </a:lnTo>
                      <a:lnTo>
                        <a:pt x="839" y="105"/>
                      </a:lnTo>
                      <a:lnTo>
                        <a:pt x="839" y="103"/>
                      </a:lnTo>
                      <a:lnTo>
                        <a:pt x="841" y="103"/>
                      </a:lnTo>
                      <a:lnTo>
                        <a:pt x="841" y="101"/>
                      </a:lnTo>
                      <a:lnTo>
                        <a:pt x="843" y="103"/>
                      </a:lnTo>
                      <a:lnTo>
                        <a:pt x="843" y="101"/>
                      </a:lnTo>
                      <a:lnTo>
                        <a:pt x="843" y="99"/>
                      </a:lnTo>
                      <a:lnTo>
                        <a:pt x="845" y="99"/>
                      </a:lnTo>
                      <a:lnTo>
                        <a:pt x="845" y="98"/>
                      </a:lnTo>
                      <a:lnTo>
                        <a:pt x="847" y="98"/>
                      </a:lnTo>
                      <a:lnTo>
                        <a:pt x="847" y="96"/>
                      </a:lnTo>
                      <a:lnTo>
                        <a:pt x="849" y="96"/>
                      </a:lnTo>
                      <a:lnTo>
                        <a:pt x="849" y="94"/>
                      </a:lnTo>
                      <a:lnTo>
                        <a:pt x="850" y="94"/>
                      </a:lnTo>
                      <a:lnTo>
                        <a:pt x="850" y="92"/>
                      </a:lnTo>
                      <a:lnTo>
                        <a:pt x="852" y="92"/>
                      </a:lnTo>
                      <a:lnTo>
                        <a:pt x="852" y="90"/>
                      </a:lnTo>
                      <a:lnTo>
                        <a:pt x="854" y="90"/>
                      </a:lnTo>
                      <a:lnTo>
                        <a:pt x="852" y="90"/>
                      </a:lnTo>
                      <a:lnTo>
                        <a:pt x="852" y="88"/>
                      </a:lnTo>
                      <a:lnTo>
                        <a:pt x="854" y="88"/>
                      </a:lnTo>
                      <a:lnTo>
                        <a:pt x="854" y="86"/>
                      </a:lnTo>
                      <a:lnTo>
                        <a:pt x="854" y="85"/>
                      </a:lnTo>
                      <a:lnTo>
                        <a:pt x="852" y="85"/>
                      </a:lnTo>
                      <a:lnTo>
                        <a:pt x="852" y="83"/>
                      </a:lnTo>
                      <a:lnTo>
                        <a:pt x="852" y="85"/>
                      </a:lnTo>
                      <a:lnTo>
                        <a:pt x="850" y="83"/>
                      </a:lnTo>
                      <a:lnTo>
                        <a:pt x="852" y="83"/>
                      </a:lnTo>
                      <a:lnTo>
                        <a:pt x="854" y="83"/>
                      </a:lnTo>
                      <a:lnTo>
                        <a:pt x="856" y="83"/>
                      </a:lnTo>
                      <a:lnTo>
                        <a:pt x="856" y="85"/>
                      </a:lnTo>
                      <a:lnTo>
                        <a:pt x="856" y="83"/>
                      </a:lnTo>
                      <a:lnTo>
                        <a:pt x="858" y="83"/>
                      </a:lnTo>
                      <a:lnTo>
                        <a:pt x="858" y="81"/>
                      </a:lnTo>
                      <a:lnTo>
                        <a:pt x="858" y="79"/>
                      </a:lnTo>
                      <a:lnTo>
                        <a:pt x="858" y="77"/>
                      </a:lnTo>
                      <a:lnTo>
                        <a:pt x="858" y="75"/>
                      </a:lnTo>
                      <a:lnTo>
                        <a:pt x="860" y="75"/>
                      </a:lnTo>
                      <a:lnTo>
                        <a:pt x="860" y="74"/>
                      </a:lnTo>
                      <a:lnTo>
                        <a:pt x="862" y="74"/>
                      </a:lnTo>
                      <a:lnTo>
                        <a:pt x="863" y="74"/>
                      </a:lnTo>
                      <a:lnTo>
                        <a:pt x="863" y="72"/>
                      </a:lnTo>
                      <a:lnTo>
                        <a:pt x="865" y="72"/>
                      </a:lnTo>
                      <a:lnTo>
                        <a:pt x="865" y="70"/>
                      </a:lnTo>
                      <a:lnTo>
                        <a:pt x="865" y="68"/>
                      </a:lnTo>
                      <a:lnTo>
                        <a:pt x="867" y="68"/>
                      </a:lnTo>
                      <a:lnTo>
                        <a:pt x="869" y="68"/>
                      </a:lnTo>
                      <a:lnTo>
                        <a:pt x="869" y="70"/>
                      </a:lnTo>
                      <a:lnTo>
                        <a:pt x="871" y="70"/>
                      </a:lnTo>
                      <a:lnTo>
                        <a:pt x="871" y="72"/>
                      </a:lnTo>
                      <a:lnTo>
                        <a:pt x="873" y="72"/>
                      </a:lnTo>
                      <a:lnTo>
                        <a:pt x="875" y="74"/>
                      </a:lnTo>
                      <a:lnTo>
                        <a:pt x="876" y="74"/>
                      </a:lnTo>
                      <a:lnTo>
                        <a:pt x="876" y="75"/>
                      </a:lnTo>
                      <a:lnTo>
                        <a:pt x="878" y="75"/>
                      </a:lnTo>
                      <a:lnTo>
                        <a:pt x="878" y="77"/>
                      </a:lnTo>
                      <a:lnTo>
                        <a:pt x="878" y="79"/>
                      </a:lnTo>
                      <a:lnTo>
                        <a:pt x="878" y="83"/>
                      </a:lnTo>
                      <a:lnTo>
                        <a:pt x="880" y="85"/>
                      </a:lnTo>
                      <a:lnTo>
                        <a:pt x="880" y="86"/>
                      </a:lnTo>
                      <a:lnTo>
                        <a:pt x="878" y="86"/>
                      </a:lnTo>
                      <a:lnTo>
                        <a:pt x="878" y="88"/>
                      </a:lnTo>
                      <a:lnTo>
                        <a:pt x="876" y="90"/>
                      </a:lnTo>
                      <a:lnTo>
                        <a:pt x="878" y="90"/>
                      </a:lnTo>
                      <a:lnTo>
                        <a:pt x="880" y="90"/>
                      </a:lnTo>
                      <a:lnTo>
                        <a:pt x="880" y="92"/>
                      </a:lnTo>
                      <a:lnTo>
                        <a:pt x="882" y="92"/>
                      </a:lnTo>
                      <a:lnTo>
                        <a:pt x="882" y="94"/>
                      </a:lnTo>
                      <a:lnTo>
                        <a:pt x="884" y="94"/>
                      </a:lnTo>
                      <a:lnTo>
                        <a:pt x="884" y="96"/>
                      </a:lnTo>
                      <a:lnTo>
                        <a:pt x="886" y="96"/>
                      </a:lnTo>
                      <a:lnTo>
                        <a:pt x="886" y="98"/>
                      </a:lnTo>
                      <a:lnTo>
                        <a:pt x="886" y="99"/>
                      </a:lnTo>
                      <a:lnTo>
                        <a:pt x="887" y="101"/>
                      </a:lnTo>
                      <a:lnTo>
                        <a:pt x="887" y="103"/>
                      </a:lnTo>
                      <a:lnTo>
                        <a:pt x="887" y="105"/>
                      </a:lnTo>
                      <a:lnTo>
                        <a:pt x="889" y="105"/>
                      </a:lnTo>
                      <a:lnTo>
                        <a:pt x="889" y="107"/>
                      </a:lnTo>
                      <a:lnTo>
                        <a:pt x="889" y="109"/>
                      </a:lnTo>
                      <a:lnTo>
                        <a:pt x="889" y="111"/>
                      </a:lnTo>
                      <a:lnTo>
                        <a:pt x="889" y="112"/>
                      </a:lnTo>
                      <a:lnTo>
                        <a:pt x="889" y="114"/>
                      </a:lnTo>
                      <a:lnTo>
                        <a:pt x="889" y="116"/>
                      </a:lnTo>
                      <a:lnTo>
                        <a:pt x="889" y="118"/>
                      </a:lnTo>
                      <a:lnTo>
                        <a:pt x="889" y="120"/>
                      </a:lnTo>
                      <a:lnTo>
                        <a:pt x="889" y="122"/>
                      </a:lnTo>
                      <a:lnTo>
                        <a:pt x="891" y="123"/>
                      </a:lnTo>
                      <a:lnTo>
                        <a:pt x="891" y="125"/>
                      </a:lnTo>
                      <a:lnTo>
                        <a:pt x="893" y="127"/>
                      </a:lnTo>
                      <a:lnTo>
                        <a:pt x="893" y="129"/>
                      </a:lnTo>
                      <a:lnTo>
                        <a:pt x="891" y="129"/>
                      </a:lnTo>
                      <a:lnTo>
                        <a:pt x="891" y="131"/>
                      </a:lnTo>
                      <a:lnTo>
                        <a:pt x="893" y="131"/>
                      </a:lnTo>
                      <a:lnTo>
                        <a:pt x="893" y="133"/>
                      </a:lnTo>
                      <a:lnTo>
                        <a:pt x="895" y="135"/>
                      </a:lnTo>
                      <a:lnTo>
                        <a:pt x="893" y="135"/>
                      </a:lnTo>
                      <a:lnTo>
                        <a:pt x="895" y="136"/>
                      </a:lnTo>
                      <a:lnTo>
                        <a:pt x="893" y="136"/>
                      </a:lnTo>
                      <a:lnTo>
                        <a:pt x="895" y="136"/>
                      </a:lnTo>
                      <a:lnTo>
                        <a:pt x="895" y="138"/>
                      </a:lnTo>
                      <a:lnTo>
                        <a:pt x="893" y="142"/>
                      </a:lnTo>
                      <a:lnTo>
                        <a:pt x="893" y="144"/>
                      </a:lnTo>
                      <a:lnTo>
                        <a:pt x="893" y="146"/>
                      </a:lnTo>
                      <a:lnTo>
                        <a:pt x="893" y="148"/>
                      </a:lnTo>
                      <a:lnTo>
                        <a:pt x="893" y="149"/>
                      </a:lnTo>
                      <a:lnTo>
                        <a:pt x="891" y="149"/>
                      </a:lnTo>
                      <a:lnTo>
                        <a:pt x="891" y="146"/>
                      </a:lnTo>
                      <a:lnTo>
                        <a:pt x="889" y="146"/>
                      </a:lnTo>
                      <a:lnTo>
                        <a:pt x="889" y="144"/>
                      </a:lnTo>
                      <a:lnTo>
                        <a:pt x="889" y="138"/>
                      </a:lnTo>
                      <a:lnTo>
                        <a:pt x="887" y="138"/>
                      </a:lnTo>
                      <a:lnTo>
                        <a:pt x="886" y="138"/>
                      </a:lnTo>
                      <a:lnTo>
                        <a:pt x="884" y="140"/>
                      </a:lnTo>
                      <a:lnTo>
                        <a:pt x="882" y="140"/>
                      </a:lnTo>
                      <a:lnTo>
                        <a:pt x="880" y="142"/>
                      </a:lnTo>
                      <a:lnTo>
                        <a:pt x="878" y="142"/>
                      </a:lnTo>
                      <a:lnTo>
                        <a:pt x="876" y="144"/>
                      </a:lnTo>
                      <a:lnTo>
                        <a:pt x="875" y="144"/>
                      </a:lnTo>
                      <a:lnTo>
                        <a:pt x="873" y="144"/>
                      </a:lnTo>
                      <a:lnTo>
                        <a:pt x="873" y="146"/>
                      </a:lnTo>
                      <a:lnTo>
                        <a:pt x="871" y="146"/>
                      </a:lnTo>
                      <a:lnTo>
                        <a:pt x="869" y="148"/>
                      </a:lnTo>
                      <a:lnTo>
                        <a:pt x="867" y="148"/>
                      </a:lnTo>
                      <a:lnTo>
                        <a:pt x="865" y="149"/>
                      </a:lnTo>
                      <a:lnTo>
                        <a:pt x="863" y="149"/>
                      </a:lnTo>
                      <a:lnTo>
                        <a:pt x="862" y="149"/>
                      </a:lnTo>
                      <a:lnTo>
                        <a:pt x="863" y="151"/>
                      </a:lnTo>
                      <a:lnTo>
                        <a:pt x="867" y="153"/>
                      </a:lnTo>
                      <a:lnTo>
                        <a:pt x="869" y="155"/>
                      </a:lnTo>
                      <a:lnTo>
                        <a:pt x="873" y="155"/>
                      </a:lnTo>
                      <a:lnTo>
                        <a:pt x="873" y="157"/>
                      </a:lnTo>
                      <a:lnTo>
                        <a:pt x="875" y="157"/>
                      </a:lnTo>
                      <a:lnTo>
                        <a:pt x="876" y="157"/>
                      </a:lnTo>
                      <a:lnTo>
                        <a:pt x="876" y="155"/>
                      </a:lnTo>
                      <a:lnTo>
                        <a:pt x="876" y="157"/>
                      </a:lnTo>
                      <a:lnTo>
                        <a:pt x="878" y="157"/>
                      </a:lnTo>
                      <a:lnTo>
                        <a:pt x="878" y="159"/>
                      </a:lnTo>
                      <a:lnTo>
                        <a:pt x="880" y="160"/>
                      </a:lnTo>
                      <a:lnTo>
                        <a:pt x="880" y="162"/>
                      </a:lnTo>
                      <a:lnTo>
                        <a:pt x="882" y="162"/>
                      </a:lnTo>
                      <a:lnTo>
                        <a:pt x="882" y="164"/>
                      </a:lnTo>
                      <a:lnTo>
                        <a:pt x="884" y="164"/>
                      </a:lnTo>
                      <a:lnTo>
                        <a:pt x="884" y="166"/>
                      </a:lnTo>
                      <a:lnTo>
                        <a:pt x="886" y="166"/>
                      </a:lnTo>
                      <a:lnTo>
                        <a:pt x="887" y="168"/>
                      </a:lnTo>
                      <a:lnTo>
                        <a:pt x="889" y="168"/>
                      </a:lnTo>
                      <a:lnTo>
                        <a:pt x="889" y="166"/>
                      </a:lnTo>
                      <a:lnTo>
                        <a:pt x="891" y="166"/>
                      </a:lnTo>
                      <a:lnTo>
                        <a:pt x="893" y="166"/>
                      </a:lnTo>
                      <a:lnTo>
                        <a:pt x="893" y="168"/>
                      </a:lnTo>
                      <a:lnTo>
                        <a:pt x="895" y="168"/>
                      </a:lnTo>
                      <a:lnTo>
                        <a:pt x="897" y="168"/>
                      </a:lnTo>
                      <a:lnTo>
                        <a:pt x="897" y="166"/>
                      </a:lnTo>
                      <a:lnTo>
                        <a:pt x="899" y="166"/>
                      </a:lnTo>
                      <a:lnTo>
                        <a:pt x="899" y="168"/>
                      </a:lnTo>
                      <a:lnTo>
                        <a:pt x="899" y="170"/>
                      </a:lnTo>
                      <a:lnTo>
                        <a:pt x="899" y="172"/>
                      </a:lnTo>
                      <a:lnTo>
                        <a:pt x="900" y="172"/>
                      </a:lnTo>
                      <a:lnTo>
                        <a:pt x="902" y="173"/>
                      </a:lnTo>
                      <a:lnTo>
                        <a:pt x="904" y="173"/>
                      </a:lnTo>
                      <a:lnTo>
                        <a:pt x="906" y="173"/>
                      </a:lnTo>
                      <a:lnTo>
                        <a:pt x="908" y="173"/>
                      </a:lnTo>
                      <a:lnTo>
                        <a:pt x="908" y="175"/>
                      </a:lnTo>
                      <a:lnTo>
                        <a:pt x="910" y="175"/>
                      </a:lnTo>
                      <a:lnTo>
                        <a:pt x="911" y="175"/>
                      </a:lnTo>
                      <a:lnTo>
                        <a:pt x="913" y="175"/>
                      </a:lnTo>
                      <a:lnTo>
                        <a:pt x="915" y="175"/>
                      </a:lnTo>
                      <a:lnTo>
                        <a:pt x="917" y="177"/>
                      </a:lnTo>
                      <a:lnTo>
                        <a:pt x="917" y="179"/>
                      </a:lnTo>
                      <a:lnTo>
                        <a:pt x="919" y="179"/>
                      </a:lnTo>
                      <a:lnTo>
                        <a:pt x="919" y="181"/>
                      </a:lnTo>
                      <a:lnTo>
                        <a:pt x="921" y="181"/>
                      </a:lnTo>
                      <a:lnTo>
                        <a:pt x="923" y="181"/>
                      </a:lnTo>
                      <a:lnTo>
                        <a:pt x="923" y="183"/>
                      </a:lnTo>
                      <a:lnTo>
                        <a:pt x="923" y="185"/>
                      </a:lnTo>
                      <a:lnTo>
                        <a:pt x="924" y="185"/>
                      </a:lnTo>
                      <a:lnTo>
                        <a:pt x="924" y="186"/>
                      </a:lnTo>
                      <a:lnTo>
                        <a:pt x="924" y="188"/>
                      </a:lnTo>
                      <a:lnTo>
                        <a:pt x="924" y="190"/>
                      </a:lnTo>
                      <a:lnTo>
                        <a:pt x="924" y="192"/>
                      </a:lnTo>
                      <a:lnTo>
                        <a:pt x="926" y="192"/>
                      </a:lnTo>
                      <a:lnTo>
                        <a:pt x="926" y="194"/>
                      </a:lnTo>
                      <a:lnTo>
                        <a:pt x="926" y="196"/>
                      </a:lnTo>
                      <a:lnTo>
                        <a:pt x="926" y="197"/>
                      </a:lnTo>
                      <a:lnTo>
                        <a:pt x="926" y="199"/>
                      </a:lnTo>
                      <a:lnTo>
                        <a:pt x="926" y="201"/>
                      </a:lnTo>
                      <a:lnTo>
                        <a:pt x="926" y="203"/>
                      </a:lnTo>
                      <a:lnTo>
                        <a:pt x="926" y="205"/>
                      </a:lnTo>
                      <a:lnTo>
                        <a:pt x="928" y="205"/>
                      </a:lnTo>
                      <a:lnTo>
                        <a:pt x="930" y="205"/>
                      </a:lnTo>
                      <a:lnTo>
                        <a:pt x="930" y="207"/>
                      </a:lnTo>
                      <a:lnTo>
                        <a:pt x="932" y="207"/>
                      </a:lnTo>
                      <a:lnTo>
                        <a:pt x="934" y="205"/>
                      </a:lnTo>
                      <a:lnTo>
                        <a:pt x="936" y="205"/>
                      </a:lnTo>
                      <a:lnTo>
                        <a:pt x="937" y="205"/>
                      </a:lnTo>
                      <a:lnTo>
                        <a:pt x="937" y="207"/>
                      </a:lnTo>
                      <a:lnTo>
                        <a:pt x="939" y="207"/>
                      </a:lnTo>
                      <a:lnTo>
                        <a:pt x="941" y="207"/>
                      </a:lnTo>
                      <a:lnTo>
                        <a:pt x="941" y="203"/>
                      </a:lnTo>
                      <a:lnTo>
                        <a:pt x="948" y="203"/>
                      </a:lnTo>
                      <a:lnTo>
                        <a:pt x="950" y="209"/>
                      </a:lnTo>
                      <a:lnTo>
                        <a:pt x="954" y="222"/>
                      </a:lnTo>
                      <a:lnTo>
                        <a:pt x="956" y="227"/>
                      </a:lnTo>
                      <a:lnTo>
                        <a:pt x="956" y="229"/>
                      </a:lnTo>
                      <a:lnTo>
                        <a:pt x="956" y="231"/>
                      </a:lnTo>
                      <a:lnTo>
                        <a:pt x="956" y="233"/>
                      </a:lnTo>
                      <a:lnTo>
                        <a:pt x="954" y="236"/>
                      </a:lnTo>
                      <a:lnTo>
                        <a:pt x="954" y="240"/>
                      </a:lnTo>
                      <a:lnTo>
                        <a:pt x="954" y="242"/>
                      </a:lnTo>
                      <a:lnTo>
                        <a:pt x="954" y="244"/>
                      </a:lnTo>
                      <a:lnTo>
                        <a:pt x="952" y="247"/>
                      </a:lnTo>
                      <a:lnTo>
                        <a:pt x="952" y="249"/>
                      </a:lnTo>
                      <a:lnTo>
                        <a:pt x="950" y="251"/>
                      </a:lnTo>
                      <a:lnTo>
                        <a:pt x="950" y="253"/>
                      </a:lnTo>
                      <a:lnTo>
                        <a:pt x="950" y="255"/>
                      </a:lnTo>
                      <a:lnTo>
                        <a:pt x="950" y="257"/>
                      </a:lnTo>
                      <a:lnTo>
                        <a:pt x="950" y="259"/>
                      </a:lnTo>
                      <a:lnTo>
                        <a:pt x="948" y="259"/>
                      </a:lnTo>
                      <a:lnTo>
                        <a:pt x="948" y="260"/>
                      </a:lnTo>
                      <a:lnTo>
                        <a:pt x="948" y="262"/>
                      </a:lnTo>
                      <a:lnTo>
                        <a:pt x="947" y="262"/>
                      </a:lnTo>
                      <a:lnTo>
                        <a:pt x="947" y="264"/>
                      </a:lnTo>
                      <a:lnTo>
                        <a:pt x="947" y="266"/>
                      </a:lnTo>
                      <a:lnTo>
                        <a:pt x="945" y="266"/>
                      </a:lnTo>
                      <a:lnTo>
                        <a:pt x="945" y="268"/>
                      </a:lnTo>
                      <a:lnTo>
                        <a:pt x="943" y="268"/>
                      </a:lnTo>
                      <a:lnTo>
                        <a:pt x="941" y="268"/>
                      </a:lnTo>
                      <a:lnTo>
                        <a:pt x="939" y="268"/>
                      </a:lnTo>
                      <a:lnTo>
                        <a:pt x="939" y="270"/>
                      </a:lnTo>
                      <a:lnTo>
                        <a:pt x="937" y="271"/>
                      </a:lnTo>
                      <a:lnTo>
                        <a:pt x="937" y="273"/>
                      </a:lnTo>
                      <a:lnTo>
                        <a:pt x="936" y="273"/>
                      </a:lnTo>
                      <a:lnTo>
                        <a:pt x="936" y="275"/>
                      </a:lnTo>
                      <a:lnTo>
                        <a:pt x="934" y="277"/>
                      </a:lnTo>
                      <a:lnTo>
                        <a:pt x="932" y="279"/>
                      </a:lnTo>
                      <a:lnTo>
                        <a:pt x="932" y="281"/>
                      </a:lnTo>
                      <a:lnTo>
                        <a:pt x="930" y="281"/>
                      </a:lnTo>
                      <a:lnTo>
                        <a:pt x="930" y="283"/>
                      </a:lnTo>
                      <a:lnTo>
                        <a:pt x="928" y="283"/>
                      </a:lnTo>
                      <a:lnTo>
                        <a:pt x="932" y="288"/>
                      </a:lnTo>
                      <a:lnTo>
                        <a:pt x="930" y="292"/>
                      </a:lnTo>
                      <a:lnTo>
                        <a:pt x="930" y="294"/>
                      </a:lnTo>
                      <a:lnTo>
                        <a:pt x="930" y="297"/>
                      </a:lnTo>
                      <a:lnTo>
                        <a:pt x="926" y="299"/>
                      </a:lnTo>
                      <a:lnTo>
                        <a:pt x="923" y="303"/>
                      </a:lnTo>
                      <a:lnTo>
                        <a:pt x="919" y="307"/>
                      </a:lnTo>
                      <a:lnTo>
                        <a:pt x="919" y="308"/>
                      </a:lnTo>
                      <a:lnTo>
                        <a:pt x="919" y="310"/>
                      </a:lnTo>
                      <a:lnTo>
                        <a:pt x="921" y="312"/>
                      </a:lnTo>
                      <a:lnTo>
                        <a:pt x="923" y="316"/>
                      </a:lnTo>
                      <a:lnTo>
                        <a:pt x="923" y="318"/>
                      </a:lnTo>
                      <a:lnTo>
                        <a:pt x="924" y="320"/>
                      </a:lnTo>
                      <a:lnTo>
                        <a:pt x="923" y="320"/>
                      </a:lnTo>
                      <a:lnTo>
                        <a:pt x="921" y="323"/>
                      </a:lnTo>
                      <a:lnTo>
                        <a:pt x="917" y="325"/>
                      </a:lnTo>
                      <a:lnTo>
                        <a:pt x="915" y="329"/>
                      </a:lnTo>
                      <a:lnTo>
                        <a:pt x="915" y="327"/>
                      </a:lnTo>
                      <a:lnTo>
                        <a:pt x="913" y="329"/>
                      </a:lnTo>
                      <a:lnTo>
                        <a:pt x="911" y="329"/>
                      </a:lnTo>
                      <a:lnTo>
                        <a:pt x="910" y="331"/>
                      </a:lnTo>
                      <a:lnTo>
                        <a:pt x="908" y="331"/>
                      </a:lnTo>
                      <a:lnTo>
                        <a:pt x="906" y="331"/>
                      </a:lnTo>
                      <a:lnTo>
                        <a:pt x="902" y="332"/>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72" name="Freeform 212"/>
                <p:cNvSpPr>
                  <a:spLocks/>
                </p:cNvSpPr>
                <p:nvPr/>
              </p:nvSpPr>
              <p:spPr bwMode="auto">
                <a:xfrm>
                  <a:off x="4319587" y="1223962"/>
                  <a:ext cx="255588" cy="174625"/>
                </a:xfrm>
                <a:custGeom>
                  <a:avLst/>
                  <a:gdLst>
                    <a:gd name="T0" fmla="*/ 109 w 161"/>
                    <a:gd name="T1" fmla="*/ 26 h 110"/>
                    <a:gd name="T2" fmla="*/ 109 w 161"/>
                    <a:gd name="T3" fmla="*/ 24 h 110"/>
                    <a:gd name="T4" fmla="*/ 113 w 161"/>
                    <a:gd name="T5" fmla="*/ 19 h 110"/>
                    <a:gd name="T6" fmla="*/ 126 w 161"/>
                    <a:gd name="T7" fmla="*/ 12 h 110"/>
                    <a:gd name="T8" fmla="*/ 122 w 161"/>
                    <a:gd name="T9" fmla="*/ 4 h 110"/>
                    <a:gd name="T10" fmla="*/ 126 w 161"/>
                    <a:gd name="T11" fmla="*/ 0 h 110"/>
                    <a:gd name="T12" fmla="*/ 131 w 161"/>
                    <a:gd name="T13" fmla="*/ 10 h 110"/>
                    <a:gd name="T14" fmla="*/ 137 w 161"/>
                    <a:gd name="T15" fmla="*/ 12 h 110"/>
                    <a:gd name="T16" fmla="*/ 141 w 161"/>
                    <a:gd name="T17" fmla="*/ 12 h 110"/>
                    <a:gd name="T18" fmla="*/ 146 w 161"/>
                    <a:gd name="T19" fmla="*/ 12 h 110"/>
                    <a:gd name="T20" fmla="*/ 150 w 161"/>
                    <a:gd name="T21" fmla="*/ 12 h 110"/>
                    <a:gd name="T22" fmla="*/ 155 w 161"/>
                    <a:gd name="T23" fmla="*/ 15 h 110"/>
                    <a:gd name="T24" fmla="*/ 159 w 161"/>
                    <a:gd name="T25" fmla="*/ 30 h 110"/>
                    <a:gd name="T26" fmla="*/ 161 w 161"/>
                    <a:gd name="T27" fmla="*/ 39 h 110"/>
                    <a:gd name="T28" fmla="*/ 153 w 161"/>
                    <a:gd name="T29" fmla="*/ 50 h 110"/>
                    <a:gd name="T30" fmla="*/ 150 w 161"/>
                    <a:gd name="T31" fmla="*/ 54 h 110"/>
                    <a:gd name="T32" fmla="*/ 150 w 161"/>
                    <a:gd name="T33" fmla="*/ 71 h 110"/>
                    <a:gd name="T34" fmla="*/ 150 w 161"/>
                    <a:gd name="T35" fmla="*/ 76 h 110"/>
                    <a:gd name="T36" fmla="*/ 152 w 161"/>
                    <a:gd name="T37" fmla="*/ 86 h 110"/>
                    <a:gd name="T38" fmla="*/ 131 w 161"/>
                    <a:gd name="T39" fmla="*/ 86 h 110"/>
                    <a:gd name="T40" fmla="*/ 124 w 161"/>
                    <a:gd name="T41" fmla="*/ 89 h 110"/>
                    <a:gd name="T42" fmla="*/ 120 w 161"/>
                    <a:gd name="T43" fmla="*/ 91 h 110"/>
                    <a:gd name="T44" fmla="*/ 113 w 161"/>
                    <a:gd name="T45" fmla="*/ 89 h 110"/>
                    <a:gd name="T46" fmla="*/ 104 w 161"/>
                    <a:gd name="T47" fmla="*/ 89 h 110"/>
                    <a:gd name="T48" fmla="*/ 96 w 161"/>
                    <a:gd name="T49" fmla="*/ 91 h 110"/>
                    <a:gd name="T50" fmla="*/ 92 w 161"/>
                    <a:gd name="T51" fmla="*/ 91 h 110"/>
                    <a:gd name="T52" fmla="*/ 89 w 161"/>
                    <a:gd name="T53" fmla="*/ 93 h 110"/>
                    <a:gd name="T54" fmla="*/ 81 w 161"/>
                    <a:gd name="T55" fmla="*/ 97 h 110"/>
                    <a:gd name="T56" fmla="*/ 74 w 161"/>
                    <a:gd name="T57" fmla="*/ 98 h 110"/>
                    <a:gd name="T58" fmla="*/ 61 w 161"/>
                    <a:gd name="T59" fmla="*/ 104 h 110"/>
                    <a:gd name="T60" fmla="*/ 54 w 161"/>
                    <a:gd name="T61" fmla="*/ 108 h 110"/>
                    <a:gd name="T62" fmla="*/ 46 w 161"/>
                    <a:gd name="T63" fmla="*/ 106 h 110"/>
                    <a:gd name="T64" fmla="*/ 39 w 161"/>
                    <a:gd name="T65" fmla="*/ 97 h 110"/>
                    <a:gd name="T66" fmla="*/ 35 w 161"/>
                    <a:gd name="T67" fmla="*/ 87 h 110"/>
                    <a:gd name="T68" fmla="*/ 35 w 161"/>
                    <a:gd name="T69" fmla="*/ 82 h 110"/>
                    <a:gd name="T70" fmla="*/ 39 w 161"/>
                    <a:gd name="T71" fmla="*/ 76 h 110"/>
                    <a:gd name="T72" fmla="*/ 43 w 161"/>
                    <a:gd name="T73" fmla="*/ 71 h 110"/>
                    <a:gd name="T74" fmla="*/ 48 w 161"/>
                    <a:gd name="T75" fmla="*/ 65 h 110"/>
                    <a:gd name="T76" fmla="*/ 46 w 161"/>
                    <a:gd name="T77" fmla="*/ 60 h 110"/>
                    <a:gd name="T78" fmla="*/ 39 w 161"/>
                    <a:gd name="T79" fmla="*/ 60 h 110"/>
                    <a:gd name="T80" fmla="*/ 35 w 161"/>
                    <a:gd name="T81" fmla="*/ 54 h 110"/>
                    <a:gd name="T82" fmla="*/ 26 w 161"/>
                    <a:gd name="T83" fmla="*/ 49 h 110"/>
                    <a:gd name="T84" fmla="*/ 17 w 161"/>
                    <a:gd name="T85" fmla="*/ 45 h 110"/>
                    <a:gd name="T86" fmla="*/ 11 w 161"/>
                    <a:gd name="T87" fmla="*/ 41 h 110"/>
                    <a:gd name="T88" fmla="*/ 4 w 161"/>
                    <a:gd name="T89" fmla="*/ 45 h 110"/>
                    <a:gd name="T90" fmla="*/ 2 w 161"/>
                    <a:gd name="T91" fmla="*/ 41 h 110"/>
                    <a:gd name="T92" fmla="*/ 7 w 161"/>
                    <a:gd name="T93" fmla="*/ 30 h 110"/>
                    <a:gd name="T94" fmla="*/ 15 w 161"/>
                    <a:gd name="T95" fmla="*/ 15 h 110"/>
                    <a:gd name="T96" fmla="*/ 26 w 161"/>
                    <a:gd name="T97" fmla="*/ 13 h 110"/>
                    <a:gd name="T98" fmla="*/ 35 w 161"/>
                    <a:gd name="T99" fmla="*/ 19 h 110"/>
                    <a:gd name="T100" fmla="*/ 43 w 161"/>
                    <a:gd name="T101" fmla="*/ 26 h 110"/>
                    <a:gd name="T102" fmla="*/ 54 w 161"/>
                    <a:gd name="T103" fmla="*/ 28 h 110"/>
                    <a:gd name="T104" fmla="*/ 61 w 161"/>
                    <a:gd name="T105" fmla="*/ 32 h 110"/>
                    <a:gd name="T106" fmla="*/ 67 w 161"/>
                    <a:gd name="T107" fmla="*/ 39 h 110"/>
                    <a:gd name="T108" fmla="*/ 70 w 161"/>
                    <a:gd name="T109" fmla="*/ 45 h 110"/>
                    <a:gd name="T110" fmla="*/ 76 w 161"/>
                    <a:gd name="T111" fmla="*/ 47 h 110"/>
                    <a:gd name="T112" fmla="*/ 81 w 161"/>
                    <a:gd name="T113" fmla="*/ 45 h 110"/>
                    <a:gd name="T114" fmla="*/ 87 w 161"/>
                    <a:gd name="T115" fmla="*/ 45 h 110"/>
                    <a:gd name="T116" fmla="*/ 92 w 161"/>
                    <a:gd name="T117" fmla="*/ 43 h 110"/>
                    <a:gd name="T118" fmla="*/ 100 w 161"/>
                    <a:gd name="T119" fmla="*/ 36 h 110"/>
                    <a:gd name="T120" fmla="*/ 102 w 161"/>
                    <a:gd name="T121" fmla="*/ 30 h 110"/>
                    <a:gd name="T122" fmla="*/ 104 w 161"/>
                    <a:gd name="T123" fmla="*/ 30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61" h="110">
                      <a:moveTo>
                        <a:pt x="107" y="28"/>
                      </a:moveTo>
                      <a:lnTo>
                        <a:pt x="107" y="28"/>
                      </a:lnTo>
                      <a:lnTo>
                        <a:pt x="107" y="26"/>
                      </a:lnTo>
                      <a:lnTo>
                        <a:pt x="107" y="26"/>
                      </a:lnTo>
                      <a:lnTo>
                        <a:pt x="109" y="26"/>
                      </a:lnTo>
                      <a:lnTo>
                        <a:pt x="109" y="26"/>
                      </a:lnTo>
                      <a:lnTo>
                        <a:pt x="109" y="24"/>
                      </a:lnTo>
                      <a:lnTo>
                        <a:pt x="109" y="24"/>
                      </a:lnTo>
                      <a:lnTo>
                        <a:pt x="109" y="24"/>
                      </a:lnTo>
                      <a:lnTo>
                        <a:pt x="109" y="24"/>
                      </a:lnTo>
                      <a:lnTo>
                        <a:pt x="111" y="24"/>
                      </a:lnTo>
                      <a:lnTo>
                        <a:pt x="111" y="24"/>
                      </a:lnTo>
                      <a:lnTo>
                        <a:pt x="113" y="24"/>
                      </a:lnTo>
                      <a:lnTo>
                        <a:pt x="111" y="19"/>
                      </a:lnTo>
                      <a:lnTo>
                        <a:pt x="113" y="19"/>
                      </a:lnTo>
                      <a:lnTo>
                        <a:pt x="117" y="17"/>
                      </a:lnTo>
                      <a:lnTo>
                        <a:pt x="117" y="15"/>
                      </a:lnTo>
                      <a:lnTo>
                        <a:pt x="118" y="13"/>
                      </a:lnTo>
                      <a:lnTo>
                        <a:pt x="122" y="13"/>
                      </a:lnTo>
                      <a:lnTo>
                        <a:pt x="126" y="12"/>
                      </a:lnTo>
                      <a:lnTo>
                        <a:pt x="126" y="12"/>
                      </a:lnTo>
                      <a:lnTo>
                        <a:pt x="124" y="10"/>
                      </a:lnTo>
                      <a:lnTo>
                        <a:pt x="124" y="8"/>
                      </a:lnTo>
                      <a:lnTo>
                        <a:pt x="124" y="6"/>
                      </a:lnTo>
                      <a:lnTo>
                        <a:pt x="122" y="4"/>
                      </a:lnTo>
                      <a:lnTo>
                        <a:pt x="122" y="0"/>
                      </a:lnTo>
                      <a:lnTo>
                        <a:pt x="124" y="0"/>
                      </a:lnTo>
                      <a:lnTo>
                        <a:pt x="124" y="0"/>
                      </a:lnTo>
                      <a:lnTo>
                        <a:pt x="126" y="0"/>
                      </a:lnTo>
                      <a:lnTo>
                        <a:pt x="126" y="0"/>
                      </a:lnTo>
                      <a:lnTo>
                        <a:pt x="128" y="8"/>
                      </a:lnTo>
                      <a:lnTo>
                        <a:pt x="128" y="8"/>
                      </a:lnTo>
                      <a:lnTo>
                        <a:pt x="129" y="8"/>
                      </a:lnTo>
                      <a:lnTo>
                        <a:pt x="129" y="10"/>
                      </a:lnTo>
                      <a:lnTo>
                        <a:pt x="131" y="10"/>
                      </a:lnTo>
                      <a:lnTo>
                        <a:pt x="131" y="10"/>
                      </a:lnTo>
                      <a:lnTo>
                        <a:pt x="131" y="10"/>
                      </a:lnTo>
                      <a:lnTo>
                        <a:pt x="135" y="12"/>
                      </a:lnTo>
                      <a:lnTo>
                        <a:pt x="137" y="12"/>
                      </a:lnTo>
                      <a:lnTo>
                        <a:pt x="137" y="12"/>
                      </a:lnTo>
                      <a:lnTo>
                        <a:pt x="137" y="12"/>
                      </a:lnTo>
                      <a:lnTo>
                        <a:pt x="139" y="13"/>
                      </a:lnTo>
                      <a:lnTo>
                        <a:pt x="139" y="13"/>
                      </a:lnTo>
                      <a:lnTo>
                        <a:pt x="141" y="13"/>
                      </a:lnTo>
                      <a:lnTo>
                        <a:pt x="141" y="12"/>
                      </a:lnTo>
                      <a:lnTo>
                        <a:pt x="142" y="12"/>
                      </a:lnTo>
                      <a:lnTo>
                        <a:pt x="142" y="12"/>
                      </a:lnTo>
                      <a:lnTo>
                        <a:pt x="144" y="12"/>
                      </a:lnTo>
                      <a:lnTo>
                        <a:pt x="146" y="12"/>
                      </a:lnTo>
                      <a:lnTo>
                        <a:pt x="146" y="12"/>
                      </a:lnTo>
                      <a:lnTo>
                        <a:pt x="146" y="12"/>
                      </a:lnTo>
                      <a:lnTo>
                        <a:pt x="148" y="12"/>
                      </a:lnTo>
                      <a:lnTo>
                        <a:pt x="148" y="12"/>
                      </a:lnTo>
                      <a:lnTo>
                        <a:pt x="150" y="12"/>
                      </a:lnTo>
                      <a:lnTo>
                        <a:pt x="150" y="12"/>
                      </a:lnTo>
                      <a:lnTo>
                        <a:pt x="150" y="12"/>
                      </a:lnTo>
                      <a:lnTo>
                        <a:pt x="152" y="12"/>
                      </a:lnTo>
                      <a:lnTo>
                        <a:pt x="152" y="12"/>
                      </a:lnTo>
                      <a:lnTo>
                        <a:pt x="153" y="12"/>
                      </a:lnTo>
                      <a:lnTo>
                        <a:pt x="155" y="15"/>
                      </a:lnTo>
                      <a:lnTo>
                        <a:pt x="155" y="21"/>
                      </a:lnTo>
                      <a:lnTo>
                        <a:pt x="155" y="24"/>
                      </a:lnTo>
                      <a:lnTo>
                        <a:pt x="159" y="24"/>
                      </a:lnTo>
                      <a:lnTo>
                        <a:pt x="161" y="28"/>
                      </a:lnTo>
                      <a:lnTo>
                        <a:pt x="159" y="30"/>
                      </a:lnTo>
                      <a:lnTo>
                        <a:pt x="159" y="34"/>
                      </a:lnTo>
                      <a:lnTo>
                        <a:pt x="159" y="36"/>
                      </a:lnTo>
                      <a:lnTo>
                        <a:pt x="161" y="36"/>
                      </a:lnTo>
                      <a:lnTo>
                        <a:pt x="161" y="39"/>
                      </a:lnTo>
                      <a:lnTo>
                        <a:pt x="161" y="39"/>
                      </a:lnTo>
                      <a:lnTo>
                        <a:pt x="159" y="43"/>
                      </a:lnTo>
                      <a:lnTo>
                        <a:pt x="157" y="45"/>
                      </a:lnTo>
                      <a:lnTo>
                        <a:pt x="157" y="47"/>
                      </a:lnTo>
                      <a:lnTo>
                        <a:pt x="155" y="50"/>
                      </a:lnTo>
                      <a:lnTo>
                        <a:pt x="153" y="50"/>
                      </a:lnTo>
                      <a:lnTo>
                        <a:pt x="152" y="50"/>
                      </a:lnTo>
                      <a:lnTo>
                        <a:pt x="152" y="50"/>
                      </a:lnTo>
                      <a:lnTo>
                        <a:pt x="150" y="50"/>
                      </a:lnTo>
                      <a:lnTo>
                        <a:pt x="150" y="52"/>
                      </a:lnTo>
                      <a:lnTo>
                        <a:pt x="150" y="54"/>
                      </a:lnTo>
                      <a:lnTo>
                        <a:pt x="148" y="58"/>
                      </a:lnTo>
                      <a:lnTo>
                        <a:pt x="148" y="60"/>
                      </a:lnTo>
                      <a:lnTo>
                        <a:pt x="148" y="63"/>
                      </a:lnTo>
                      <a:lnTo>
                        <a:pt x="150" y="67"/>
                      </a:lnTo>
                      <a:lnTo>
                        <a:pt x="150" y="71"/>
                      </a:lnTo>
                      <a:lnTo>
                        <a:pt x="150" y="73"/>
                      </a:lnTo>
                      <a:lnTo>
                        <a:pt x="150" y="73"/>
                      </a:lnTo>
                      <a:lnTo>
                        <a:pt x="150" y="74"/>
                      </a:lnTo>
                      <a:lnTo>
                        <a:pt x="150" y="74"/>
                      </a:lnTo>
                      <a:lnTo>
                        <a:pt x="150" y="76"/>
                      </a:lnTo>
                      <a:lnTo>
                        <a:pt x="152" y="78"/>
                      </a:lnTo>
                      <a:lnTo>
                        <a:pt x="152" y="80"/>
                      </a:lnTo>
                      <a:lnTo>
                        <a:pt x="152" y="82"/>
                      </a:lnTo>
                      <a:lnTo>
                        <a:pt x="152" y="84"/>
                      </a:lnTo>
                      <a:lnTo>
                        <a:pt x="152" y="86"/>
                      </a:lnTo>
                      <a:lnTo>
                        <a:pt x="148" y="86"/>
                      </a:lnTo>
                      <a:lnTo>
                        <a:pt x="142" y="86"/>
                      </a:lnTo>
                      <a:lnTo>
                        <a:pt x="135" y="86"/>
                      </a:lnTo>
                      <a:lnTo>
                        <a:pt x="133" y="86"/>
                      </a:lnTo>
                      <a:lnTo>
                        <a:pt x="131" y="86"/>
                      </a:lnTo>
                      <a:lnTo>
                        <a:pt x="129" y="87"/>
                      </a:lnTo>
                      <a:lnTo>
                        <a:pt x="129" y="87"/>
                      </a:lnTo>
                      <a:lnTo>
                        <a:pt x="128" y="89"/>
                      </a:lnTo>
                      <a:lnTo>
                        <a:pt x="126" y="89"/>
                      </a:lnTo>
                      <a:lnTo>
                        <a:pt x="124" y="89"/>
                      </a:lnTo>
                      <a:lnTo>
                        <a:pt x="124" y="91"/>
                      </a:lnTo>
                      <a:lnTo>
                        <a:pt x="122" y="91"/>
                      </a:lnTo>
                      <a:lnTo>
                        <a:pt x="122" y="91"/>
                      </a:lnTo>
                      <a:lnTo>
                        <a:pt x="120" y="91"/>
                      </a:lnTo>
                      <a:lnTo>
                        <a:pt x="120" y="91"/>
                      </a:lnTo>
                      <a:lnTo>
                        <a:pt x="118" y="91"/>
                      </a:lnTo>
                      <a:lnTo>
                        <a:pt x="117" y="89"/>
                      </a:lnTo>
                      <a:lnTo>
                        <a:pt x="117" y="89"/>
                      </a:lnTo>
                      <a:lnTo>
                        <a:pt x="115" y="89"/>
                      </a:lnTo>
                      <a:lnTo>
                        <a:pt x="113" y="89"/>
                      </a:lnTo>
                      <a:lnTo>
                        <a:pt x="109" y="89"/>
                      </a:lnTo>
                      <a:lnTo>
                        <a:pt x="107" y="87"/>
                      </a:lnTo>
                      <a:lnTo>
                        <a:pt x="105" y="87"/>
                      </a:lnTo>
                      <a:lnTo>
                        <a:pt x="105" y="89"/>
                      </a:lnTo>
                      <a:lnTo>
                        <a:pt x="104" y="89"/>
                      </a:lnTo>
                      <a:lnTo>
                        <a:pt x="102" y="89"/>
                      </a:lnTo>
                      <a:lnTo>
                        <a:pt x="100" y="89"/>
                      </a:lnTo>
                      <a:lnTo>
                        <a:pt x="100" y="89"/>
                      </a:lnTo>
                      <a:lnTo>
                        <a:pt x="98" y="89"/>
                      </a:lnTo>
                      <a:lnTo>
                        <a:pt x="96" y="91"/>
                      </a:lnTo>
                      <a:lnTo>
                        <a:pt x="96" y="91"/>
                      </a:lnTo>
                      <a:lnTo>
                        <a:pt x="94" y="91"/>
                      </a:lnTo>
                      <a:lnTo>
                        <a:pt x="94" y="91"/>
                      </a:lnTo>
                      <a:lnTo>
                        <a:pt x="92" y="91"/>
                      </a:lnTo>
                      <a:lnTo>
                        <a:pt x="92" y="91"/>
                      </a:lnTo>
                      <a:lnTo>
                        <a:pt x="91" y="93"/>
                      </a:lnTo>
                      <a:lnTo>
                        <a:pt x="91" y="93"/>
                      </a:lnTo>
                      <a:lnTo>
                        <a:pt x="89" y="93"/>
                      </a:lnTo>
                      <a:lnTo>
                        <a:pt x="89" y="93"/>
                      </a:lnTo>
                      <a:lnTo>
                        <a:pt x="89" y="93"/>
                      </a:lnTo>
                      <a:lnTo>
                        <a:pt x="87" y="95"/>
                      </a:lnTo>
                      <a:lnTo>
                        <a:pt x="85" y="95"/>
                      </a:lnTo>
                      <a:lnTo>
                        <a:pt x="83" y="97"/>
                      </a:lnTo>
                      <a:lnTo>
                        <a:pt x="83" y="97"/>
                      </a:lnTo>
                      <a:lnTo>
                        <a:pt x="81" y="97"/>
                      </a:lnTo>
                      <a:lnTo>
                        <a:pt x="81" y="97"/>
                      </a:lnTo>
                      <a:lnTo>
                        <a:pt x="80" y="97"/>
                      </a:lnTo>
                      <a:lnTo>
                        <a:pt x="80" y="97"/>
                      </a:lnTo>
                      <a:lnTo>
                        <a:pt x="78" y="97"/>
                      </a:lnTo>
                      <a:lnTo>
                        <a:pt x="74" y="98"/>
                      </a:lnTo>
                      <a:lnTo>
                        <a:pt x="72" y="98"/>
                      </a:lnTo>
                      <a:lnTo>
                        <a:pt x="70" y="98"/>
                      </a:lnTo>
                      <a:lnTo>
                        <a:pt x="67" y="100"/>
                      </a:lnTo>
                      <a:lnTo>
                        <a:pt x="63" y="102"/>
                      </a:lnTo>
                      <a:lnTo>
                        <a:pt x="61" y="104"/>
                      </a:lnTo>
                      <a:lnTo>
                        <a:pt x="59" y="104"/>
                      </a:lnTo>
                      <a:lnTo>
                        <a:pt x="59" y="104"/>
                      </a:lnTo>
                      <a:lnTo>
                        <a:pt x="57" y="106"/>
                      </a:lnTo>
                      <a:lnTo>
                        <a:pt x="57" y="106"/>
                      </a:lnTo>
                      <a:lnTo>
                        <a:pt x="54" y="108"/>
                      </a:lnTo>
                      <a:lnTo>
                        <a:pt x="54" y="108"/>
                      </a:lnTo>
                      <a:lnTo>
                        <a:pt x="50" y="110"/>
                      </a:lnTo>
                      <a:lnTo>
                        <a:pt x="48" y="110"/>
                      </a:lnTo>
                      <a:lnTo>
                        <a:pt x="46" y="108"/>
                      </a:lnTo>
                      <a:lnTo>
                        <a:pt x="46" y="106"/>
                      </a:lnTo>
                      <a:lnTo>
                        <a:pt x="44" y="104"/>
                      </a:lnTo>
                      <a:lnTo>
                        <a:pt x="44" y="102"/>
                      </a:lnTo>
                      <a:lnTo>
                        <a:pt x="43" y="102"/>
                      </a:lnTo>
                      <a:lnTo>
                        <a:pt x="43" y="100"/>
                      </a:lnTo>
                      <a:lnTo>
                        <a:pt x="39" y="97"/>
                      </a:lnTo>
                      <a:lnTo>
                        <a:pt x="37" y="93"/>
                      </a:lnTo>
                      <a:lnTo>
                        <a:pt x="37" y="93"/>
                      </a:lnTo>
                      <a:lnTo>
                        <a:pt x="35" y="91"/>
                      </a:lnTo>
                      <a:lnTo>
                        <a:pt x="35" y="89"/>
                      </a:lnTo>
                      <a:lnTo>
                        <a:pt x="35" y="87"/>
                      </a:lnTo>
                      <a:lnTo>
                        <a:pt x="35" y="87"/>
                      </a:lnTo>
                      <a:lnTo>
                        <a:pt x="35" y="84"/>
                      </a:lnTo>
                      <a:lnTo>
                        <a:pt x="35" y="84"/>
                      </a:lnTo>
                      <a:lnTo>
                        <a:pt x="35" y="82"/>
                      </a:lnTo>
                      <a:lnTo>
                        <a:pt x="35" y="82"/>
                      </a:lnTo>
                      <a:lnTo>
                        <a:pt x="35" y="82"/>
                      </a:lnTo>
                      <a:lnTo>
                        <a:pt x="37" y="80"/>
                      </a:lnTo>
                      <a:lnTo>
                        <a:pt x="39" y="78"/>
                      </a:lnTo>
                      <a:lnTo>
                        <a:pt x="39" y="76"/>
                      </a:lnTo>
                      <a:lnTo>
                        <a:pt x="39" y="76"/>
                      </a:lnTo>
                      <a:lnTo>
                        <a:pt x="39" y="74"/>
                      </a:lnTo>
                      <a:lnTo>
                        <a:pt x="41" y="74"/>
                      </a:lnTo>
                      <a:lnTo>
                        <a:pt x="41" y="73"/>
                      </a:lnTo>
                      <a:lnTo>
                        <a:pt x="41" y="73"/>
                      </a:lnTo>
                      <a:lnTo>
                        <a:pt x="43" y="71"/>
                      </a:lnTo>
                      <a:lnTo>
                        <a:pt x="44" y="69"/>
                      </a:lnTo>
                      <a:lnTo>
                        <a:pt x="46" y="67"/>
                      </a:lnTo>
                      <a:lnTo>
                        <a:pt x="48" y="65"/>
                      </a:lnTo>
                      <a:lnTo>
                        <a:pt x="48" y="65"/>
                      </a:lnTo>
                      <a:lnTo>
                        <a:pt x="48" y="65"/>
                      </a:lnTo>
                      <a:lnTo>
                        <a:pt x="48" y="65"/>
                      </a:lnTo>
                      <a:lnTo>
                        <a:pt x="50" y="65"/>
                      </a:lnTo>
                      <a:lnTo>
                        <a:pt x="50" y="61"/>
                      </a:lnTo>
                      <a:lnTo>
                        <a:pt x="48" y="60"/>
                      </a:lnTo>
                      <a:lnTo>
                        <a:pt x="46" y="60"/>
                      </a:lnTo>
                      <a:lnTo>
                        <a:pt x="44" y="58"/>
                      </a:lnTo>
                      <a:lnTo>
                        <a:pt x="43" y="56"/>
                      </a:lnTo>
                      <a:lnTo>
                        <a:pt x="43" y="58"/>
                      </a:lnTo>
                      <a:lnTo>
                        <a:pt x="41" y="56"/>
                      </a:lnTo>
                      <a:lnTo>
                        <a:pt x="39" y="60"/>
                      </a:lnTo>
                      <a:lnTo>
                        <a:pt x="37" y="58"/>
                      </a:lnTo>
                      <a:lnTo>
                        <a:pt x="35" y="56"/>
                      </a:lnTo>
                      <a:lnTo>
                        <a:pt x="35" y="56"/>
                      </a:lnTo>
                      <a:lnTo>
                        <a:pt x="35" y="54"/>
                      </a:lnTo>
                      <a:lnTo>
                        <a:pt x="35" y="54"/>
                      </a:lnTo>
                      <a:lnTo>
                        <a:pt x="33" y="52"/>
                      </a:lnTo>
                      <a:lnTo>
                        <a:pt x="31" y="50"/>
                      </a:lnTo>
                      <a:lnTo>
                        <a:pt x="31" y="49"/>
                      </a:lnTo>
                      <a:lnTo>
                        <a:pt x="30" y="50"/>
                      </a:lnTo>
                      <a:lnTo>
                        <a:pt x="26" y="49"/>
                      </a:lnTo>
                      <a:lnTo>
                        <a:pt x="26" y="49"/>
                      </a:lnTo>
                      <a:lnTo>
                        <a:pt x="22" y="45"/>
                      </a:lnTo>
                      <a:lnTo>
                        <a:pt x="20" y="45"/>
                      </a:lnTo>
                      <a:lnTo>
                        <a:pt x="19" y="45"/>
                      </a:lnTo>
                      <a:lnTo>
                        <a:pt x="17" y="45"/>
                      </a:lnTo>
                      <a:lnTo>
                        <a:pt x="17" y="45"/>
                      </a:lnTo>
                      <a:lnTo>
                        <a:pt x="17" y="45"/>
                      </a:lnTo>
                      <a:lnTo>
                        <a:pt x="15" y="43"/>
                      </a:lnTo>
                      <a:lnTo>
                        <a:pt x="13" y="41"/>
                      </a:lnTo>
                      <a:lnTo>
                        <a:pt x="11" y="41"/>
                      </a:lnTo>
                      <a:lnTo>
                        <a:pt x="11" y="41"/>
                      </a:lnTo>
                      <a:lnTo>
                        <a:pt x="9" y="43"/>
                      </a:lnTo>
                      <a:lnTo>
                        <a:pt x="7" y="45"/>
                      </a:lnTo>
                      <a:lnTo>
                        <a:pt x="6" y="45"/>
                      </a:lnTo>
                      <a:lnTo>
                        <a:pt x="4" y="45"/>
                      </a:lnTo>
                      <a:lnTo>
                        <a:pt x="2" y="45"/>
                      </a:lnTo>
                      <a:lnTo>
                        <a:pt x="2" y="45"/>
                      </a:lnTo>
                      <a:lnTo>
                        <a:pt x="0" y="47"/>
                      </a:lnTo>
                      <a:lnTo>
                        <a:pt x="2" y="45"/>
                      </a:lnTo>
                      <a:lnTo>
                        <a:pt x="2" y="41"/>
                      </a:lnTo>
                      <a:lnTo>
                        <a:pt x="2" y="39"/>
                      </a:lnTo>
                      <a:lnTo>
                        <a:pt x="4" y="36"/>
                      </a:lnTo>
                      <a:lnTo>
                        <a:pt x="6" y="34"/>
                      </a:lnTo>
                      <a:lnTo>
                        <a:pt x="7" y="32"/>
                      </a:lnTo>
                      <a:lnTo>
                        <a:pt x="7" y="30"/>
                      </a:lnTo>
                      <a:lnTo>
                        <a:pt x="9" y="26"/>
                      </a:lnTo>
                      <a:lnTo>
                        <a:pt x="11" y="24"/>
                      </a:lnTo>
                      <a:lnTo>
                        <a:pt x="13" y="19"/>
                      </a:lnTo>
                      <a:lnTo>
                        <a:pt x="15" y="17"/>
                      </a:lnTo>
                      <a:lnTo>
                        <a:pt x="15" y="15"/>
                      </a:lnTo>
                      <a:lnTo>
                        <a:pt x="17" y="13"/>
                      </a:lnTo>
                      <a:lnTo>
                        <a:pt x="19" y="12"/>
                      </a:lnTo>
                      <a:lnTo>
                        <a:pt x="20" y="10"/>
                      </a:lnTo>
                      <a:lnTo>
                        <a:pt x="22" y="12"/>
                      </a:lnTo>
                      <a:lnTo>
                        <a:pt x="26" y="13"/>
                      </a:lnTo>
                      <a:lnTo>
                        <a:pt x="26" y="13"/>
                      </a:lnTo>
                      <a:lnTo>
                        <a:pt x="28" y="15"/>
                      </a:lnTo>
                      <a:lnTo>
                        <a:pt x="30" y="17"/>
                      </a:lnTo>
                      <a:lnTo>
                        <a:pt x="33" y="17"/>
                      </a:lnTo>
                      <a:lnTo>
                        <a:pt x="35" y="19"/>
                      </a:lnTo>
                      <a:lnTo>
                        <a:pt x="37" y="19"/>
                      </a:lnTo>
                      <a:lnTo>
                        <a:pt x="39" y="23"/>
                      </a:lnTo>
                      <a:lnTo>
                        <a:pt x="39" y="23"/>
                      </a:lnTo>
                      <a:lnTo>
                        <a:pt x="41" y="24"/>
                      </a:lnTo>
                      <a:lnTo>
                        <a:pt x="43" y="26"/>
                      </a:lnTo>
                      <a:lnTo>
                        <a:pt x="46" y="26"/>
                      </a:lnTo>
                      <a:lnTo>
                        <a:pt x="48" y="28"/>
                      </a:lnTo>
                      <a:lnTo>
                        <a:pt x="50" y="28"/>
                      </a:lnTo>
                      <a:lnTo>
                        <a:pt x="50" y="30"/>
                      </a:lnTo>
                      <a:lnTo>
                        <a:pt x="54" y="28"/>
                      </a:lnTo>
                      <a:lnTo>
                        <a:pt x="56" y="28"/>
                      </a:lnTo>
                      <a:lnTo>
                        <a:pt x="56" y="28"/>
                      </a:lnTo>
                      <a:lnTo>
                        <a:pt x="57" y="28"/>
                      </a:lnTo>
                      <a:lnTo>
                        <a:pt x="59" y="32"/>
                      </a:lnTo>
                      <a:lnTo>
                        <a:pt x="61" y="32"/>
                      </a:lnTo>
                      <a:lnTo>
                        <a:pt x="61" y="34"/>
                      </a:lnTo>
                      <a:lnTo>
                        <a:pt x="63" y="37"/>
                      </a:lnTo>
                      <a:lnTo>
                        <a:pt x="65" y="39"/>
                      </a:lnTo>
                      <a:lnTo>
                        <a:pt x="65" y="39"/>
                      </a:lnTo>
                      <a:lnTo>
                        <a:pt x="67" y="39"/>
                      </a:lnTo>
                      <a:lnTo>
                        <a:pt x="67" y="41"/>
                      </a:lnTo>
                      <a:lnTo>
                        <a:pt x="67" y="41"/>
                      </a:lnTo>
                      <a:lnTo>
                        <a:pt x="68" y="43"/>
                      </a:lnTo>
                      <a:lnTo>
                        <a:pt x="68" y="45"/>
                      </a:lnTo>
                      <a:lnTo>
                        <a:pt x="70" y="45"/>
                      </a:lnTo>
                      <a:lnTo>
                        <a:pt x="72" y="47"/>
                      </a:lnTo>
                      <a:lnTo>
                        <a:pt x="72" y="45"/>
                      </a:lnTo>
                      <a:lnTo>
                        <a:pt x="74" y="45"/>
                      </a:lnTo>
                      <a:lnTo>
                        <a:pt x="74" y="47"/>
                      </a:lnTo>
                      <a:lnTo>
                        <a:pt x="76" y="47"/>
                      </a:lnTo>
                      <a:lnTo>
                        <a:pt x="76" y="47"/>
                      </a:lnTo>
                      <a:lnTo>
                        <a:pt x="78" y="47"/>
                      </a:lnTo>
                      <a:lnTo>
                        <a:pt x="80" y="47"/>
                      </a:lnTo>
                      <a:lnTo>
                        <a:pt x="80" y="47"/>
                      </a:lnTo>
                      <a:lnTo>
                        <a:pt x="81" y="45"/>
                      </a:lnTo>
                      <a:lnTo>
                        <a:pt x="83" y="45"/>
                      </a:lnTo>
                      <a:lnTo>
                        <a:pt x="85" y="45"/>
                      </a:lnTo>
                      <a:lnTo>
                        <a:pt x="85" y="45"/>
                      </a:lnTo>
                      <a:lnTo>
                        <a:pt x="87" y="45"/>
                      </a:lnTo>
                      <a:lnTo>
                        <a:pt x="87" y="45"/>
                      </a:lnTo>
                      <a:lnTo>
                        <a:pt x="89" y="43"/>
                      </a:lnTo>
                      <a:lnTo>
                        <a:pt x="89" y="43"/>
                      </a:lnTo>
                      <a:lnTo>
                        <a:pt x="89" y="43"/>
                      </a:lnTo>
                      <a:lnTo>
                        <a:pt x="91" y="43"/>
                      </a:lnTo>
                      <a:lnTo>
                        <a:pt x="92" y="43"/>
                      </a:lnTo>
                      <a:lnTo>
                        <a:pt x="92" y="43"/>
                      </a:lnTo>
                      <a:lnTo>
                        <a:pt x="92" y="43"/>
                      </a:lnTo>
                      <a:lnTo>
                        <a:pt x="96" y="41"/>
                      </a:lnTo>
                      <a:lnTo>
                        <a:pt x="98" y="37"/>
                      </a:lnTo>
                      <a:lnTo>
                        <a:pt x="100" y="36"/>
                      </a:lnTo>
                      <a:lnTo>
                        <a:pt x="100" y="34"/>
                      </a:lnTo>
                      <a:lnTo>
                        <a:pt x="100" y="32"/>
                      </a:lnTo>
                      <a:lnTo>
                        <a:pt x="100" y="30"/>
                      </a:lnTo>
                      <a:lnTo>
                        <a:pt x="102" y="30"/>
                      </a:lnTo>
                      <a:lnTo>
                        <a:pt x="102" y="30"/>
                      </a:lnTo>
                      <a:lnTo>
                        <a:pt x="102" y="30"/>
                      </a:lnTo>
                      <a:lnTo>
                        <a:pt x="102" y="30"/>
                      </a:lnTo>
                      <a:lnTo>
                        <a:pt x="102" y="30"/>
                      </a:lnTo>
                      <a:lnTo>
                        <a:pt x="104" y="30"/>
                      </a:lnTo>
                      <a:lnTo>
                        <a:pt x="104" y="30"/>
                      </a:lnTo>
                      <a:lnTo>
                        <a:pt x="104" y="28"/>
                      </a:lnTo>
                      <a:lnTo>
                        <a:pt x="105" y="28"/>
                      </a:lnTo>
                      <a:lnTo>
                        <a:pt x="105" y="28"/>
                      </a:lnTo>
                      <a:lnTo>
                        <a:pt x="107" y="28"/>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sp>
            <p:nvSpPr>
              <p:cNvPr id="69" name="Freeform 215"/>
              <p:cNvSpPr>
                <a:spLocks/>
              </p:cNvSpPr>
              <p:nvPr/>
            </p:nvSpPr>
            <p:spPr bwMode="auto">
              <a:xfrm>
                <a:off x="4879975" y="2311400"/>
                <a:ext cx="58738" cy="46038"/>
              </a:xfrm>
              <a:custGeom>
                <a:avLst/>
                <a:gdLst>
                  <a:gd name="T0" fmla="*/ 8 w 37"/>
                  <a:gd name="T1" fmla="*/ 7 h 29"/>
                  <a:gd name="T2" fmla="*/ 9 w 37"/>
                  <a:gd name="T3" fmla="*/ 9 h 29"/>
                  <a:gd name="T4" fmla="*/ 11 w 37"/>
                  <a:gd name="T5" fmla="*/ 9 h 29"/>
                  <a:gd name="T6" fmla="*/ 9 w 37"/>
                  <a:gd name="T7" fmla="*/ 7 h 29"/>
                  <a:gd name="T8" fmla="*/ 11 w 37"/>
                  <a:gd name="T9" fmla="*/ 5 h 29"/>
                  <a:gd name="T10" fmla="*/ 11 w 37"/>
                  <a:gd name="T11" fmla="*/ 5 h 29"/>
                  <a:gd name="T12" fmla="*/ 13 w 37"/>
                  <a:gd name="T13" fmla="*/ 4 h 29"/>
                  <a:gd name="T14" fmla="*/ 15 w 37"/>
                  <a:gd name="T15" fmla="*/ 4 h 29"/>
                  <a:gd name="T16" fmla="*/ 13 w 37"/>
                  <a:gd name="T17" fmla="*/ 2 h 29"/>
                  <a:gd name="T18" fmla="*/ 15 w 37"/>
                  <a:gd name="T19" fmla="*/ 0 h 29"/>
                  <a:gd name="T20" fmla="*/ 17 w 37"/>
                  <a:gd name="T21" fmla="*/ 0 h 29"/>
                  <a:gd name="T22" fmla="*/ 17 w 37"/>
                  <a:gd name="T23" fmla="*/ 0 h 29"/>
                  <a:gd name="T24" fmla="*/ 19 w 37"/>
                  <a:gd name="T25" fmla="*/ 0 h 29"/>
                  <a:gd name="T26" fmla="*/ 19 w 37"/>
                  <a:gd name="T27" fmla="*/ 4 h 29"/>
                  <a:gd name="T28" fmla="*/ 20 w 37"/>
                  <a:gd name="T29" fmla="*/ 4 h 29"/>
                  <a:gd name="T30" fmla="*/ 24 w 37"/>
                  <a:gd name="T31" fmla="*/ 5 h 29"/>
                  <a:gd name="T32" fmla="*/ 24 w 37"/>
                  <a:gd name="T33" fmla="*/ 5 h 29"/>
                  <a:gd name="T34" fmla="*/ 26 w 37"/>
                  <a:gd name="T35" fmla="*/ 7 h 29"/>
                  <a:gd name="T36" fmla="*/ 28 w 37"/>
                  <a:gd name="T37" fmla="*/ 9 h 29"/>
                  <a:gd name="T38" fmla="*/ 30 w 37"/>
                  <a:gd name="T39" fmla="*/ 9 h 29"/>
                  <a:gd name="T40" fmla="*/ 37 w 37"/>
                  <a:gd name="T41" fmla="*/ 9 h 29"/>
                  <a:gd name="T42" fmla="*/ 35 w 37"/>
                  <a:gd name="T43" fmla="*/ 11 h 29"/>
                  <a:gd name="T44" fmla="*/ 35 w 37"/>
                  <a:gd name="T45" fmla="*/ 11 h 29"/>
                  <a:gd name="T46" fmla="*/ 32 w 37"/>
                  <a:gd name="T47" fmla="*/ 15 h 29"/>
                  <a:gd name="T48" fmla="*/ 26 w 37"/>
                  <a:gd name="T49" fmla="*/ 16 h 29"/>
                  <a:gd name="T50" fmla="*/ 26 w 37"/>
                  <a:gd name="T51" fmla="*/ 18 h 29"/>
                  <a:gd name="T52" fmla="*/ 24 w 37"/>
                  <a:gd name="T53" fmla="*/ 24 h 29"/>
                  <a:gd name="T54" fmla="*/ 22 w 37"/>
                  <a:gd name="T55" fmla="*/ 26 h 29"/>
                  <a:gd name="T56" fmla="*/ 22 w 37"/>
                  <a:gd name="T57" fmla="*/ 28 h 29"/>
                  <a:gd name="T58" fmla="*/ 22 w 37"/>
                  <a:gd name="T59" fmla="*/ 29 h 29"/>
                  <a:gd name="T60" fmla="*/ 20 w 37"/>
                  <a:gd name="T61" fmla="*/ 28 h 29"/>
                  <a:gd name="T62" fmla="*/ 19 w 37"/>
                  <a:gd name="T63" fmla="*/ 28 h 29"/>
                  <a:gd name="T64" fmla="*/ 17 w 37"/>
                  <a:gd name="T65" fmla="*/ 28 h 29"/>
                  <a:gd name="T66" fmla="*/ 15 w 37"/>
                  <a:gd name="T67" fmla="*/ 28 h 29"/>
                  <a:gd name="T68" fmla="*/ 11 w 37"/>
                  <a:gd name="T69" fmla="*/ 26 h 29"/>
                  <a:gd name="T70" fmla="*/ 9 w 37"/>
                  <a:gd name="T71" fmla="*/ 26 h 29"/>
                  <a:gd name="T72" fmla="*/ 8 w 37"/>
                  <a:gd name="T73" fmla="*/ 26 h 29"/>
                  <a:gd name="T74" fmla="*/ 6 w 37"/>
                  <a:gd name="T75" fmla="*/ 26 h 29"/>
                  <a:gd name="T76" fmla="*/ 2 w 37"/>
                  <a:gd name="T77" fmla="*/ 28 h 29"/>
                  <a:gd name="T78" fmla="*/ 0 w 37"/>
                  <a:gd name="T79" fmla="*/ 28 h 29"/>
                  <a:gd name="T80" fmla="*/ 0 w 37"/>
                  <a:gd name="T81" fmla="*/ 26 h 29"/>
                  <a:gd name="T82" fmla="*/ 0 w 37"/>
                  <a:gd name="T83" fmla="*/ 24 h 29"/>
                  <a:gd name="T84" fmla="*/ 2 w 37"/>
                  <a:gd name="T85" fmla="*/ 22 h 29"/>
                  <a:gd name="T86" fmla="*/ 2 w 37"/>
                  <a:gd name="T87" fmla="*/ 16 h 29"/>
                  <a:gd name="T88" fmla="*/ 6 w 37"/>
                  <a:gd name="T89" fmla="*/ 11 h 29"/>
                  <a:gd name="T90" fmla="*/ 6 w 37"/>
                  <a:gd name="T91" fmla="*/ 9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7" h="29">
                    <a:moveTo>
                      <a:pt x="8" y="7"/>
                    </a:moveTo>
                    <a:lnTo>
                      <a:pt x="8" y="7"/>
                    </a:lnTo>
                    <a:lnTo>
                      <a:pt x="8" y="7"/>
                    </a:lnTo>
                    <a:lnTo>
                      <a:pt x="9" y="9"/>
                    </a:lnTo>
                    <a:lnTo>
                      <a:pt x="9" y="9"/>
                    </a:lnTo>
                    <a:lnTo>
                      <a:pt x="9" y="9"/>
                    </a:lnTo>
                    <a:lnTo>
                      <a:pt x="9" y="9"/>
                    </a:lnTo>
                    <a:lnTo>
                      <a:pt x="9" y="9"/>
                    </a:lnTo>
                    <a:lnTo>
                      <a:pt x="11" y="9"/>
                    </a:lnTo>
                    <a:lnTo>
                      <a:pt x="9" y="9"/>
                    </a:lnTo>
                    <a:lnTo>
                      <a:pt x="9" y="7"/>
                    </a:lnTo>
                    <a:lnTo>
                      <a:pt x="9" y="7"/>
                    </a:lnTo>
                    <a:lnTo>
                      <a:pt x="9" y="7"/>
                    </a:lnTo>
                    <a:lnTo>
                      <a:pt x="9" y="7"/>
                    </a:lnTo>
                    <a:lnTo>
                      <a:pt x="11" y="5"/>
                    </a:lnTo>
                    <a:lnTo>
                      <a:pt x="11" y="5"/>
                    </a:lnTo>
                    <a:lnTo>
                      <a:pt x="11" y="5"/>
                    </a:lnTo>
                    <a:lnTo>
                      <a:pt x="11" y="5"/>
                    </a:lnTo>
                    <a:lnTo>
                      <a:pt x="13" y="4"/>
                    </a:lnTo>
                    <a:lnTo>
                      <a:pt x="13" y="4"/>
                    </a:lnTo>
                    <a:lnTo>
                      <a:pt x="13" y="4"/>
                    </a:lnTo>
                    <a:lnTo>
                      <a:pt x="13" y="4"/>
                    </a:lnTo>
                    <a:lnTo>
                      <a:pt x="15" y="4"/>
                    </a:lnTo>
                    <a:lnTo>
                      <a:pt x="15" y="4"/>
                    </a:lnTo>
                    <a:lnTo>
                      <a:pt x="13" y="2"/>
                    </a:lnTo>
                    <a:lnTo>
                      <a:pt x="13" y="2"/>
                    </a:lnTo>
                    <a:lnTo>
                      <a:pt x="13" y="2"/>
                    </a:lnTo>
                    <a:lnTo>
                      <a:pt x="15" y="2"/>
                    </a:lnTo>
                    <a:lnTo>
                      <a:pt x="15" y="0"/>
                    </a:lnTo>
                    <a:lnTo>
                      <a:pt x="15" y="0"/>
                    </a:lnTo>
                    <a:lnTo>
                      <a:pt x="17" y="0"/>
                    </a:lnTo>
                    <a:lnTo>
                      <a:pt x="17" y="0"/>
                    </a:lnTo>
                    <a:lnTo>
                      <a:pt x="17" y="0"/>
                    </a:lnTo>
                    <a:lnTo>
                      <a:pt x="17" y="0"/>
                    </a:lnTo>
                    <a:lnTo>
                      <a:pt x="17" y="0"/>
                    </a:lnTo>
                    <a:lnTo>
                      <a:pt x="17" y="0"/>
                    </a:lnTo>
                    <a:lnTo>
                      <a:pt x="19" y="0"/>
                    </a:lnTo>
                    <a:lnTo>
                      <a:pt x="19" y="0"/>
                    </a:lnTo>
                    <a:lnTo>
                      <a:pt x="19" y="0"/>
                    </a:lnTo>
                    <a:lnTo>
                      <a:pt x="20" y="0"/>
                    </a:lnTo>
                    <a:lnTo>
                      <a:pt x="19" y="2"/>
                    </a:lnTo>
                    <a:lnTo>
                      <a:pt x="19" y="4"/>
                    </a:lnTo>
                    <a:lnTo>
                      <a:pt x="19" y="4"/>
                    </a:lnTo>
                    <a:lnTo>
                      <a:pt x="19" y="4"/>
                    </a:lnTo>
                    <a:lnTo>
                      <a:pt x="20" y="4"/>
                    </a:lnTo>
                    <a:lnTo>
                      <a:pt x="22" y="4"/>
                    </a:lnTo>
                    <a:lnTo>
                      <a:pt x="24" y="4"/>
                    </a:lnTo>
                    <a:lnTo>
                      <a:pt x="24" y="5"/>
                    </a:lnTo>
                    <a:lnTo>
                      <a:pt x="24" y="5"/>
                    </a:lnTo>
                    <a:lnTo>
                      <a:pt x="24" y="4"/>
                    </a:lnTo>
                    <a:lnTo>
                      <a:pt x="24" y="5"/>
                    </a:lnTo>
                    <a:lnTo>
                      <a:pt x="26" y="5"/>
                    </a:lnTo>
                    <a:lnTo>
                      <a:pt x="26" y="7"/>
                    </a:lnTo>
                    <a:lnTo>
                      <a:pt x="26" y="7"/>
                    </a:lnTo>
                    <a:lnTo>
                      <a:pt x="26" y="7"/>
                    </a:lnTo>
                    <a:lnTo>
                      <a:pt x="28" y="7"/>
                    </a:lnTo>
                    <a:lnTo>
                      <a:pt x="28" y="9"/>
                    </a:lnTo>
                    <a:lnTo>
                      <a:pt x="28" y="9"/>
                    </a:lnTo>
                    <a:lnTo>
                      <a:pt x="28" y="9"/>
                    </a:lnTo>
                    <a:lnTo>
                      <a:pt x="30" y="9"/>
                    </a:lnTo>
                    <a:lnTo>
                      <a:pt x="32" y="9"/>
                    </a:lnTo>
                    <a:lnTo>
                      <a:pt x="32" y="9"/>
                    </a:lnTo>
                    <a:lnTo>
                      <a:pt x="37" y="9"/>
                    </a:lnTo>
                    <a:lnTo>
                      <a:pt x="35" y="11"/>
                    </a:lnTo>
                    <a:lnTo>
                      <a:pt x="35" y="11"/>
                    </a:lnTo>
                    <a:lnTo>
                      <a:pt x="35" y="11"/>
                    </a:lnTo>
                    <a:lnTo>
                      <a:pt x="35" y="11"/>
                    </a:lnTo>
                    <a:lnTo>
                      <a:pt x="35" y="11"/>
                    </a:lnTo>
                    <a:lnTo>
                      <a:pt x="35" y="11"/>
                    </a:lnTo>
                    <a:lnTo>
                      <a:pt x="35" y="11"/>
                    </a:lnTo>
                    <a:lnTo>
                      <a:pt x="35" y="11"/>
                    </a:lnTo>
                    <a:lnTo>
                      <a:pt x="32" y="15"/>
                    </a:lnTo>
                    <a:lnTo>
                      <a:pt x="30" y="18"/>
                    </a:lnTo>
                    <a:lnTo>
                      <a:pt x="26" y="16"/>
                    </a:lnTo>
                    <a:lnTo>
                      <a:pt x="26" y="16"/>
                    </a:lnTo>
                    <a:lnTo>
                      <a:pt x="26" y="18"/>
                    </a:lnTo>
                    <a:lnTo>
                      <a:pt x="26" y="18"/>
                    </a:lnTo>
                    <a:lnTo>
                      <a:pt x="26" y="18"/>
                    </a:lnTo>
                    <a:lnTo>
                      <a:pt x="24" y="24"/>
                    </a:lnTo>
                    <a:lnTo>
                      <a:pt x="24" y="24"/>
                    </a:lnTo>
                    <a:lnTo>
                      <a:pt x="24" y="24"/>
                    </a:lnTo>
                    <a:lnTo>
                      <a:pt x="22" y="26"/>
                    </a:lnTo>
                    <a:lnTo>
                      <a:pt x="22" y="26"/>
                    </a:lnTo>
                    <a:lnTo>
                      <a:pt x="22" y="26"/>
                    </a:lnTo>
                    <a:lnTo>
                      <a:pt x="22" y="28"/>
                    </a:lnTo>
                    <a:lnTo>
                      <a:pt x="22" y="28"/>
                    </a:lnTo>
                    <a:lnTo>
                      <a:pt x="22" y="28"/>
                    </a:lnTo>
                    <a:lnTo>
                      <a:pt x="22" y="28"/>
                    </a:lnTo>
                    <a:lnTo>
                      <a:pt x="22" y="28"/>
                    </a:lnTo>
                    <a:lnTo>
                      <a:pt x="22" y="29"/>
                    </a:lnTo>
                    <a:lnTo>
                      <a:pt x="22" y="29"/>
                    </a:lnTo>
                    <a:lnTo>
                      <a:pt x="20" y="28"/>
                    </a:lnTo>
                    <a:lnTo>
                      <a:pt x="20" y="28"/>
                    </a:lnTo>
                    <a:lnTo>
                      <a:pt x="19" y="28"/>
                    </a:lnTo>
                    <a:lnTo>
                      <a:pt x="19" y="28"/>
                    </a:lnTo>
                    <a:lnTo>
                      <a:pt x="19" y="28"/>
                    </a:lnTo>
                    <a:lnTo>
                      <a:pt x="19" y="28"/>
                    </a:lnTo>
                    <a:lnTo>
                      <a:pt x="19" y="28"/>
                    </a:lnTo>
                    <a:lnTo>
                      <a:pt x="17" y="28"/>
                    </a:lnTo>
                    <a:lnTo>
                      <a:pt x="17" y="28"/>
                    </a:lnTo>
                    <a:lnTo>
                      <a:pt x="15" y="28"/>
                    </a:lnTo>
                    <a:lnTo>
                      <a:pt x="15" y="28"/>
                    </a:lnTo>
                    <a:lnTo>
                      <a:pt x="15" y="26"/>
                    </a:lnTo>
                    <a:lnTo>
                      <a:pt x="13" y="26"/>
                    </a:lnTo>
                    <a:lnTo>
                      <a:pt x="11" y="26"/>
                    </a:lnTo>
                    <a:lnTo>
                      <a:pt x="11" y="26"/>
                    </a:lnTo>
                    <a:lnTo>
                      <a:pt x="11" y="26"/>
                    </a:lnTo>
                    <a:lnTo>
                      <a:pt x="9" y="26"/>
                    </a:lnTo>
                    <a:lnTo>
                      <a:pt x="9" y="26"/>
                    </a:lnTo>
                    <a:lnTo>
                      <a:pt x="8" y="26"/>
                    </a:lnTo>
                    <a:lnTo>
                      <a:pt x="8" y="26"/>
                    </a:lnTo>
                    <a:lnTo>
                      <a:pt x="8" y="26"/>
                    </a:lnTo>
                    <a:lnTo>
                      <a:pt x="6" y="26"/>
                    </a:lnTo>
                    <a:lnTo>
                      <a:pt x="6" y="26"/>
                    </a:lnTo>
                    <a:lnTo>
                      <a:pt x="4" y="26"/>
                    </a:lnTo>
                    <a:lnTo>
                      <a:pt x="4" y="26"/>
                    </a:lnTo>
                    <a:lnTo>
                      <a:pt x="2" y="28"/>
                    </a:lnTo>
                    <a:lnTo>
                      <a:pt x="2" y="28"/>
                    </a:lnTo>
                    <a:lnTo>
                      <a:pt x="2" y="28"/>
                    </a:lnTo>
                    <a:lnTo>
                      <a:pt x="0" y="28"/>
                    </a:lnTo>
                    <a:lnTo>
                      <a:pt x="0" y="26"/>
                    </a:lnTo>
                    <a:lnTo>
                      <a:pt x="0" y="26"/>
                    </a:lnTo>
                    <a:lnTo>
                      <a:pt x="0" y="26"/>
                    </a:lnTo>
                    <a:lnTo>
                      <a:pt x="0" y="26"/>
                    </a:lnTo>
                    <a:lnTo>
                      <a:pt x="0" y="24"/>
                    </a:lnTo>
                    <a:lnTo>
                      <a:pt x="0" y="24"/>
                    </a:lnTo>
                    <a:lnTo>
                      <a:pt x="2" y="24"/>
                    </a:lnTo>
                    <a:lnTo>
                      <a:pt x="2" y="22"/>
                    </a:lnTo>
                    <a:lnTo>
                      <a:pt x="2" y="22"/>
                    </a:lnTo>
                    <a:lnTo>
                      <a:pt x="0" y="20"/>
                    </a:lnTo>
                    <a:lnTo>
                      <a:pt x="0" y="20"/>
                    </a:lnTo>
                    <a:lnTo>
                      <a:pt x="2" y="16"/>
                    </a:lnTo>
                    <a:lnTo>
                      <a:pt x="4" y="13"/>
                    </a:lnTo>
                    <a:lnTo>
                      <a:pt x="4" y="13"/>
                    </a:lnTo>
                    <a:lnTo>
                      <a:pt x="6" y="11"/>
                    </a:lnTo>
                    <a:lnTo>
                      <a:pt x="6" y="11"/>
                    </a:lnTo>
                    <a:lnTo>
                      <a:pt x="6" y="9"/>
                    </a:lnTo>
                    <a:lnTo>
                      <a:pt x="6" y="9"/>
                    </a:lnTo>
                    <a:lnTo>
                      <a:pt x="8" y="7"/>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grpSp>
          <p:nvGrpSpPr>
            <p:cNvPr id="79" name="Gruppieren 78"/>
            <p:cNvGrpSpPr/>
            <p:nvPr/>
          </p:nvGrpSpPr>
          <p:grpSpPr>
            <a:xfrm>
              <a:off x="5930488" y="2384496"/>
              <a:ext cx="1260346" cy="1440692"/>
              <a:chOff x="7348537" y="1012825"/>
              <a:chExt cx="1919288" cy="2193925"/>
            </a:xfrm>
          </p:grpSpPr>
          <p:sp>
            <p:nvSpPr>
              <p:cNvPr id="80" name="Freeform 190"/>
              <p:cNvSpPr>
                <a:spLocks noEditPoints="1"/>
              </p:cNvSpPr>
              <p:nvPr/>
            </p:nvSpPr>
            <p:spPr bwMode="auto">
              <a:xfrm>
                <a:off x="7348537" y="1012825"/>
                <a:ext cx="1919288" cy="2193925"/>
              </a:xfrm>
              <a:custGeom>
                <a:avLst/>
                <a:gdLst>
                  <a:gd name="T0" fmla="*/ 286 w 1209"/>
                  <a:gd name="T1" fmla="*/ 170 h 1382"/>
                  <a:gd name="T2" fmla="*/ 340 w 1209"/>
                  <a:gd name="T3" fmla="*/ 133 h 1382"/>
                  <a:gd name="T4" fmla="*/ 390 w 1209"/>
                  <a:gd name="T5" fmla="*/ 139 h 1382"/>
                  <a:gd name="T6" fmla="*/ 466 w 1209"/>
                  <a:gd name="T7" fmla="*/ 145 h 1382"/>
                  <a:gd name="T8" fmla="*/ 517 w 1209"/>
                  <a:gd name="T9" fmla="*/ 119 h 1382"/>
                  <a:gd name="T10" fmla="*/ 577 w 1209"/>
                  <a:gd name="T11" fmla="*/ 145 h 1382"/>
                  <a:gd name="T12" fmla="*/ 686 w 1209"/>
                  <a:gd name="T13" fmla="*/ 154 h 1382"/>
                  <a:gd name="T14" fmla="*/ 704 w 1209"/>
                  <a:gd name="T15" fmla="*/ 95 h 1382"/>
                  <a:gd name="T16" fmla="*/ 649 w 1209"/>
                  <a:gd name="T17" fmla="*/ 84 h 1382"/>
                  <a:gd name="T18" fmla="*/ 717 w 1209"/>
                  <a:gd name="T19" fmla="*/ 45 h 1382"/>
                  <a:gd name="T20" fmla="*/ 750 w 1209"/>
                  <a:gd name="T21" fmla="*/ 80 h 1382"/>
                  <a:gd name="T22" fmla="*/ 789 w 1209"/>
                  <a:gd name="T23" fmla="*/ 117 h 1382"/>
                  <a:gd name="T24" fmla="*/ 826 w 1209"/>
                  <a:gd name="T25" fmla="*/ 148 h 1382"/>
                  <a:gd name="T26" fmla="*/ 1050 w 1209"/>
                  <a:gd name="T27" fmla="*/ 109 h 1382"/>
                  <a:gd name="T28" fmla="*/ 1183 w 1209"/>
                  <a:gd name="T29" fmla="*/ 202 h 1382"/>
                  <a:gd name="T30" fmla="*/ 1172 w 1209"/>
                  <a:gd name="T31" fmla="*/ 367 h 1382"/>
                  <a:gd name="T32" fmla="*/ 1018 w 1209"/>
                  <a:gd name="T33" fmla="*/ 566 h 1382"/>
                  <a:gd name="T34" fmla="*/ 1005 w 1209"/>
                  <a:gd name="T35" fmla="*/ 940 h 1382"/>
                  <a:gd name="T36" fmla="*/ 1039 w 1209"/>
                  <a:gd name="T37" fmla="*/ 1171 h 1382"/>
                  <a:gd name="T38" fmla="*/ 981 w 1209"/>
                  <a:gd name="T39" fmla="*/ 1249 h 1382"/>
                  <a:gd name="T40" fmla="*/ 924 w 1209"/>
                  <a:gd name="T41" fmla="*/ 1380 h 1382"/>
                  <a:gd name="T42" fmla="*/ 815 w 1209"/>
                  <a:gd name="T43" fmla="*/ 1334 h 1382"/>
                  <a:gd name="T44" fmla="*/ 697 w 1209"/>
                  <a:gd name="T45" fmla="*/ 1321 h 1382"/>
                  <a:gd name="T46" fmla="*/ 628 w 1209"/>
                  <a:gd name="T47" fmla="*/ 1251 h 1382"/>
                  <a:gd name="T48" fmla="*/ 636 w 1209"/>
                  <a:gd name="T49" fmla="*/ 1147 h 1382"/>
                  <a:gd name="T50" fmla="*/ 601 w 1209"/>
                  <a:gd name="T51" fmla="*/ 1064 h 1382"/>
                  <a:gd name="T52" fmla="*/ 519 w 1209"/>
                  <a:gd name="T53" fmla="*/ 1073 h 1382"/>
                  <a:gd name="T54" fmla="*/ 554 w 1209"/>
                  <a:gd name="T55" fmla="*/ 981 h 1382"/>
                  <a:gd name="T56" fmla="*/ 410 w 1209"/>
                  <a:gd name="T57" fmla="*/ 866 h 1382"/>
                  <a:gd name="T58" fmla="*/ 227 w 1209"/>
                  <a:gd name="T59" fmla="*/ 738 h 1382"/>
                  <a:gd name="T60" fmla="*/ 5 w 1209"/>
                  <a:gd name="T61" fmla="*/ 644 h 1382"/>
                  <a:gd name="T62" fmla="*/ 85 w 1209"/>
                  <a:gd name="T63" fmla="*/ 640 h 1382"/>
                  <a:gd name="T64" fmla="*/ 172 w 1209"/>
                  <a:gd name="T65" fmla="*/ 616 h 1382"/>
                  <a:gd name="T66" fmla="*/ 199 w 1209"/>
                  <a:gd name="T67" fmla="*/ 566 h 1382"/>
                  <a:gd name="T68" fmla="*/ 240 w 1209"/>
                  <a:gd name="T69" fmla="*/ 513 h 1382"/>
                  <a:gd name="T70" fmla="*/ 240 w 1209"/>
                  <a:gd name="T71" fmla="*/ 420 h 1382"/>
                  <a:gd name="T72" fmla="*/ 214 w 1209"/>
                  <a:gd name="T73" fmla="*/ 361 h 1382"/>
                  <a:gd name="T74" fmla="*/ 260 w 1209"/>
                  <a:gd name="T75" fmla="*/ 298 h 1382"/>
                  <a:gd name="T76" fmla="*/ 284 w 1209"/>
                  <a:gd name="T77" fmla="*/ 252 h 1382"/>
                  <a:gd name="T78" fmla="*/ 334 w 1209"/>
                  <a:gd name="T79" fmla="*/ 237 h 1382"/>
                  <a:gd name="T80" fmla="*/ 909 w 1209"/>
                  <a:gd name="T81" fmla="*/ 109 h 1382"/>
                  <a:gd name="T82" fmla="*/ 1029 w 1209"/>
                  <a:gd name="T83" fmla="*/ 170 h 1382"/>
                  <a:gd name="T84" fmla="*/ 1098 w 1209"/>
                  <a:gd name="T85" fmla="*/ 187 h 1382"/>
                  <a:gd name="T86" fmla="*/ 1114 w 1209"/>
                  <a:gd name="T87" fmla="*/ 237 h 1382"/>
                  <a:gd name="T88" fmla="*/ 1077 w 1209"/>
                  <a:gd name="T89" fmla="*/ 287 h 1382"/>
                  <a:gd name="T90" fmla="*/ 1022 w 1209"/>
                  <a:gd name="T91" fmla="*/ 305 h 1382"/>
                  <a:gd name="T92" fmla="*/ 972 w 1209"/>
                  <a:gd name="T93" fmla="*/ 398 h 1382"/>
                  <a:gd name="T94" fmla="*/ 959 w 1209"/>
                  <a:gd name="T95" fmla="*/ 503 h 1382"/>
                  <a:gd name="T96" fmla="*/ 907 w 1209"/>
                  <a:gd name="T97" fmla="*/ 592 h 1382"/>
                  <a:gd name="T98" fmla="*/ 813 w 1209"/>
                  <a:gd name="T99" fmla="*/ 648 h 1382"/>
                  <a:gd name="T100" fmla="*/ 706 w 1209"/>
                  <a:gd name="T101" fmla="*/ 598 h 1382"/>
                  <a:gd name="T102" fmla="*/ 626 w 1209"/>
                  <a:gd name="T103" fmla="*/ 588 h 1382"/>
                  <a:gd name="T104" fmla="*/ 584 w 1209"/>
                  <a:gd name="T105" fmla="*/ 548 h 1382"/>
                  <a:gd name="T106" fmla="*/ 575 w 1209"/>
                  <a:gd name="T107" fmla="*/ 472 h 1382"/>
                  <a:gd name="T108" fmla="*/ 575 w 1209"/>
                  <a:gd name="T109" fmla="*/ 435 h 1382"/>
                  <a:gd name="T110" fmla="*/ 545 w 1209"/>
                  <a:gd name="T111" fmla="*/ 392 h 1382"/>
                  <a:gd name="T112" fmla="*/ 597 w 1209"/>
                  <a:gd name="T113" fmla="*/ 339 h 1382"/>
                  <a:gd name="T114" fmla="*/ 645 w 1209"/>
                  <a:gd name="T115" fmla="*/ 313 h 1382"/>
                  <a:gd name="T116" fmla="*/ 739 w 1209"/>
                  <a:gd name="T117" fmla="*/ 313 h 1382"/>
                  <a:gd name="T118" fmla="*/ 824 w 1209"/>
                  <a:gd name="T119" fmla="*/ 307 h 1382"/>
                  <a:gd name="T120" fmla="*/ 874 w 1209"/>
                  <a:gd name="T121" fmla="*/ 250 h 1382"/>
                  <a:gd name="T122" fmla="*/ 946 w 1209"/>
                  <a:gd name="T123" fmla="*/ 222 h 1382"/>
                  <a:gd name="T124" fmla="*/ 1004 w 1209"/>
                  <a:gd name="T125" fmla="*/ 174 h 13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209" h="1382">
                    <a:moveTo>
                      <a:pt x="360" y="226"/>
                    </a:moveTo>
                    <a:lnTo>
                      <a:pt x="360" y="224"/>
                    </a:lnTo>
                    <a:lnTo>
                      <a:pt x="358" y="224"/>
                    </a:lnTo>
                    <a:lnTo>
                      <a:pt x="357" y="224"/>
                    </a:lnTo>
                    <a:lnTo>
                      <a:pt x="355" y="224"/>
                    </a:lnTo>
                    <a:lnTo>
                      <a:pt x="355" y="222"/>
                    </a:lnTo>
                    <a:lnTo>
                      <a:pt x="353" y="222"/>
                    </a:lnTo>
                    <a:lnTo>
                      <a:pt x="351" y="222"/>
                    </a:lnTo>
                    <a:lnTo>
                      <a:pt x="351" y="220"/>
                    </a:lnTo>
                    <a:lnTo>
                      <a:pt x="349" y="220"/>
                    </a:lnTo>
                    <a:lnTo>
                      <a:pt x="349" y="219"/>
                    </a:lnTo>
                    <a:lnTo>
                      <a:pt x="349" y="217"/>
                    </a:lnTo>
                    <a:lnTo>
                      <a:pt x="347" y="217"/>
                    </a:lnTo>
                    <a:lnTo>
                      <a:pt x="347" y="215"/>
                    </a:lnTo>
                    <a:lnTo>
                      <a:pt x="345" y="213"/>
                    </a:lnTo>
                    <a:lnTo>
                      <a:pt x="344" y="213"/>
                    </a:lnTo>
                    <a:lnTo>
                      <a:pt x="344" y="211"/>
                    </a:lnTo>
                    <a:lnTo>
                      <a:pt x="342" y="211"/>
                    </a:lnTo>
                    <a:lnTo>
                      <a:pt x="340" y="211"/>
                    </a:lnTo>
                    <a:lnTo>
                      <a:pt x="338" y="211"/>
                    </a:lnTo>
                    <a:lnTo>
                      <a:pt x="336" y="211"/>
                    </a:lnTo>
                    <a:lnTo>
                      <a:pt x="334" y="211"/>
                    </a:lnTo>
                    <a:lnTo>
                      <a:pt x="333" y="209"/>
                    </a:lnTo>
                    <a:lnTo>
                      <a:pt x="331" y="209"/>
                    </a:lnTo>
                    <a:lnTo>
                      <a:pt x="329" y="209"/>
                    </a:lnTo>
                    <a:lnTo>
                      <a:pt x="327" y="209"/>
                    </a:lnTo>
                    <a:lnTo>
                      <a:pt x="325" y="207"/>
                    </a:lnTo>
                    <a:lnTo>
                      <a:pt x="323" y="207"/>
                    </a:lnTo>
                    <a:lnTo>
                      <a:pt x="321" y="207"/>
                    </a:lnTo>
                    <a:lnTo>
                      <a:pt x="321" y="206"/>
                    </a:lnTo>
                    <a:lnTo>
                      <a:pt x="320" y="206"/>
                    </a:lnTo>
                    <a:lnTo>
                      <a:pt x="312" y="204"/>
                    </a:lnTo>
                    <a:lnTo>
                      <a:pt x="312" y="200"/>
                    </a:lnTo>
                    <a:lnTo>
                      <a:pt x="310" y="198"/>
                    </a:lnTo>
                    <a:lnTo>
                      <a:pt x="312" y="196"/>
                    </a:lnTo>
                    <a:lnTo>
                      <a:pt x="314" y="196"/>
                    </a:lnTo>
                    <a:lnTo>
                      <a:pt x="314" y="194"/>
                    </a:lnTo>
                    <a:lnTo>
                      <a:pt x="316" y="194"/>
                    </a:lnTo>
                    <a:lnTo>
                      <a:pt x="314" y="194"/>
                    </a:lnTo>
                    <a:lnTo>
                      <a:pt x="314" y="193"/>
                    </a:lnTo>
                    <a:lnTo>
                      <a:pt x="314" y="191"/>
                    </a:lnTo>
                    <a:lnTo>
                      <a:pt x="312" y="191"/>
                    </a:lnTo>
                    <a:lnTo>
                      <a:pt x="312" y="189"/>
                    </a:lnTo>
                    <a:lnTo>
                      <a:pt x="312" y="187"/>
                    </a:lnTo>
                    <a:lnTo>
                      <a:pt x="314" y="187"/>
                    </a:lnTo>
                    <a:lnTo>
                      <a:pt x="314" y="185"/>
                    </a:lnTo>
                    <a:lnTo>
                      <a:pt x="310" y="183"/>
                    </a:lnTo>
                    <a:lnTo>
                      <a:pt x="310" y="182"/>
                    </a:lnTo>
                    <a:lnTo>
                      <a:pt x="308" y="182"/>
                    </a:lnTo>
                    <a:lnTo>
                      <a:pt x="307" y="182"/>
                    </a:lnTo>
                    <a:lnTo>
                      <a:pt x="303" y="180"/>
                    </a:lnTo>
                    <a:lnTo>
                      <a:pt x="301" y="180"/>
                    </a:lnTo>
                    <a:lnTo>
                      <a:pt x="299" y="180"/>
                    </a:lnTo>
                    <a:lnTo>
                      <a:pt x="297" y="180"/>
                    </a:lnTo>
                    <a:lnTo>
                      <a:pt x="297" y="178"/>
                    </a:lnTo>
                    <a:lnTo>
                      <a:pt x="294" y="178"/>
                    </a:lnTo>
                    <a:lnTo>
                      <a:pt x="292" y="178"/>
                    </a:lnTo>
                    <a:lnTo>
                      <a:pt x="292" y="176"/>
                    </a:lnTo>
                    <a:lnTo>
                      <a:pt x="288" y="176"/>
                    </a:lnTo>
                    <a:lnTo>
                      <a:pt x="286" y="176"/>
                    </a:lnTo>
                    <a:lnTo>
                      <a:pt x="286" y="174"/>
                    </a:lnTo>
                    <a:lnTo>
                      <a:pt x="284" y="174"/>
                    </a:lnTo>
                    <a:lnTo>
                      <a:pt x="284" y="172"/>
                    </a:lnTo>
                    <a:lnTo>
                      <a:pt x="286" y="172"/>
                    </a:lnTo>
                    <a:lnTo>
                      <a:pt x="286" y="170"/>
                    </a:lnTo>
                    <a:lnTo>
                      <a:pt x="288" y="170"/>
                    </a:lnTo>
                    <a:lnTo>
                      <a:pt x="288" y="169"/>
                    </a:lnTo>
                    <a:lnTo>
                      <a:pt x="290" y="169"/>
                    </a:lnTo>
                    <a:lnTo>
                      <a:pt x="290" y="167"/>
                    </a:lnTo>
                    <a:lnTo>
                      <a:pt x="288" y="169"/>
                    </a:lnTo>
                    <a:lnTo>
                      <a:pt x="288" y="167"/>
                    </a:lnTo>
                    <a:lnTo>
                      <a:pt x="284" y="167"/>
                    </a:lnTo>
                    <a:lnTo>
                      <a:pt x="286" y="163"/>
                    </a:lnTo>
                    <a:lnTo>
                      <a:pt x="286" y="161"/>
                    </a:lnTo>
                    <a:lnTo>
                      <a:pt x="284" y="159"/>
                    </a:lnTo>
                    <a:lnTo>
                      <a:pt x="283" y="159"/>
                    </a:lnTo>
                    <a:lnTo>
                      <a:pt x="283" y="157"/>
                    </a:lnTo>
                    <a:lnTo>
                      <a:pt x="281" y="157"/>
                    </a:lnTo>
                    <a:lnTo>
                      <a:pt x="283" y="156"/>
                    </a:lnTo>
                    <a:lnTo>
                      <a:pt x="279" y="156"/>
                    </a:lnTo>
                    <a:lnTo>
                      <a:pt x="281" y="154"/>
                    </a:lnTo>
                    <a:lnTo>
                      <a:pt x="283" y="152"/>
                    </a:lnTo>
                    <a:lnTo>
                      <a:pt x="283" y="150"/>
                    </a:lnTo>
                    <a:lnTo>
                      <a:pt x="284" y="150"/>
                    </a:lnTo>
                    <a:lnTo>
                      <a:pt x="286" y="148"/>
                    </a:lnTo>
                    <a:lnTo>
                      <a:pt x="286" y="146"/>
                    </a:lnTo>
                    <a:lnTo>
                      <a:pt x="288" y="146"/>
                    </a:lnTo>
                    <a:lnTo>
                      <a:pt x="288" y="145"/>
                    </a:lnTo>
                    <a:lnTo>
                      <a:pt x="286" y="143"/>
                    </a:lnTo>
                    <a:lnTo>
                      <a:pt x="286" y="141"/>
                    </a:lnTo>
                    <a:lnTo>
                      <a:pt x="288" y="141"/>
                    </a:lnTo>
                    <a:lnTo>
                      <a:pt x="288" y="139"/>
                    </a:lnTo>
                    <a:lnTo>
                      <a:pt x="290" y="139"/>
                    </a:lnTo>
                    <a:lnTo>
                      <a:pt x="290" y="137"/>
                    </a:lnTo>
                    <a:lnTo>
                      <a:pt x="292" y="137"/>
                    </a:lnTo>
                    <a:lnTo>
                      <a:pt x="292" y="139"/>
                    </a:lnTo>
                    <a:lnTo>
                      <a:pt x="294" y="137"/>
                    </a:lnTo>
                    <a:lnTo>
                      <a:pt x="296" y="137"/>
                    </a:lnTo>
                    <a:lnTo>
                      <a:pt x="297" y="137"/>
                    </a:lnTo>
                    <a:lnTo>
                      <a:pt x="297" y="139"/>
                    </a:lnTo>
                    <a:lnTo>
                      <a:pt x="299" y="139"/>
                    </a:lnTo>
                    <a:lnTo>
                      <a:pt x="299" y="141"/>
                    </a:lnTo>
                    <a:lnTo>
                      <a:pt x="301" y="141"/>
                    </a:lnTo>
                    <a:lnTo>
                      <a:pt x="301" y="139"/>
                    </a:lnTo>
                    <a:lnTo>
                      <a:pt x="303" y="139"/>
                    </a:lnTo>
                    <a:lnTo>
                      <a:pt x="305" y="139"/>
                    </a:lnTo>
                    <a:lnTo>
                      <a:pt x="307" y="139"/>
                    </a:lnTo>
                    <a:lnTo>
                      <a:pt x="308" y="139"/>
                    </a:lnTo>
                    <a:lnTo>
                      <a:pt x="308" y="137"/>
                    </a:lnTo>
                    <a:lnTo>
                      <a:pt x="310" y="137"/>
                    </a:lnTo>
                    <a:lnTo>
                      <a:pt x="310" y="139"/>
                    </a:lnTo>
                    <a:lnTo>
                      <a:pt x="312" y="139"/>
                    </a:lnTo>
                    <a:lnTo>
                      <a:pt x="314" y="137"/>
                    </a:lnTo>
                    <a:lnTo>
                      <a:pt x="321" y="133"/>
                    </a:lnTo>
                    <a:lnTo>
                      <a:pt x="321" y="132"/>
                    </a:lnTo>
                    <a:lnTo>
                      <a:pt x="321" y="133"/>
                    </a:lnTo>
                    <a:lnTo>
                      <a:pt x="323" y="133"/>
                    </a:lnTo>
                    <a:lnTo>
                      <a:pt x="323" y="132"/>
                    </a:lnTo>
                    <a:lnTo>
                      <a:pt x="325" y="130"/>
                    </a:lnTo>
                    <a:lnTo>
                      <a:pt x="329" y="128"/>
                    </a:lnTo>
                    <a:lnTo>
                      <a:pt x="329" y="126"/>
                    </a:lnTo>
                    <a:lnTo>
                      <a:pt x="329" y="124"/>
                    </a:lnTo>
                    <a:lnTo>
                      <a:pt x="331" y="124"/>
                    </a:lnTo>
                    <a:lnTo>
                      <a:pt x="331" y="126"/>
                    </a:lnTo>
                    <a:lnTo>
                      <a:pt x="331" y="128"/>
                    </a:lnTo>
                    <a:lnTo>
                      <a:pt x="334" y="132"/>
                    </a:lnTo>
                    <a:lnTo>
                      <a:pt x="336" y="130"/>
                    </a:lnTo>
                    <a:lnTo>
                      <a:pt x="338" y="132"/>
                    </a:lnTo>
                    <a:lnTo>
                      <a:pt x="338" y="133"/>
                    </a:lnTo>
                    <a:lnTo>
                      <a:pt x="340" y="133"/>
                    </a:lnTo>
                    <a:lnTo>
                      <a:pt x="342" y="133"/>
                    </a:lnTo>
                    <a:lnTo>
                      <a:pt x="344" y="132"/>
                    </a:lnTo>
                    <a:lnTo>
                      <a:pt x="344" y="133"/>
                    </a:lnTo>
                    <a:lnTo>
                      <a:pt x="342" y="133"/>
                    </a:lnTo>
                    <a:lnTo>
                      <a:pt x="344" y="133"/>
                    </a:lnTo>
                    <a:lnTo>
                      <a:pt x="344" y="137"/>
                    </a:lnTo>
                    <a:lnTo>
                      <a:pt x="345" y="137"/>
                    </a:lnTo>
                    <a:lnTo>
                      <a:pt x="347" y="137"/>
                    </a:lnTo>
                    <a:lnTo>
                      <a:pt x="349" y="139"/>
                    </a:lnTo>
                    <a:lnTo>
                      <a:pt x="349" y="141"/>
                    </a:lnTo>
                    <a:lnTo>
                      <a:pt x="351" y="141"/>
                    </a:lnTo>
                    <a:lnTo>
                      <a:pt x="353" y="141"/>
                    </a:lnTo>
                    <a:lnTo>
                      <a:pt x="355" y="141"/>
                    </a:lnTo>
                    <a:lnTo>
                      <a:pt x="355" y="139"/>
                    </a:lnTo>
                    <a:lnTo>
                      <a:pt x="355" y="137"/>
                    </a:lnTo>
                    <a:lnTo>
                      <a:pt x="353" y="137"/>
                    </a:lnTo>
                    <a:lnTo>
                      <a:pt x="353" y="135"/>
                    </a:lnTo>
                    <a:lnTo>
                      <a:pt x="355" y="135"/>
                    </a:lnTo>
                    <a:lnTo>
                      <a:pt x="355" y="133"/>
                    </a:lnTo>
                    <a:lnTo>
                      <a:pt x="357" y="135"/>
                    </a:lnTo>
                    <a:lnTo>
                      <a:pt x="357" y="133"/>
                    </a:lnTo>
                    <a:lnTo>
                      <a:pt x="358" y="133"/>
                    </a:lnTo>
                    <a:lnTo>
                      <a:pt x="358" y="132"/>
                    </a:lnTo>
                    <a:lnTo>
                      <a:pt x="360" y="132"/>
                    </a:lnTo>
                    <a:lnTo>
                      <a:pt x="360" y="133"/>
                    </a:lnTo>
                    <a:lnTo>
                      <a:pt x="362" y="133"/>
                    </a:lnTo>
                    <a:lnTo>
                      <a:pt x="362" y="135"/>
                    </a:lnTo>
                    <a:lnTo>
                      <a:pt x="362" y="133"/>
                    </a:lnTo>
                    <a:lnTo>
                      <a:pt x="364" y="133"/>
                    </a:lnTo>
                    <a:lnTo>
                      <a:pt x="366" y="133"/>
                    </a:lnTo>
                    <a:lnTo>
                      <a:pt x="368" y="133"/>
                    </a:lnTo>
                    <a:lnTo>
                      <a:pt x="368" y="132"/>
                    </a:lnTo>
                    <a:lnTo>
                      <a:pt x="369" y="132"/>
                    </a:lnTo>
                    <a:lnTo>
                      <a:pt x="369" y="130"/>
                    </a:lnTo>
                    <a:lnTo>
                      <a:pt x="371" y="130"/>
                    </a:lnTo>
                    <a:lnTo>
                      <a:pt x="371" y="132"/>
                    </a:lnTo>
                    <a:lnTo>
                      <a:pt x="371" y="130"/>
                    </a:lnTo>
                    <a:lnTo>
                      <a:pt x="373" y="130"/>
                    </a:lnTo>
                    <a:lnTo>
                      <a:pt x="373" y="128"/>
                    </a:lnTo>
                    <a:lnTo>
                      <a:pt x="373" y="130"/>
                    </a:lnTo>
                    <a:lnTo>
                      <a:pt x="375" y="130"/>
                    </a:lnTo>
                    <a:lnTo>
                      <a:pt x="375" y="132"/>
                    </a:lnTo>
                    <a:lnTo>
                      <a:pt x="377" y="130"/>
                    </a:lnTo>
                    <a:lnTo>
                      <a:pt x="379" y="130"/>
                    </a:lnTo>
                    <a:lnTo>
                      <a:pt x="379" y="128"/>
                    </a:lnTo>
                    <a:lnTo>
                      <a:pt x="381" y="128"/>
                    </a:lnTo>
                    <a:lnTo>
                      <a:pt x="381" y="126"/>
                    </a:lnTo>
                    <a:lnTo>
                      <a:pt x="382" y="126"/>
                    </a:lnTo>
                    <a:lnTo>
                      <a:pt x="384" y="126"/>
                    </a:lnTo>
                    <a:lnTo>
                      <a:pt x="386" y="126"/>
                    </a:lnTo>
                    <a:lnTo>
                      <a:pt x="386" y="124"/>
                    </a:lnTo>
                    <a:lnTo>
                      <a:pt x="386" y="126"/>
                    </a:lnTo>
                    <a:lnTo>
                      <a:pt x="386" y="128"/>
                    </a:lnTo>
                    <a:lnTo>
                      <a:pt x="388" y="128"/>
                    </a:lnTo>
                    <a:lnTo>
                      <a:pt x="388" y="130"/>
                    </a:lnTo>
                    <a:lnTo>
                      <a:pt x="388" y="132"/>
                    </a:lnTo>
                    <a:lnTo>
                      <a:pt x="390" y="132"/>
                    </a:lnTo>
                    <a:lnTo>
                      <a:pt x="388" y="132"/>
                    </a:lnTo>
                    <a:lnTo>
                      <a:pt x="388" y="133"/>
                    </a:lnTo>
                    <a:lnTo>
                      <a:pt x="390" y="133"/>
                    </a:lnTo>
                    <a:lnTo>
                      <a:pt x="390" y="135"/>
                    </a:lnTo>
                    <a:lnTo>
                      <a:pt x="390" y="137"/>
                    </a:lnTo>
                    <a:lnTo>
                      <a:pt x="388" y="137"/>
                    </a:lnTo>
                    <a:lnTo>
                      <a:pt x="390" y="137"/>
                    </a:lnTo>
                    <a:lnTo>
                      <a:pt x="390" y="139"/>
                    </a:lnTo>
                    <a:lnTo>
                      <a:pt x="392" y="139"/>
                    </a:lnTo>
                    <a:lnTo>
                      <a:pt x="394" y="143"/>
                    </a:lnTo>
                    <a:lnTo>
                      <a:pt x="395" y="143"/>
                    </a:lnTo>
                    <a:lnTo>
                      <a:pt x="395" y="145"/>
                    </a:lnTo>
                    <a:lnTo>
                      <a:pt x="395" y="146"/>
                    </a:lnTo>
                    <a:lnTo>
                      <a:pt x="395" y="148"/>
                    </a:lnTo>
                    <a:lnTo>
                      <a:pt x="397" y="148"/>
                    </a:lnTo>
                    <a:lnTo>
                      <a:pt x="397" y="150"/>
                    </a:lnTo>
                    <a:lnTo>
                      <a:pt x="399" y="150"/>
                    </a:lnTo>
                    <a:lnTo>
                      <a:pt x="399" y="148"/>
                    </a:lnTo>
                    <a:lnTo>
                      <a:pt x="401" y="148"/>
                    </a:lnTo>
                    <a:lnTo>
                      <a:pt x="403" y="148"/>
                    </a:lnTo>
                    <a:lnTo>
                      <a:pt x="405" y="148"/>
                    </a:lnTo>
                    <a:lnTo>
                      <a:pt x="406" y="148"/>
                    </a:lnTo>
                    <a:lnTo>
                      <a:pt x="408" y="148"/>
                    </a:lnTo>
                    <a:lnTo>
                      <a:pt x="408" y="146"/>
                    </a:lnTo>
                    <a:lnTo>
                      <a:pt x="408" y="145"/>
                    </a:lnTo>
                    <a:lnTo>
                      <a:pt x="410" y="145"/>
                    </a:lnTo>
                    <a:lnTo>
                      <a:pt x="412" y="145"/>
                    </a:lnTo>
                    <a:lnTo>
                      <a:pt x="416" y="146"/>
                    </a:lnTo>
                    <a:lnTo>
                      <a:pt x="418" y="146"/>
                    </a:lnTo>
                    <a:lnTo>
                      <a:pt x="419" y="146"/>
                    </a:lnTo>
                    <a:lnTo>
                      <a:pt x="421" y="146"/>
                    </a:lnTo>
                    <a:lnTo>
                      <a:pt x="423" y="146"/>
                    </a:lnTo>
                    <a:lnTo>
                      <a:pt x="425" y="146"/>
                    </a:lnTo>
                    <a:lnTo>
                      <a:pt x="427" y="146"/>
                    </a:lnTo>
                    <a:lnTo>
                      <a:pt x="429" y="146"/>
                    </a:lnTo>
                    <a:lnTo>
                      <a:pt x="429" y="148"/>
                    </a:lnTo>
                    <a:lnTo>
                      <a:pt x="430" y="148"/>
                    </a:lnTo>
                    <a:lnTo>
                      <a:pt x="430" y="150"/>
                    </a:lnTo>
                    <a:lnTo>
                      <a:pt x="432" y="152"/>
                    </a:lnTo>
                    <a:lnTo>
                      <a:pt x="432" y="154"/>
                    </a:lnTo>
                    <a:lnTo>
                      <a:pt x="434" y="156"/>
                    </a:lnTo>
                    <a:lnTo>
                      <a:pt x="432" y="156"/>
                    </a:lnTo>
                    <a:lnTo>
                      <a:pt x="434" y="156"/>
                    </a:lnTo>
                    <a:lnTo>
                      <a:pt x="436" y="156"/>
                    </a:lnTo>
                    <a:lnTo>
                      <a:pt x="438" y="156"/>
                    </a:lnTo>
                    <a:lnTo>
                      <a:pt x="440" y="156"/>
                    </a:lnTo>
                    <a:lnTo>
                      <a:pt x="440" y="154"/>
                    </a:lnTo>
                    <a:lnTo>
                      <a:pt x="442" y="154"/>
                    </a:lnTo>
                    <a:lnTo>
                      <a:pt x="443" y="152"/>
                    </a:lnTo>
                    <a:lnTo>
                      <a:pt x="445" y="152"/>
                    </a:lnTo>
                    <a:lnTo>
                      <a:pt x="445" y="150"/>
                    </a:lnTo>
                    <a:lnTo>
                      <a:pt x="443" y="148"/>
                    </a:lnTo>
                    <a:lnTo>
                      <a:pt x="445" y="148"/>
                    </a:lnTo>
                    <a:lnTo>
                      <a:pt x="443" y="148"/>
                    </a:lnTo>
                    <a:lnTo>
                      <a:pt x="445" y="146"/>
                    </a:lnTo>
                    <a:lnTo>
                      <a:pt x="447" y="146"/>
                    </a:lnTo>
                    <a:lnTo>
                      <a:pt x="449" y="146"/>
                    </a:lnTo>
                    <a:lnTo>
                      <a:pt x="451" y="146"/>
                    </a:lnTo>
                    <a:lnTo>
                      <a:pt x="451" y="145"/>
                    </a:lnTo>
                    <a:lnTo>
                      <a:pt x="453" y="145"/>
                    </a:lnTo>
                    <a:lnTo>
                      <a:pt x="455" y="145"/>
                    </a:lnTo>
                    <a:lnTo>
                      <a:pt x="455" y="143"/>
                    </a:lnTo>
                    <a:lnTo>
                      <a:pt x="456" y="143"/>
                    </a:lnTo>
                    <a:lnTo>
                      <a:pt x="456" y="145"/>
                    </a:lnTo>
                    <a:lnTo>
                      <a:pt x="458" y="145"/>
                    </a:lnTo>
                    <a:lnTo>
                      <a:pt x="460" y="143"/>
                    </a:lnTo>
                    <a:lnTo>
                      <a:pt x="460" y="145"/>
                    </a:lnTo>
                    <a:lnTo>
                      <a:pt x="460" y="143"/>
                    </a:lnTo>
                    <a:lnTo>
                      <a:pt x="462" y="143"/>
                    </a:lnTo>
                    <a:lnTo>
                      <a:pt x="464" y="143"/>
                    </a:lnTo>
                    <a:lnTo>
                      <a:pt x="464" y="145"/>
                    </a:lnTo>
                    <a:lnTo>
                      <a:pt x="466" y="143"/>
                    </a:lnTo>
                    <a:lnTo>
                      <a:pt x="466" y="145"/>
                    </a:lnTo>
                    <a:lnTo>
                      <a:pt x="467" y="145"/>
                    </a:lnTo>
                    <a:lnTo>
                      <a:pt x="469" y="145"/>
                    </a:lnTo>
                    <a:lnTo>
                      <a:pt x="471" y="143"/>
                    </a:lnTo>
                    <a:lnTo>
                      <a:pt x="473" y="143"/>
                    </a:lnTo>
                    <a:lnTo>
                      <a:pt x="475" y="141"/>
                    </a:lnTo>
                    <a:lnTo>
                      <a:pt x="477" y="141"/>
                    </a:lnTo>
                    <a:lnTo>
                      <a:pt x="477" y="139"/>
                    </a:lnTo>
                    <a:lnTo>
                      <a:pt x="479" y="139"/>
                    </a:lnTo>
                    <a:lnTo>
                      <a:pt x="480" y="139"/>
                    </a:lnTo>
                    <a:lnTo>
                      <a:pt x="482" y="139"/>
                    </a:lnTo>
                    <a:lnTo>
                      <a:pt x="484" y="139"/>
                    </a:lnTo>
                    <a:lnTo>
                      <a:pt x="486" y="139"/>
                    </a:lnTo>
                    <a:lnTo>
                      <a:pt x="488" y="139"/>
                    </a:lnTo>
                    <a:lnTo>
                      <a:pt x="488" y="137"/>
                    </a:lnTo>
                    <a:lnTo>
                      <a:pt x="490" y="135"/>
                    </a:lnTo>
                    <a:lnTo>
                      <a:pt x="491" y="135"/>
                    </a:lnTo>
                    <a:lnTo>
                      <a:pt x="491" y="133"/>
                    </a:lnTo>
                    <a:lnTo>
                      <a:pt x="491" y="132"/>
                    </a:lnTo>
                    <a:lnTo>
                      <a:pt x="491" y="130"/>
                    </a:lnTo>
                    <a:lnTo>
                      <a:pt x="493" y="128"/>
                    </a:lnTo>
                    <a:lnTo>
                      <a:pt x="493" y="126"/>
                    </a:lnTo>
                    <a:lnTo>
                      <a:pt x="495" y="126"/>
                    </a:lnTo>
                    <a:lnTo>
                      <a:pt x="493" y="126"/>
                    </a:lnTo>
                    <a:lnTo>
                      <a:pt x="493" y="124"/>
                    </a:lnTo>
                    <a:lnTo>
                      <a:pt x="495" y="124"/>
                    </a:lnTo>
                    <a:lnTo>
                      <a:pt x="495" y="122"/>
                    </a:lnTo>
                    <a:lnTo>
                      <a:pt x="497" y="121"/>
                    </a:lnTo>
                    <a:lnTo>
                      <a:pt x="497" y="119"/>
                    </a:lnTo>
                    <a:lnTo>
                      <a:pt x="495" y="117"/>
                    </a:lnTo>
                    <a:lnTo>
                      <a:pt x="493" y="115"/>
                    </a:lnTo>
                    <a:lnTo>
                      <a:pt x="493" y="113"/>
                    </a:lnTo>
                    <a:lnTo>
                      <a:pt x="497" y="111"/>
                    </a:lnTo>
                    <a:lnTo>
                      <a:pt x="495" y="111"/>
                    </a:lnTo>
                    <a:lnTo>
                      <a:pt x="497" y="111"/>
                    </a:lnTo>
                    <a:lnTo>
                      <a:pt x="497" y="109"/>
                    </a:lnTo>
                    <a:lnTo>
                      <a:pt x="499" y="109"/>
                    </a:lnTo>
                    <a:lnTo>
                      <a:pt x="499" y="108"/>
                    </a:lnTo>
                    <a:lnTo>
                      <a:pt x="501" y="108"/>
                    </a:lnTo>
                    <a:lnTo>
                      <a:pt x="499" y="106"/>
                    </a:lnTo>
                    <a:lnTo>
                      <a:pt x="501" y="106"/>
                    </a:lnTo>
                    <a:lnTo>
                      <a:pt x="501" y="104"/>
                    </a:lnTo>
                    <a:lnTo>
                      <a:pt x="503" y="106"/>
                    </a:lnTo>
                    <a:lnTo>
                      <a:pt x="503" y="108"/>
                    </a:lnTo>
                    <a:lnTo>
                      <a:pt x="503" y="109"/>
                    </a:lnTo>
                    <a:lnTo>
                      <a:pt x="504" y="109"/>
                    </a:lnTo>
                    <a:lnTo>
                      <a:pt x="504" y="108"/>
                    </a:lnTo>
                    <a:lnTo>
                      <a:pt x="506" y="106"/>
                    </a:lnTo>
                    <a:lnTo>
                      <a:pt x="506" y="104"/>
                    </a:lnTo>
                    <a:lnTo>
                      <a:pt x="506" y="106"/>
                    </a:lnTo>
                    <a:lnTo>
                      <a:pt x="508" y="106"/>
                    </a:lnTo>
                    <a:lnTo>
                      <a:pt x="510" y="106"/>
                    </a:lnTo>
                    <a:lnTo>
                      <a:pt x="508" y="109"/>
                    </a:lnTo>
                    <a:lnTo>
                      <a:pt x="506" y="115"/>
                    </a:lnTo>
                    <a:lnTo>
                      <a:pt x="506" y="117"/>
                    </a:lnTo>
                    <a:lnTo>
                      <a:pt x="508" y="119"/>
                    </a:lnTo>
                    <a:lnTo>
                      <a:pt x="510" y="119"/>
                    </a:lnTo>
                    <a:lnTo>
                      <a:pt x="510" y="121"/>
                    </a:lnTo>
                    <a:lnTo>
                      <a:pt x="512" y="121"/>
                    </a:lnTo>
                    <a:lnTo>
                      <a:pt x="512" y="122"/>
                    </a:lnTo>
                    <a:lnTo>
                      <a:pt x="512" y="124"/>
                    </a:lnTo>
                    <a:lnTo>
                      <a:pt x="514" y="122"/>
                    </a:lnTo>
                    <a:lnTo>
                      <a:pt x="516" y="122"/>
                    </a:lnTo>
                    <a:lnTo>
                      <a:pt x="517" y="122"/>
                    </a:lnTo>
                    <a:lnTo>
                      <a:pt x="519" y="121"/>
                    </a:lnTo>
                    <a:lnTo>
                      <a:pt x="517" y="119"/>
                    </a:lnTo>
                    <a:lnTo>
                      <a:pt x="521" y="119"/>
                    </a:lnTo>
                    <a:lnTo>
                      <a:pt x="523" y="119"/>
                    </a:lnTo>
                    <a:lnTo>
                      <a:pt x="523" y="117"/>
                    </a:lnTo>
                    <a:lnTo>
                      <a:pt x="523" y="119"/>
                    </a:lnTo>
                    <a:lnTo>
                      <a:pt x="523" y="121"/>
                    </a:lnTo>
                    <a:lnTo>
                      <a:pt x="523" y="122"/>
                    </a:lnTo>
                    <a:lnTo>
                      <a:pt x="523" y="124"/>
                    </a:lnTo>
                    <a:lnTo>
                      <a:pt x="523" y="126"/>
                    </a:lnTo>
                    <a:lnTo>
                      <a:pt x="525" y="126"/>
                    </a:lnTo>
                    <a:lnTo>
                      <a:pt x="525" y="130"/>
                    </a:lnTo>
                    <a:lnTo>
                      <a:pt x="527" y="130"/>
                    </a:lnTo>
                    <a:lnTo>
                      <a:pt x="528" y="128"/>
                    </a:lnTo>
                    <a:lnTo>
                      <a:pt x="530" y="128"/>
                    </a:lnTo>
                    <a:lnTo>
                      <a:pt x="532" y="128"/>
                    </a:lnTo>
                    <a:lnTo>
                      <a:pt x="534" y="126"/>
                    </a:lnTo>
                    <a:lnTo>
                      <a:pt x="536" y="128"/>
                    </a:lnTo>
                    <a:lnTo>
                      <a:pt x="540" y="130"/>
                    </a:lnTo>
                    <a:lnTo>
                      <a:pt x="538" y="133"/>
                    </a:lnTo>
                    <a:lnTo>
                      <a:pt x="540" y="135"/>
                    </a:lnTo>
                    <a:lnTo>
                      <a:pt x="545" y="132"/>
                    </a:lnTo>
                    <a:lnTo>
                      <a:pt x="545" y="133"/>
                    </a:lnTo>
                    <a:lnTo>
                      <a:pt x="547" y="133"/>
                    </a:lnTo>
                    <a:lnTo>
                      <a:pt x="549" y="133"/>
                    </a:lnTo>
                    <a:lnTo>
                      <a:pt x="551" y="135"/>
                    </a:lnTo>
                    <a:lnTo>
                      <a:pt x="551" y="133"/>
                    </a:lnTo>
                    <a:lnTo>
                      <a:pt x="552" y="133"/>
                    </a:lnTo>
                    <a:lnTo>
                      <a:pt x="554" y="133"/>
                    </a:lnTo>
                    <a:lnTo>
                      <a:pt x="556" y="133"/>
                    </a:lnTo>
                    <a:lnTo>
                      <a:pt x="556" y="135"/>
                    </a:lnTo>
                    <a:lnTo>
                      <a:pt x="556" y="133"/>
                    </a:lnTo>
                    <a:lnTo>
                      <a:pt x="558" y="133"/>
                    </a:lnTo>
                    <a:lnTo>
                      <a:pt x="558" y="135"/>
                    </a:lnTo>
                    <a:lnTo>
                      <a:pt x="558" y="133"/>
                    </a:lnTo>
                    <a:lnTo>
                      <a:pt x="558" y="135"/>
                    </a:lnTo>
                    <a:lnTo>
                      <a:pt x="558" y="133"/>
                    </a:lnTo>
                    <a:lnTo>
                      <a:pt x="558" y="135"/>
                    </a:lnTo>
                    <a:lnTo>
                      <a:pt x="560" y="135"/>
                    </a:lnTo>
                    <a:lnTo>
                      <a:pt x="560" y="133"/>
                    </a:lnTo>
                    <a:lnTo>
                      <a:pt x="562" y="133"/>
                    </a:lnTo>
                    <a:lnTo>
                      <a:pt x="562" y="135"/>
                    </a:lnTo>
                    <a:lnTo>
                      <a:pt x="560" y="135"/>
                    </a:lnTo>
                    <a:lnTo>
                      <a:pt x="560" y="137"/>
                    </a:lnTo>
                    <a:lnTo>
                      <a:pt x="558" y="137"/>
                    </a:lnTo>
                    <a:lnTo>
                      <a:pt x="558" y="139"/>
                    </a:lnTo>
                    <a:lnTo>
                      <a:pt x="558" y="141"/>
                    </a:lnTo>
                    <a:lnTo>
                      <a:pt x="558" y="143"/>
                    </a:lnTo>
                    <a:lnTo>
                      <a:pt x="560" y="143"/>
                    </a:lnTo>
                    <a:lnTo>
                      <a:pt x="560" y="145"/>
                    </a:lnTo>
                    <a:lnTo>
                      <a:pt x="560" y="146"/>
                    </a:lnTo>
                    <a:lnTo>
                      <a:pt x="558" y="146"/>
                    </a:lnTo>
                    <a:lnTo>
                      <a:pt x="560" y="146"/>
                    </a:lnTo>
                    <a:lnTo>
                      <a:pt x="560" y="148"/>
                    </a:lnTo>
                    <a:lnTo>
                      <a:pt x="562" y="148"/>
                    </a:lnTo>
                    <a:lnTo>
                      <a:pt x="564" y="148"/>
                    </a:lnTo>
                    <a:lnTo>
                      <a:pt x="562" y="152"/>
                    </a:lnTo>
                    <a:lnTo>
                      <a:pt x="564" y="152"/>
                    </a:lnTo>
                    <a:lnTo>
                      <a:pt x="565" y="152"/>
                    </a:lnTo>
                    <a:lnTo>
                      <a:pt x="565" y="154"/>
                    </a:lnTo>
                    <a:lnTo>
                      <a:pt x="567" y="154"/>
                    </a:lnTo>
                    <a:lnTo>
                      <a:pt x="567" y="152"/>
                    </a:lnTo>
                    <a:lnTo>
                      <a:pt x="569" y="150"/>
                    </a:lnTo>
                    <a:lnTo>
                      <a:pt x="569" y="148"/>
                    </a:lnTo>
                    <a:lnTo>
                      <a:pt x="573" y="145"/>
                    </a:lnTo>
                    <a:lnTo>
                      <a:pt x="575" y="145"/>
                    </a:lnTo>
                    <a:lnTo>
                      <a:pt x="577" y="145"/>
                    </a:lnTo>
                    <a:lnTo>
                      <a:pt x="578" y="145"/>
                    </a:lnTo>
                    <a:lnTo>
                      <a:pt x="584" y="143"/>
                    </a:lnTo>
                    <a:lnTo>
                      <a:pt x="586" y="143"/>
                    </a:lnTo>
                    <a:lnTo>
                      <a:pt x="588" y="145"/>
                    </a:lnTo>
                    <a:lnTo>
                      <a:pt x="588" y="143"/>
                    </a:lnTo>
                    <a:lnTo>
                      <a:pt x="589" y="143"/>
                    </a:lnTo>
                    <a:lnTo>
                      <a:pt x="593" y="145"/>
                    </a:lnTo>
                    <a:lnTo>
                      <a:pt x="593" y="146"/>
                    </a:lnTo>
                    <a:lnTo>
                      <a:pt x="593" y="148"/>
                    </a:lnTo>
                    <a:lnTo>
                      <a:pt x="593" y="150"/>
                    </a:lnTo>
                    <a:lnTo>
                      <a:pt x="601" y="150"/>
                    </a:lnTo>
                    <a:lnTo>
                      <a:pt x="601" y="148"/>
                    </a:lnTo>
                    <a:lnTo>
                      <a:pt x="602" y="148"/>
                    </a:lnTo>
                    <a:lnTo>
                      <a:pt x="604" y="150"/>
                    </a:lnTo>
                    <a:lnTo>
                      <a:pt x="606" y="150"/>
                    </a:lnTo>
                    <a:lnTo>
                      <a:pt x="606" y="152"/>
                    </a:lnTo>
                    <a:lnTo>
                      <a:pt x="608" y="150"/>
                    </a:lnTo>
                    <a:lnTo>
                      <a:pt x="610" y="152"/>
                    </a:lnTo>
                    <a:lnTo>
                      <a:pt x="612" y="150"/>
                    </a:lnTo>
                    <a:lnTo>
                      <a:pt x="612" y="152"/>
                    </a:lnTo>
                    <a:lnTo>
                      <a:pt x="612" y="154"/>
                    </a:lnTo>
                    <a:lnTo>
                      <a:pt x="612" y="156"/>
                    </a:lnTo>
                    <a:lnTo>
                      <a:pt x="613" y="156"/>
                    </a:lnTo>
                    <a:lnTo>
                      <a:pt x="613" y="159"/>
                    </a:lnTo>
                    <a:lnTo>
                      <a:pt x="617" y="159"/>
                    </a:lnTo>
                    <a:lnTo>
                      <a:pt x="621" y="161"/>
                    </a:lnTo>
                    <a:lnTo>
                      <a:pt x="621" y="159"/>
                    </a:lnTo>
                    <a:lnTo>
                      <a:pt x="625" y="161"/>
                    </a:lnTo>
                    <a:lnTo>
                      <a:pt x="632" y="161"/>
                    </a:lnTo>
                    <a:lnTo>
                      <a:pt x="634" y="161"/>
                    </a:lnTo>
                    <a:lnTo>
                      <a:pt x="636" y="161"/>
                    </a:lnTo>
                    <a:lnTo>
                      <a:pt x="638" y="161"/>
                    </a:lnTo>
                    <a:lnTo>
                      <a:pt x="639" y="161"/>
                    </a:lnTo>
                    <a:lnTo>
                      <a:pt x="639" y="159"/>
                    </a:lnTo>
                    <a:lnTo>
                      <a:pt x="641" y="157"/>
                    </a:lnTo>
                    <a:lnTo>
                      <a:pt x="643" y="157"/>
                    </a:lnTo>
                    <a:lnTo>
                      <a:pt x="643" y="156"/>
                    </a:lnTo>
                    <a:lnTo>
                      <a:pt x="647" y="156"/>
                    </a:lnTo>
                    <a:lnTo>
                      <a:pt x="649" y="156"/>
                    </a:lnTo>
                    <a:lnTo>
                      <a:pt x="649" y="154"/>
                    </a:lnTo>
                    <a:lnTo>
                      <a:pt x="652" y="152"/>
                    </a:lnTo>
                    <a:lnTo>
                      <a:pt x="654" y="152"/>
                    </a:lnTo>
                    <a:lnTo>
                      <a:pt x="656" y="152"/>
                    </a:lnTo>
                    <a:lnTo>
                      <a:pt x="658" y="152"/>
                    </a:lnTo>
                    <a:lnTo>
                      <a:pt x="658" y="150"/>
                    </a:lnTo>
                    <a:lnTo>
                      <a:pt x="658" y="148"/>
                    </a:lnTo>
                    <a:lnTo>
                      <a:pt x="658" y="146"/>
                    </a:lnTo>
                    <a:lnTo>
                      <a:pt x="660" y="146"/>
                    </a:lnTo>
                    <a:lnTo>
                      <a:pt x="660" y="145"/>
                    </a:lnTo>
                    <a:lnTo>
                      <a:pt x="662" y="145"/>
                    </a:lnTo>
                    <a:lnTo>
                      <a:pt x="663" y="145"/>
                    </a:lnTo>
                    <a:lnTo>
                      <a:pt x="665" y="145"/>
                    </a:lnTo>
                    <a:lnTo>
                      <a:pt x="667" y="145"/>
                    </a:lnTo>
                    <a:lnTo>
                      <a:pt x="669" y="145"/>
                    </a:lnTo>
                    <a:lnTo>
                      <a:pt x="669" y="146"/>
                    </a:lnTo>
                    <a:lnTo>
                      <a:pt x="671" y="150"/>
                    </a:lnTo>
                    <a:lnTo>
                      <a:pt x="673" y="150"/>
                    </a:lnTo>
                    <a:lnTo>
                      <a:pt x="676" y="152"/>
                    </a:lnTo>
                    <a:lnTo>
                      <a:pt x="678" y="152"/>
                    </a:lnTo>
                    <a:lnTo>
                      <a:pt x="680" y="152"/>
                    </a:lnTo>
                    <a:lnTo>
                      <a:pt x="682" y="152"/>
                    </a:lnTo>
                    <a:lnTo>
                      <a:pt x="684" y="152"/>
                    </a:lnTo>
                    <a:lnTo>
                      <a:pt x="684" y="154"/>
                    </a:lnTo>
                    <a:lnTo>
                      <a:pt x="686" y="156"/>
                    </a:lnTo>
                    <a:lnTo>
                      <a:pt x="686" y="154"/>
                    </a:lnTo>
                    <a:lnTo>
                      <a:pt x="687" y="154"/>
                    </a:lnTo>
                    <a:lnTo>
                      <a:pt x="689" y="154"/>
                    </a:lnTo>
                    <a:lnTo>
                      <a:pt x="689" y="152"/>
                    </a:lnTo>
                    <a:lnTo>
                      <a:pt x="691" y="152"/>
                    </a:lnTo>
                    <a:lnTo>
                      <a:pt x="693" y="152"/>
                    </a:lnTo>
                    <a:lnTo>
                      <a:pt x="693" y="150"/>
                    </a:lnTo>
                    <a:lnTo>
                      <a:pt x="695" y="150"/>
                    </a:lnTo>
                    <a:lnTo>
                      <a:pt x="695" y="148"/>
                    </a:lnTo>
                    <a:lnTo>
                      <a:pt x="695" y="146"/>
                    </a:lnTo>
                    <a:lnTo>
                      <a:pt x="697" y="146"/>
                    </a:lnTo>
                    <a:lnTo>
                      <a:pt x="699" y="146"/>
                    </a:lnTo>
                    <a:lnTo>
                      <a:pt x="699" y="145"/>
                    </a:lnTo>
                    <a:lnTo>
                      <a:pt x="699" y="143"/>
                    </a:lnTo>
                    <a:lnTo>
                      <a:pt x="700" y="141"/>
                    </a:lnTo>
                    <a:lnTo>
                      <a:pt x="702" y="139"/>
                    </a:lnTo>
                    <a:lnTo>
                      <a:pt x="706" y="137"/>
                    </a:lnTo>
                    <a:lnTo>
                      <a:pt x="708" y="137"/>
                    </a:lnTo>
                    <a:lnTo>
                      <a:pt x="708" y="135"/>
                    </a:lnTo>
                    <a:lnTo>
                      <a:pt x="710" y="135"/>
                    </a:lnTo>
                    <a:lnTo>
                      <a:pt x="710" y="133"/>
                    </a:lnTo>
                    <a:lnTo>
                      <a:pt x="708" y="133"/>
                    </a:lnTo>
                    <a:lnTo>
                      <a:pt x="710" y="132"/>
                    </a:lnTo>
                    <a:lnTo>
                      <a:pt x="710" y="130"/>
                    </a:lnTo>
                    <a:lnTo>
                      <a:pt x="711" y="130"/>
                    </a:lnTo>
                    <a:lnTo>
                      <a:pt x="711" y="128"/>
                    </a:lnTo>
                    <a:lnTo>
                      <a:pt x="713" y="128"/>
                    </a:lnTo>
                    <a:lnTo>
                      <a:pt x="713" y="126"/>
                    </a:lnTo>
                    <a:lnTo>
                      <a:pt x="715" y="126"/>
                    </a:lnTo>
                    <a:lnTo>
                      <a:pt x="715" y="124"/>
                    </a:lnTo>
                    <a:lnTo>
                      <a:pt x="713" y="122"/>
                    </a:lnTo>
                    <a:lnTo>
                      <a:pt x="713" y="121"/>
                    </a:lnTo>
                    <a:lnTo>
                      <a:pt x="713" y="119"/>
                    </a:lnTo>
                    <a:lnTo>
                      <a:pt x="713" y="117"/>
                    </a:lnTo>
                    <a:lnTo>
                      <a:pt x="713" y="115"/>
                    </a:lnTo>
                    <a:lnTo>
                      <a:pt x="713" y="113"/>
                    </a:lnTo>
                    <a:lnTo>
                      <a:pt x="713" y="111"/>
                    </a:lnTo>
                    <a:lnTo>
                      <a:pt x="711" y="111"/>
                    </a:lnTo>
                    <a:lnTo>
                      <a:pt x="711" y="109"/>
                    </a:lnTo>
                    <a:lnTo>
                      <a:pt x="711" y="108"/>
                    </a:lnTo>
                    <a:lnTo>
                      <a:pt x="710" y="108"/>
                    </a:lnTo>
                    <a:lnTo>
                      <a:pt x="708" y="106"/>
                    </a:lnTo>
                    <a:lnTo>
                      <a:pt x="706" y="108"/>
                    </a:lnTo>
                    <a:lnTo>
                      <a:pt x="704" y="108"/>
                    </a:lnTo>
                    <a:lnTo>
                      <a:pt x="704" y="109"/>
                    </a:lnTo>
                    <a:lnTo>
                      <a:pt x="702" y="109"/>
                    </a:lnTo>
                    <a:lnTo>
                      <a:pt x="702" y="111"/>
                    </a:lnTo>
                    <a:lnTo>
                      <a:pt x="700" y="113"/>
                    </a:lnTo>
                    <a:lnTo>
                      <a:pt x="699" y="113"/>
                    </a:lnTo>
                    <a:lnTo>
                      <a:pt x="697" y="111"/>
                    </a:lnTo>
                    <a:lnTo>
                      <a:pt x="699" y="111"/>
                    </a:lnTo>
                    <a:lnTo>
                      <a:pt x="699" y="109"/>
                    </a:lnTo>
                    <a:lnTo>
                      <a:pt x="699" y="108"/>
                    </a:lnTo>
                    <a:lnTo>
                      <a:pt x="699" y="106"/>
                    </a:lnTo>
                    <a:lnTo>
                      <a:pt x="699" y="104"/>
                    </a:lnTo>
                    <a:lnTo>
                      <a:pt x="699" y="102"/>
                    </a:lnTo>
                    <a:lnTo>
                      <a:pt x="699" y="100"/>
                    </a:lnTo>
                    <a:lnTo>
                      <a:pt x="697" y="100"/>
                    </a:lnTo>
                    <a:lnTo>
                      <a:pt x="697" y="98"/>
                    </a:lnTo>
                    <a:lnTo>
                      <a:pt x="699" y="98"/>
                    </a:lnTo>
                    <a:lnTo>
                      <a:pt x="699" y="96"/>
                    </a:lnTo>
                    <a:lnTo>
                      <a:pt x="700" y="96"/>
                    </a:lnTo>
                    <a:lnTo>
                      <a:pt x="700" y="95"/>
                    </a:lnTo>
                    <a:lnTo>
                      <a:pt x="700" y="93"/>
                    </a:lnTo>
                    <a:lnTo>
                      <a:pt x="702" y="93"/>
                    </a:lnTo>
                    <a:lnTo>
                      <a:pt x="704" y="95"/>
                    </a:lnTo>
                    <a:lnTo>
                      <a:pt x="706" y="93"/>
                    </a:lnTo>
                    <a:lnTo>
                      <a:pt x="706" y="95"/>
                    </a:lnTo>
                    <a:lnTo>
                      <a:pt x="708" y="91"/>
                    </a:lnTo>
                    <a:lnTo>
                      <a:pt x="710" y="91"/>
                    </a:lnTo>
                    <a:lnTo>
                      <a:pt x="710" y="89"/>
                    </a:lnTo>
                    <a:lnTo>
                      <a:pt x="708" y="89"/>
                    </a:lnTo>
                    <a:lnTo>
                      <a:pt x="706" y="87"/>
                    </a:lnTo>
                    <a:lnTo>
                      <a:pt x="704" y="87"/>
                    </a:lnTo>
                    <a:lnTo>
                      <a:pt x="702" y="87"/>
                    </a:lnTo>
                    <a:lnTo>
                      <a:pt x="700" y="87"/>
                    </a:lnTo>
                    <a:lnTo>
                      <a:pt x="700" y="85"/>
                    </a:lnTo>
                    <a:lnTo>
                      <a:pt x="699" y="85"/>
                    </a:lnTo>
                    <a:lnTo>
                      <a:pt x="699" y="84"/>
                    </a:lnTo>
                    <a:lnTo>
                      <a:pt x="697" y="82"/>
                    </a:lnTo>
                    <a:lnTo>
                      <a:pt x="695" y="82"/>
                    </a:lnTo>
                    <a:lnTo>
                      <a:pt x="695" y="80"/>
                    </a:lnTo>
                    <a:lnTo>
                      <a:pt x="693" y="80"/>
                    </a:lnTo>
                    <a:lnTo>
                      <a:pt x="693" y="78"/>
                    </a:lnTo>
                    <a:lnTo>
                      <a:pt x="689" y="76"/>
                    </a:lnTo>
                    <a:lnTo>
                      <a:pt x="689" y="78"/>
                    </a:lnTo>
                    <a:lnTo>
                      <a:pt x="687" y="80"/>
                    </a:lnTo>
                    <a:lnTo>
                      <a:pt x="689" y="82"/>
                    </a:lnTo>
                    <a:lnTo>
                      <a:pt x="689" y="84"/>
                    </a:lnTo>
                    <a:lnTo>
                      <a:pt x="687" y="82"/>
                    </a:lnTo>
                    <a:lnTo>
                      <a:pt x="687" y="84"/>
                    </a:lnTo>
                    <a:lnTo>
                      <a:pt x="687" y="85"/>
                    </a:lnTo>
                    <a:lnTo>
                      <a:pt x="686" y="84"/>
                    </a:lnTo>
                    <a:lnTo>
                      <a:pt x="682" y="89"/>
                    </a:lnTo>
                    <a:lnTo>
                      <a:pt x="680" y="89"/>
                    </a:lnTo>
                    <a:lnTo>
                      <a:pt x="678" y="89"/>
                    </a:lnTo>
                    <a:lnTo>
                      <a:pt x="676" y="91"/>
                    </a:lnTo>
                    <a:lnTo>
                      <a:pt x="674" y="93"/>
                    </a:lnTo>
                    <a:lnTo>
                      <a:pt x="674" y="95"/>
                    </a:lnTo>
                    <a:lnTo>
                      <a:pt x="673" y="95"/>
                    </a:lnTo>
                    <a:lnTo>
                      <a:pt x="671" y="95"/>
                    </a:lnTo>
                    <a:lnTo>
                      <a:pt x="669" y="95"/>
                    </a:lnTo>
                    <a:lnTo>
                      <a:pt x="669" y="93"/>
                    </a:lnTo>
                    <a:lnTo>
                      <a:pt x="667" y="93"/>
                    </a:lnTo>
                    <a:lnTo>
                      <a:pt x="667" y="95"/>
                    </a:lnTo>
                    <a:lnTo>
                      <a:pt x="663" y="96"/>
                    </a:lnTo>
                    <a:lnTo>
                      <a:pt x="662" y="96"/>
                    </a:lnTo>
                    <a:lnTo>
                      <a:pt x="660" y="96"/>
                    </a:lnTo>
                    <a:lnTo>
                      <a:pt x="660" y="98"/>
                    </a:lnTo>
                    <a:lnTo>
                      <a:pt x="660" y="96"/>
                    </a:lnTo>
                    <a:lnTo>
                      <a:pt x="658" y="96"/>
                    </a:lnTo>
                    <a:lnTo>
                      <a:pt x="656" y="96"/>
                    </a:lnTo>
                    <a:lnTo>
                      <a:pt x="656" y="95"/>
                    </a:lnTo>
                    <a:lnTo>
                      <a:pt x="654" y="95"/>
                    </a:lnTo>
                    <a:lnTo>
                      <a:pt x="652" y="95"/>
                    </a:lnTo>
                    <a:lnTo>
                      <a:pt x="650" y="95"/>
                    </a:lnTo>
                    <a:lnTo>
                      <a:pt x="649" y="95"/>
                    </a:lnTo>
                    <a:lnTo>
                      <a:pt x="649" y="93"/>
                    </a:lnTo>
                    <a:lnTo>
                      <a:pt x="647" y="93"/>
                    </a:lnTo>
                    <a:lnTo>
                      <a:pt x="647" y="91"/>
                    </a:lnTo>
                    <a:lnTo>
                      <a:pt x="645" y="89"/>
                    </a:lnTo>
                    <a:lnTo>
                      <a:pt x="643" y="89"/>
                    </a:lnTo>
                    <a:lnTo>
                      <a:pt x="641" y="87"/>
                    </a:lnTo>
                    <a:lnTo>
                      <a:pt x="643" y="87"/>
                    </a:lnTo>
                    <a:lnTo>
                      <a:pt x="643" y="85"/>
                    </a:lnTo>
                    <a:lnTo>
                      <a:pt x="645" y="84"/>
                    </a:lnTo>
                    <a:lnTo>
                      <a:pt x="645" y="85"/>
                    </a:lnTo>
                    <a:lnTo>
                      <a:pt x="647" y="87"/>
                    </a:lnTo>
                    <a:lnTo>
                      <a:pt x="647" y="85"/>
                    </a:lnTo>
                    <a:lnTo>
                      <a:pt x="649" y="85"/>
                    </a:lnTo>
                    <a:lnTo>
                      <a:pt x="649" y="84"/>
                    </a:lnTo>
                    <a:lnTo>
                      <a:pt x="650" y="84"/>
                    </a:lnTo>
                    <a:lnTo>
                      <a:pt x="652" y="84"/>
                    </a:lnTo>
                    <a:lnTo>
                      <a:pt x="652" y="82"/>
                    </a:lnTo>
                    <a:lnTo>
                      <a:pt x="652" y="84"/>
                    </a:lnTo>
                    <a:lnTo>
                      <a:pt x="654" y="85"/>
                    </a:lnTo>
                    <a:lnTo>
                      <a:pt x="656" y="85"/>
                    </a:lnTo>
                    <a:lnTo>
                      <a:pt x="656" y="89"/>
                    </a:lnTo>
                    <a:lnTo>
                      <a:pt x="658" y="89"/>
                    </a:lnTo>
                    <a:lnTo>
                      <a:pt x="658" y="87"/>
                    </a:lnTo>
                    <a:lnTo>
                      <a:pt x="658" y="85"/>
                    </a:lnTo>
                    <a:lnTo>
                      <a:pt x="658" y="84"/>
                    </a:lnTo>
                    <a:lnTo>
                      <a:pt x="658" y="82"/>
                    </a:lnTo>
                    <a:lnTo>
                      <a:pt x="660" y="80"/>
                    </a:lnTo>
                    <a:lnTo>
                      <a:pt x="662" y="80"/>
                    </a:lnTo>
                    <a:lnTo>
                      <a:pt x="662" y="78"/>
                    </a:lnTo>
                    <a:lnTo>
                      <a:pt x="662" y="76"/>
                    </a:lnTo>
                    <a:lnTo>
                      <a:pt x="662" y="74"/>
                    </a:lnTo>
                    <a:lnTo>
                      <a:pt x="663" y="72"/>
                    </a:lnTo>
                    <a:lnTo>
                      <a:pt x="665" y="71"/>
                    </a:lnTo>
                    <a:lnTo>
                      <a:pt x="662" y="67"/>
                    </a:lnTo>
                    <a:lnTo>
                      <a:pt x="667" y="65"/>
                    </a:lnTo>
                    <a:lnTo>
                      <a:pt x="671" y="63"/>
                    </a:lnTo>
                    <a:lnTo>
                      <a:pt x="673" y="63"/>
                    </a:lnTo>
                    <a:lnTo>
                      <a:pt x="674" y="63"/>
                    </a:lnTo>
                    <a:lnTo>
                      <a:pt x="676" y="61"/>
                    </a:lnTo>
                    <a:lnTo>
                      <a:pt x="678" y="63"/>
                    </a:lnTo>
                    <a:lnTo>
                      <a:pt x="680" y="61"/>
                    </a:lnTo>
                    <a:lnTo>
                      <a:pt x="680" y="59"/>
                    </a:lnTo>
                    <a:lnTo>
                      <a:pt x="682" y="59"/>
                    </a:lnTo>
                    <a:lnTo>
                      <a:pt x="684" y="59"/>
                    </a:lnTo>
                    <a:lnTo>
                      <a:pt x="687" y="59"/>
                    </a:lnTo>
                    <a:lnTo>
                      <a:pt x="689" y="56"/>
                    </a:lnTo>
                    <a:lnTo>
                      <a:pt x="689" y="54"/>
                    </a:lnTo>
                    <a:lnTo>
                      <a:pt x="691" y="54"/>
                    </a:lnTo>
                    <a:lnTo>
                      <a:pt x="691" y="56"/>
                    </a:lnTo>
                    <a:lnTo>
                      <a:pt x="693" y="56"/>
                    </a:lnTo>
                    <a:lnTo>
                      <a:pt x="695" y="56"/>
                    </a:lnTo>
                    <a:lnTo>
                      <a:pt x="697" y="56"/>
                    </a:lnTo>
                    <a:lnTo>
                      <a:pt x="697" y="58"/>
                    </a:lnTo>
                    <a:lnTo>
                      <a:pt x="699" y="58"/>
                    </a:lnTo>
                    <a:lnTo>
                      <a:pt x="699" y="59"/>
                    </a:lnTo>
                    <a:lnTo>
                      <a:pt x="700" y="61"/>
                    </a:lnTo>
                    <a:lnTo>
                      <a:pt x="702" y="63"/>
                    </a:lnTo>
                    <a:lnTo>
                      <a:pt x="704" y="61"/>
                    </a:lnTo>
                    <a:lnTo>
                      <a:pt x="704" y="59"/>
                    </a:lnTo>
                    <a:lnTo>
                      <a:pt x="704" y="58"/>
                    </a:lnTo>
                    <a:lnTo>
                      <a:pt x="704" y="56"/>
                    </a:lnTo>
                    <a:lnTo>
                      <a:pt x="704" y="54"/>
                    </a:lnTo>
                    <a:lnTo>
                      <a:pt x="702" y="54"/>
                    </a:lnTo>
                    <a:lnTo>
                      <a:pt x="702" y="52"/>
                    </a:lnTo>
                    <a:lnTo>
                      <a:pt x="704" y="52"/>
                    </a:lnTo>
                    <a:lnTo>
                      <a:pt x="704" y="50"/>
                    </a:lnTo>
                    <a:lnTo>
                      <a:pt x="708" y="50"/>
                    </a:lnTo>
                    <a:lnTo>
                      <a:pt x="708" y="47"/>
                    </a:lnTo>
                    <a:lnTo>
                      <a:pt x="706" y="47"/>
                    </a:lnTo>
                    <a:lnTo>
                      <a:pt x="708" y="45"/>
                    </a:lnTo>
                    <a:lnTo>
                      <a:pt x="710" y="45"/>
                    </a:lnTo>
                    <a:lnTo>
                      <a:pt x="708" y="45"/>
                    </a:lnTo>
                    <a:lnTo>
                      <a:pt x="710" y="43"/>
                    </a:lnTo>
                    <a:lnTo>
                      <a:pt x="711" y="43"/>
                    </a:lnTo>
                    <a:lnTo>
                      <a:pt x="713" y="45"/>
                    </a:lnTo>
                    <a:lnTo>
                      <a:pt x="715" y="45"/>
                    </a:lnTo>
                    <a:lnTo>
                      <a:pt x="715" y="43"/>
                    </a:lnTo>
                    <a:lnTo>
                      <a:pt x="717" y="43"/>
                    </a:lnTo>
                    <a:lnTo>
                      <a:pt x="717" y="45"/>
                    </a:lnTo>
                    <a:lnTo>
                      <a:pt x="717" y="47"/>
                    </a:lnTo>
                    <a:lnTo>
                      <a:pt x="717" y="48"/>
                    </a:lnTo>
                    <a:lnTo>
                      <a:pt x="719" y="48"/>
                    </a:lnTo>
                    <a:lnTo>
                      <a:pt x="721" y="48"/>
                    </a:lnTo>
                    <a:lnTo>
                      <a:pt x="723" y="50"/>
                    </a:lnTo>
                    <a:lnTo>
                      <a:pt x="724" y="50"/>
                    </a:lnTo>
                    <a:lnTo>
                      <a:pt x="724" y="48"/>
                    </a:lnTo>
                    <a:lnTo>
                      <a:pt x="726" y="48"/>
                    </a:lnTo>
                    <a:lnTo>
                      <a:pt x="726" y="47"/>
                    </a:lnTo>
                    <a:lnTo>
                      <a:pt x="728" y="48"/>
                    </a:lnTo>
                    <a:lnTo>
                      <a:pt x="728" y="47"/>
                    </a:lnTo>
                    <a:lnTo>
                      <a:pt x="730" y="47"/>
                    </a:lnTo>
                    <a:lnTo>
                      <a:pt x="730" y="48"/>
                    </a:lnTo>
                    <a:lnTo>
                      <a:pt x="730" y="47"/>
                    </a:lnTo>
                    <a:lnTo>
                      <a:pt x="730" y="48"/>
                    </a:lnTo>
                    <a:lnTo>
                      <a:pt x="732" y="48"/>
                    </a:lnTo>
                    <a:lnTo>
                      <a:pt x="734" y="48"/>
                    </a:lnTo>
                    <a:lnTo>
                      <a:pt x="735" y="48"/>
                    </a:lnTo>
                    <a:lnTo>
                      <a:pt x="737" y="48"/>
                    </a:lnTo>
                    <a:lnTo>
                      <a:pt x="737" y="47"/>
                    </a:lnTo>
                    <a:lnTo>
                      <a:pt x="739" y="47"/>
                    </a:lnTo>
                    <a:lnTo>
                      <a:pt x="739" y="45"/>
                    </a:lnTo>
                    <a:lnTo>
                      <a:pt x="739" y="43"/>
                    </a:lnTo>
                    <a:lnTo>
                      <a:pt x="739" y="45"/>
                    </a:lnTo>
                    <a:lnTo>
                      <a:pt x="739" y="47"/>
                    </a:lnTo>
                    <a:lnTo>
                      <a:pt x="739" y="50"/>
                    </a:lnTo>
                    <a:lnTo>
                      <a:pt x="741" y="50"/>
                    </a:lnTo>
                    <a:lnTo>
                      <a:pt x="741" y="52"/>
                    </a:lnTo>
                    <a:lnTo>
                      <a:pt x="741" y="54"/>
                    </a:lnTo>
                    <a:lnTo>
                      <a:pt x="739" y="54"/>
                    </a:lnTo>
                    <a:lnTo>
                      <a:pt x="739" y="56"/>
                    </a:lnTo>
                    <a:lnTo>
                      <a:pt x="739" y="58"/>
                    </a:lnTo>
                    <a:lnTo>
                      <a:pt x="741" y="58"/>
                    </a:lnTo>
                    <a:lnTo>
                      <a:pt x="741" y="59"/>
                    </a:lnTo>
                    <a:lnTo>
                      <a:pt x="743" y="59"/>
                    </a:lnTo>
                    <a:lnTo>
                      <a:pt x="743" y="61"/>
                    </a:lnTo>
                    <a:lnTo>
                      <a:pt x="743" y="63"/>
                    </a:lnTo>
                    <a:lnTo>
                      <a:pt x="745" y="63"/>
                    </a:lnTo>
                    <a:lnTo>
                      <a:pt x="745" y="65"/>
                    </a:lnTo>
                    <a:lnTo>
                      <a:pt x="747" y="65"/>
                    </a:lnTo>
                    <a:lnTo>
                      <a:pt x="745" y="65"/>
                    </a:lnTo>
                    <a:lnTo>
                      <a:pt x="745" y="67"/>
                    </a:lnTo>
                    <a:lnTo>
                      <a:pt x="747" y="67"/>
                    </a:lnTo>
                    <a:lnTo>
                      <a:pt x="748" y="67"/>
                    </a:lnTo>
                    <a:lnTo>
                      <a:pt x="748" y="65"/>
                    </a:lnTo>
                    <a:lnTo>
                      <a:pt x="750" y="65"/>
                    </a:lnTo>
                    <a:lnTo>
                      <a:pt x="752" y="65"/>
                    </a:lnTo>
                    <a:lnTo>
                      <a:pt x="754" y="67"/>
                    </a:lnTo>
                    <a:lnTo>
                      <a:pt x="756" y="67"/>
                    </a:lnTo>
                    <a:lnTo>
                      <a:pt x="758" y="67"/>
                    </a:lnTo>
                    <a:lnTo>
                      <a:pt x="760" y="67"/>
                    </a:lnTo>
                    <a:lnTo>
                      <a:pt x="761" y="67"/>
                    </a:lnTo>
                    <a:lnTo>
                      <a:pt x="763" y="67"/>
                    </a:lnTo>
                    <a:lnTo>
                      <a:pt x="763" y="72"/>
                    </a:lnTo>
                    <a:lnTo>
                      <a:pt x="763" y="74"/>
                    </a:lnTo>
                    <a:lnTo>
                      <a:pt x="763" y="72"/>
                    </a:lnTo>
                    <a:lnTo>
                      <a:pt x="761" y="74"/>
                    </a:lnTo>
                    <a:lnTo>
                      <a:pt x="761" y="76"/>
                    </a:lnTo>
                    <a:lnTo>
                      <a:pt x="760" y="76"/>
                    </a:lnTo>
                    <a:lnTo>
                      <a:pt x="758" y="76"/>
                    </a:lnTo>
                    <a:lnTo>
                      <a:pt x="756" y="76"/>
                    </a:lnTo>
                    <a:lnTo>
                      <a:pt x="754" y="76"/>
                    </a:lnTo>
                    <a:lnTo>
                      <a:pt x="754" y="78"/>
                    </a:lnTo>
                    <a:lnTo>
                      <a:pt x="752" y="78"/>
                    </a:lnTo>
                    <a:lnTo>
                      <a:pt x="750" y="80"/>
                    </a:lnTo>
                    <a:lnTo>
                      <a:pt x="750" y="82"/>
                    </a:lnTo>
                    <a:lnTo>
                      <a:pt x="748" y="82"/>
                    </a:lnTo>
                    <a:lnTo>
                      <a:pt x="748" y="84"/>
                    </a:lnTo>
                    <a:lnTo>
                      <a:pt x="750" y="84"/>
                    </a:lnTo>
                    <a:lnTo>
                      <a:pt x="752" y="84"/>
                    </a:lnTo>
                    <a:lnTo>
                      <a:pt x="752" y="87"/>
                    </a:lnTo>
                    <a:lnTo>
                      <a:pt x="750" y="87"/>
                    </a:lnTo>
                    <a:lnTo>
                      <a:pt x="750" y="89"/>
                    </a:lnTo>
                    <a:lnTo>
                      <a:pt x="750" y="91"/>
                    </a:lnTo>
                    <a:lnTo>
                      <a:pt x="748" y="91"/>
                    </a:lnTo>
                    <a:lnTo>
                      <a:pt x="747" y="91"/>
                    </a:lnTo>
                    <a:lnTo>
                      <a:pt x="745" y="95"/>
                    </a:lnTo>
                    <a:lnTo>
                      <a:pt x="743" y="95"/>
                    </a:lnTo>
                    <a:lnTo>
                      <a:pt x="741" y="93"/>
                    </a:lnTo>
                    <a:lnTo>
                      <a:pt x="739" y="93"/>
                    </a:lnTo>
                    <a:lnTo>
                      <a:pt x="739" y="95"/>
                    </a:lnTo>
                    <a:lnTo>
                      <a:pt x="737" y="96"/>
                    </a:lnTo>
                    <a:lnTo>
                      <a:pt x="737" y="98"/>
                    </a:lnTo>
                    <a:lnTo>
                      <a:pt x="737" y="100"/>
                    </a:lnTo>
                    <a:lnTo>
                      <a:pt x="737" y="102"/>
                    </a:lnTo>
                    <a:lnTo>
                      <a:pt x="735" y="102"/>
                    </a:lnTo>
                    <a:lnTo>
                      <a:pt x="737" y="104"/>
                    </a:lnTo>
                    <a:lnTo>
                      <a:pt x="737" y="106"/>
                    </a:lnTo>
                    <a:lnTo>
                      <a:pt x="739" y="106"/>
                    </a:lnTo>
                    <a:lnTo>
                      <a:pt x="739" y="104"/>
                    </a:lnTo>
                    <a:lnTo>
                      <a:pt x="739" y="102"/>
                    </a:lnTo>
                    <a:lnTo>
                      <a:pt x="741" y="102"/>
                    </a:lnTo>
                    <a:lnTo>
                      <a:pt x="741" y="100"/>
                    </a:lnTo>
                    <a:lnTo>
                      <a:pt x="743" y="100"/>
                    </a:lnTo>
                    <a:lnTo>
                      <a:pt x="745" y="100"/>
                    </a:lnTo>
                    <a:lnTo>
                      <a:pt x="747" y="100"/>
                    </a:lnTo>
                    <a:lnTo>
                      <a:pt x="748" y="102"/>
                    </a:lnTo>
                    <a:lnTo>
                      <a:pt x="750" y="104"/>
                    </a:lnTo>
                    <a:lnTo>
                      <a:pt x="752" y="104"/>
                    </a:lnTo>
                    <a:lnTo>
                      <a:pt x="754" y="104"/>
                    </a:lnTo>
                    <a:lnTo>
                      <a:pt x="758" y="104"/>
                    </a:lnTo>
                    <a:lnTo>
                      <a:pt x="761" y="106"/>
                    </a:lnTo>
                    <a:lnTo>
                      <a:pt x="763" y="106"/>
                    </a:lnTo>
                    <a:lnTo>
                      <a:pt x="763" y="104"/>
                    </a:lnTo>
                    <a:lnTo>
                      <a:pt x="763" y="102"/>
                    </a:lnTo>
                    <a:lnTo>
                      <a:pt x="763" y="100"/>
                    </a:lnTo>
                    <a:lnTo>
                      <a:pt x="765" y="100"/>
                    </a:lnTo>
                    <a:lnTo>
                      <a:pt x="767" y="100"/>
                    </a:lnTo>
                    <a:lnTo>
                      <a:pt x="769" y="100"/>
                    </a:lnTo>
                    <a:lnTo>
                      <a:pt x="771" y="102"/>
                    </a:lnTo>
                    <a:lnTo>
                      <a:pt x="771" y="100"/>
                    </a:lnTo>
                    <a:lnTo>
                      <a:pt x="772" y="100"/>
                    </a:lnTo>
                    <a:lnTo>
                      <a:pt x="772" y="102"/>
                    </a:lnTo>
                    <a:lnTo>
                      <a:pt x="774" y="102"/>
                    </a:lnTo>
                    <a:lnTo>
                      <a:pt x="776" y="102"/>
                    </a:lnTo>
                    <a:lnTo>
                      <a:pt x="776" y="104"/>
                    </a:lnTo>
                    <a:lnTo>
                      <a:pt x="778" y="104"/>
                    </a:lnTo>
                    <a:lnTo>
                      <a:pt x="780" y="106"/>
                    </a:lnTo>
                    <a:lnTo>
                      <a:pt x="780" y="104"/>
                    </a:lnTo>
                    <a:lnTo>
                      <a:pt x="782" y="104"/>
                    </a:lnTo>
                    <a:lnTo>
                      <a:pt x="784" y="104"/>
                    </a:lnTo>
                    <a:lnTo>
                      <a:pt x="785" y="104"/>
                    </a:lnTo>
                    <a:lnTo>
                      <a:pt x="787" y="106"/>
                    </a:lnTo>
                    <a:lnTo>
                      <a:pt x="789" y="106"/>
                    </a:lnTo>
                    <a:lnTo>
                      <a:pt x="789" y="108"/>
                    </a:lnTo>
                    <a:lnTo>
                      <a:pt x="789" y="109"/>
                    </a:lnTo>
                    <a:lnTo>
                      <a:pt x="789" y="111"/>
                    </a:lnTo>
                    <a:lnTo>
                      <a:pt x="789" y="113"/>
                    </a:lnTo>
                    <a:lnTo>
                      <a:pt x="789" y="115"/>
                    </a:lnTo>
                    <a:lnTo>
                      <a:pt x="789" y="117"/>
                    </a:lnTo>
                    <a:lnTo>
                      <a:pt x="787" y="117"/>
                    </a:lnTo>
                    <a:lnTo>
                      <a:pt x="785" y="119"/>
                    </a:lnTo>
                    <a:lnTo>
                      <a:pt x="785" y="117"/>
                    </a:lnTo>
                    <a:lnTo>
                      <a:pt x="784" y="119"/>
                    </a:lnTo>
                    <a:lnTo>
                      <a:pt x="784" y="117"/>
                    </a:lnTo>
                    <a:lnTo>
                      <a:pt x="784" y="119"/>
                    </a:lnTo>
                    <a:lnTo>
                      <a:pt x="782" y="119"/>
                    </a:lnTo>
                    <a:lnTo>
                      <a:pt x="782" y="121"/>
                    </a:lnTo>
                    <a:lnTo>
                      <a:pt x="782" y="122"/>
                    </a:lnTo>
                    <a:lnTo>
                      <a:pt x="784" y="124"/>
                    </a:lnTo>
                    <a:lnTo>
                      <a:pt x="785" y="124"/>
                    </a:lnTo>
                    <a:lnTo>
                      <a:pt x="787" y="126"/>
                    </a:lnTo>
                    <a:lnTo>
                      <a:pt x="787" y="128"/>
                    </a:lnTo>
                    <a:lnTo>
                      <a:pt x="785" y="128"/>
                    </a:lnTo>
                    <a:lnTo>
                      <a:pt x="784" y="128"/>
                    </a:lnTo>
                    <a:lnTo>
                      <a:pt x="784" y="130"/>
                    </a:lnTo>
                    <a:lnTo>
                      <a:pt x="782" y="130"/>
                    </a:lnTo>
                    <a:lnTo>
                      <a:pt x="780" y="132"/>
                    </a:lnTo>
                    <a:lnTo>
                      <a:pt x="780" y="133"/>
                    </a:lnTo>
                    <a:lnTo>
                      <a:pt x="780" y="135"/>
                    </a:lnTo>
                    <a:lnTo>
                      <a:pt x="778" y="135"/>
                    </a:lnTo>
                    <a:lnTo>
                      <a:pt x="780" y="135"/>
                    </a:lnTo>
                    <a:lnTo>
                      <a:pt x="780" y="137"/>
                    </a:lnTo>
                    <a:lnTo>
                      <a:pt x="782" y="137"/>
                    </a:lnTo>
                    <a:lnTo>
                      <a:pt x="784" y="137"/>
                    </a:lnTo>
                    <a:lnTo>
                      <a:pt x="784" y="135"/>
                    </a:lnTo>
                    <a:lnTo>
                      <a:pt x="785" y="135"/>
                    </a:lnTo>
                    <a:lnTo>
                      <a:pt x="787" y="135"/>
                    </a:lnTo>
                    <a:lnTo>
                      <a:pt x="789" y="133"/>
                    </a:lnTo>
                    <a:lnTo>
                      <a:pt x="791" y="133"/>
                    </a:lnTo>
                    <a:lnTo>
                      <a:pt x="791" y="132"/>
                    </a:lnTo>
                    <a:lnTo>
                      <a:pt x="793" y="132"/>
                    </a:lnTo>
                    <a:lnTo>
                      <a:pt x="795" y="132"/>
                    </a:lnTo>
                    <a:lnTo>
                      <a:pt x="796" y="132"/>
                    </a:lnTo>
                    <a:lnTo>
                      <a:pt x="798" y="132"/>
                    </a:lnTo>
                    <a:lnTo>
                      <a:pt x="798" y="133"/>
                    </a:lnTo>
                    <a:lnTo>
                      <a:pt x="796" y="135"/>
                    </a:lnTo>
                    <a:lnTo>
                      <a:pt x="798" y="135"/>
                    </a:lnTo>
                    <a:lnTo>
                      <a:pt x="798" y="137"/>
                    </a:lnTo>
                    <a:lnTo>
                      <a:pt x="800" y="137"/>
                    </a:lnTo>
                    <a:lnTo>
                      <a:pt x="800" y="139"/>
                    </a:lnTo>
                    <a:lnTo>
                      <a:pt x="802" y="139"/>
                    </a:lnTo>
                    <a:lnTo>
                      <a:pt x="802" y="141"/>
                    </a:lnTo>
                    <a:lnTo>
                      <a:pt x="804" y="141"/>
                    </a:lnTo>
                    <a:lnTo>
                      <a:pt x="804" y="143"/>
                    </a:lnTo>
                    <a:lnTo>
                      <a:pt x="806" y="143"/>
                    </a:lnTo>
                    <a:lnTo>
                      <a:pt x="808" y="143"/>
                    </a:lnTo>
                    <a:lnTo>
                      <a:pt x="809" y="143"/>
                    </a:lnTo>
                    <a:lnTo>
                      <a:pt x="811" y="145"/>
                    </a:lnTo>
                    <a:lnTo>
                      <a:pt x="811" y="146"/>
                    </a:lnTo>
                    <a:lnTo>
                      <a:pt x="813" y="146"/>
                    </a:lnTo>
                    <a:lnTo>
                      <a:pt x="813" y="148"/>
                    </a:lnTo>
                    <a:lnTo>
                      <a:pt x="813" y="150"/>
                    </a:lnTo>
                    <a:lnTo>
                      <a:pt x="813" y="152"/>
                    </a:lnTo>
                    <a:lnTo>
                      <a:pt x="815" y="154"/>
                    </a:lnTo>
                    <a:lnTo>
                      <a:pt x="817" y="154"/>
                    </a:lnTo>
                    <a:lnTo>
                      <a:pt x="819" y="154"/>
                    </a:lnTo>
                    <a:lnTo>
                      <a:pt x="819" y="156"/>
                    </a:lnTo>
                    <a:lnTo>
                      <a:pt x="821" y="156"/>
                    </a:lnTo>
                    <a:lnTo>
                      <a:pt x="821" y="154"/>
                    </a:lnTo>
                    <a:lnTo>
                      <a:pt x="821" y="152"/>
                    </a:lnTo>
                    <a:lnTo>
                      <a:pt x="821" y="150"/>
                    </a:lnTo>
                    <a:lnTo>
                      <a:pt x="822" y="150"/>
                    </a:lnTo>
                    <a:lnTo>
                      <a:pt x="824" y="150"/>
                    </a:lnTo>
                    <a:lnTo>
                      <a:pt x="826" y="148"/>
                    </a:lnTo>
                    <a:lnTo>
                      <a:pt x="826" y="146"/>
                    </a:lnTo>
                    <a:lnTo>
                      <a:pt x="826" y="145"/>
                    </a:lnTo>
                    <a:lnTo>
                      <a:pt x="826" y="143"/>
                    </a:lnTo>
                    <a:lnTo>
                      <a:pt x="826" y="141"/>
                    </a:lnTo>
                    <a:lnTo>
                      <a:pt x="826" y="139"/>
                    </a:lnTo>
                    <a:lnTo>
                      <a:pt x="828" y="139"/>
                    </a:lnTo>
                    <a:lnTo>
                      <a:pt x="828" y="137"/>
                    </a:lnTo>
                    <a:lnTo>
                      <a:pt x="828" y="135"/>
                    </a:lnTo>
                    <a:lnTo>
                      <a:pt x="826" y="133"/>
                    </a:lnTo>
                    <a:lnTo>
                      <a:pt x="826" y="132"/>
                    </a:lnTo>
                    <a:lnTo>
                      <a:pt x="830" y="132"/>
                    </a:lnTo>
                    <a:lnTo>
                      <a:pt x="830" y="130"/>
                    </a:lnTo>
                    <a:lnTo>
                      <a:pt x="830" y="128"/>
                    </a:lnTo>
                    <a:lnTo>
                      <a:pt x="832" y="128"/>
                    </a:lnTo>
                    <a:lnTo>
                      <a:pt x="832" y="124"/>
                    </a:lnTo>
                    <a:lnTo>
                      <a:pt x="833" y="122"/>
                    </a:lnTo>
                    <a:lnTo>
                      <a:pt x="833" y="121"/>
                    </a:lnTo>
                    <a:lnTo>
                      <a:pt x="833" y="119"/>
                    </a:lnTo>
                    <a:lnTo>
                      <a:pt x="833" y="117"/>
                    </a:lnTo>
                    <a:lnTo>
                      <a:pt x="835" y="117"/>
                    </a:lnTo>
                    <a:lnTo>
                      <a:pt x="835" y="119"/>
                    </a:lnTo>
                    <a:lnTo>
                      <a:pt x="837" y="119"/>
                    </a:lnTo>
                    <a:lnTo>
                      <a:pt x="839" y="119"/>
                    </a:lnTo>
                    <a:lnTo>
                      <a:pt x="839" y="117"/>
                    </a:lnTo>
                    <a:lnTo>
                      <a:pt x="839" y="115"/>
                    </a:lnTo>
                    <a:lnTo>
                      <a:pt x="841" y="115"/>
                    </a:lnTo>
                    <a:lnTo>
                      <a:pt x="841" y="113"/>
                    </a:lnTo>
                    <a:lnTo>
                      <a:pt x="843" y="113"/>
                    </a:lnTo>
                    <a:lnTo>
                      <a:pt x="843" y="109"/>
                    </a:lnTo>
                    <a:lnTo>
                      <a:pt x="845" y="109"/>
                    </a:lnTo>
                    <a:lnTo>
                      <a:pt x="846" y="109"/>
                    </a:lnTo>
                    <a:lnTo>
                      <a:pt x="848" y="109"/>
                    </a:lnTo>
                    <a:lnTo>
                      <a:pt x="850" y="111"/>
                    </a:lnTo>
                    <a:lnTo>
                      <a:pt x="852" y="111"/>
                    </a:lnTo>
                    <a:lnTo>
                      <a:pt x="854" y="111"/>
                    </a:lnTo>
                    <a:lnTo>
                      <a:pt x="854" y="113"/>
                    </a:lnTo>
                    <a:lnTo>
                      <a:pt x="854" y="111"/>
                    </a:lnTo>
                    <a:lnTo>
                      <a:pt x="856" y="108"/>
                    </a:lnTo>
                    <a:lnTo>
                      <a:pt x="856" y="106"/>
                    </a:lnTo>
                    <a:lnTo>
                      <a:pt x="857" y="106"/>
                    </a:lnTo>
                    <a:lnTo>
                      <a:pt x="857" y="104"/>
                    </a:lnTo>
                    <a:lnTo>
                      <a:pt x="857" y="102"/>
                    </a:lnTo>
                    <a:lnTo>
                      <a:pt x="859" y="102"/>
                    </a:lnTo>
                    <a:lnTo>
                      <a:pt x="859" y="100"/>
                    </a:lnTo>
                    <a:lnTo>
                      <a:pt x="861" y="100"/>
                    </a:lnTo>
                    <a:lnTo>
                      <a:pt x="865" y="96"/>
                    </a:lnTo>
                    <a:lnTo>
                      <a:pt x="865" y="95"/>
                    </a:lnTo>
                    <a:lnTo>
                      <a:pt x="867" y="95"/>
                    </a:lnTo>
                    <a:lnTo>
                      <a:pt x="867" y="93"/>
                    </a:lnTo>
                    <a:lnTo>
                      <a:pt x="870" y="93"/>
                    </a:lnTo>
                    <a:lnTo>
                      <a:pt x="870" y="91"/>
                    </a:lnTo>
                    <a:lnTo>
                      <a:pt x="872" y="91"/>
                    </a:lnTo>
                    <a:lnTo>
                      <a:pt x="876" y="89"/>
                    </a:lnTo>
                    <a:lnTo>
                      <a:pt x="918" y="48"/>
                    </a:lnTo>
                    <a:lnTo>
                      <a:pt x="963" y="6"/>
                    </a:lnTo>
                    <a:lnTo>
                      <a:pt x="968" y="0"/>
                    </a:lnTo>
                    <a:lnTo>
                      <a:pt x="1040" y="13"/>
                    </a:lnTo>
                    <a:lnTo>
                      <a:pt x="1048" y="91"/>
                    </a:lnTo>
                    <a:lnTo>
                      <a:pt x="1046" y="98"/>
                    </a:lnTo>
                    <a:lnTo>
                      <a:pt x="1046" y="100"/>
                    </a:lnTo>
                    <a:lnTo>
                      <a:pt x="1046" y="102"/>
                    </a:lnTo>
                    <a:lnTo>
                      <a:pt x="1048" y="104"/>
                    </a:lnTo>
                    <a:lnTo>
                      <a:pt x="1048" y="106"/>
                    </a:lnTo>
                    <a:lnTo>
                      <a:pt x="1048" y="108"/>
                    </a:lnTo>
                    <a:lnTo>
                      <a:pt x="1050" y="109"/>
                    </a:lnTo>
                    <a:lnTo>
                      <a:pt x="1050" y="111"/>
                    </a:lnTo>
                    <a:lnTo>
                      <a:pt x="1052" y="113"/>
                    </a:lnTo>
                    <a:lnTo>
                      <a:pt x="1053" y="115"/>
                    </a:lnTo>
                    <a:lnTo>
                      <a:pt x="1055" y="115"/>
                    </a:lnTo>
                    <a:lnTo>
                      <a:pt x="1068" y="126"/>
                    </a:lnTo>
                    <a:lnTo>
                      <a:pt x="1072" y="128"/>
                    </a:lnTo>
                    <a:lnTo>
                      <a:pt x="1072" y="130"/>
                    </a:lnTo>
                    <a:lnTo>
                      <a:pt x="1074" y="130"/>
                    </a:lnTo>
                    <a:lnTo>
                      <a:pt x="1074" y="132"/>
                    </a:lnTo>
                    <a:lnTo>
                      <a:pt x="1076" y="132"/>
                    </a:lnTo>
                    <a:lnTo>
                      <a:pt x="1076" y="133"/>
                    </a:lnTo>
                    <a:lnTo>
                      <a:pt x="1077" y="133"/>
                    </a:lnTo>
                    <a:lnTo>
                      <a:pt x="1077" y="135"/>
                    </a:lnTo>
                    <a:lnTo>
                      <a:pt x="1079" y="137"/>
                    </a:lnTo>
                    <a:lnTo>
                      <a:pt x="1092" y="169"/>
                    </a:lnTo>
                    <a:lnTo>
                      <a:pt x="1094" y="169"/>
                    </a:lnTo>
                    <a:lnTo>
                      <a:pt x="1094" y="170"/>
                    </a:lnTo>
                    <a:lnTo>
                      <a:pt x="1094" y="172"/>
                    </a:lnTo>
                    <a:lnTo>
                      <a:pt x="1096" y="172"/>
                    </a:lnTo>
                    <a:lnTo>
                      <a:pt x="1096" y="174"/>
                    </a:lnTo>
                    <a:lnTo>
                      <a:pt x="1098" y="174"/>
                    </a:lnTo>
                    <a:lnTo>
                      <a:pt x="1100" y="174"/>
                    </a:lnTo>
                    <a:lnTo>
                      <a:pt x="1100" y="176"/>
                    </a:lnTo>
                    <a:lnTo>
                      <a:pt x="1103" y="176"/>
                    </a:lnTo>
                    <a:lnTo>
                      <a:pt x="1105" y="176"/>
                    </a:lnTo>
                    <a:lnTo>
                      <a:pt x="1107" y="176"/>
                    </a:lnTo>
                    <a:lnTo>
                      <a:pt x="1107" y="174"/>
                    </a:lnTo>
                    <a:lnTo>
                      <a:pt x="1109" y="174"/>
                    </a:lnTo>
                    <a:lnTo>
                      <a:pt x="1109" y="172"/>
                    </a:lnTo>
                    <a:lnTo>
                      <a:pt x="1109" y="170"/>
                    </a:lnTo>
                    <a:lnTo>
                      <a:pt x="1109" y="169"/>
                    </a:lnTo>
                    <a:lnTo>
                      <a:pt x="1111" y="169"/>
                    </a:lnTo>
                    <a:lnTo>
                      <a:pt x="1111" y="167"/>
                    </a:lnTo>
                    <a:lnTo>
                      <a:pt x="1111" y="165"/>
                    </a:lnTo>
                    <a:lnTo>
                      <a:pt x="1111" y="163"/>
                    </a:lnTo>
                    <a:lnTo>
                      <a:pt x="1111" y="159"/>
                    </a:lnTo>
                    <a:lnTo>
                      <a:pt x="1111" y="157"/>
                    </a:lnTo>
                    <a:lnTo>
                      <a:pt x="1113" y="157"/>
                    </a:lnTo>
                    <a:lnTo>
                      <a:pt x="1114" y="157"/>
                    </a:lnTo>
                    <a:lnTo>
                      <a:pt x="1116" y="157"/>
                    </a:lnTo>
                    <a:lnTo>
                      <a:pt x="1116" y="159"/>
                    </a:lnTo>
                    <a:lnTo>
                      <a:pt x="1118" y="159"/>
                    </a:lnTo>
                    <a:lnTo>
                      <a:pt x="1118" y="161"/>
                    </a:lnTo>
                    <a:lnTo>
                      <a:pt x="1126" y="174"/>
                    </a:lnTo>
                    <a:lnTo>
                      <a:pt x="1126" y="176"/>
                    </a:lnTo>
                    <a:lnTo>
                      <a:pt x="1127" y="176"/>
                    </a:lnTo>
                    <a:lnTo>
                      <a:pt x="1131" y="182"/>
                    </a:lnTo>
                    <a:lnTo>
                      <a:pt x="1131" y="183"/>
                    </a:lnTo>
                    <a:lnTo>
                      <a:pt x="1133" y="183"/>
                    </a:lnTo>
                    <a:lnTo>
                      <a:pt x="1135" y="183"/>
                    </a:lnTo>
                    <a:lnTo>
                      <a:pt x="1137" y="185"/>
                    </a:lnTo>
                    <a:lnTo>
                      <a:pt x="1138" y="185"/>
                    </a:lnTo>
                    <a:lnTo>
                      <a:pt x="1140" y="185"/>
                    </a:lnTo>
                    <a:lnTo>
                      <a:pt x="1157" y="185"/>
                    </a:lnTo>
                    <a:lnTo>
                      <a:pt x="1162" y="185"/>
                    </a:lnTo>
                    <a:lnTo>
                      <a:pt x="1164" y="187"/>
                    </a:lnTo>
                    <a:lnTo>
                      <a:pt x="1166" y="187"/>
                    </a:lnTo>
                    <a:lnTo>
                      <a:pt x="1177" y="189"/>
                    </a:lnTo>
                    <a:lnTo>
                      <a:pt x="1179" y="189"/>
                    </a:lnTo>
                    <a:lnTo>
                      <a:pt x="1181" y="191"/>
                    </a:lnTo>
                    <a:lnTo>
                      <a:pt x="1183" y="191"/>
                    </a:lnTo>
                    <a:lnTo>
                      <a:pt x="1185" y="193"/>
                    </a:lnTo>
                    <a:lnTo>
                      <a:pt x="1185" y="194"/>
                    </a:lnTo>
                    <a:lnTo>
                      <a:pt x="1185" y="200"/>
                    </a:lnTo>
                    <a:lnTo>
                      <a:pt x="1183" y="202"/>
                    </a:lnTo>
                    <a:lnTo>
                      <a:pt x="1174" y="213"/>
                    </a:lnTo>
                    <a:lnTo>
                      <a:pt x="1172" y="215"/>
                    </a:lnTo>
                    <a:lnTo>
                      <a:pt x="1170" y="217"/>
                    </a:lnTo>
                    <a:lnTo>
                      <a:pt x="1168" y="219"/>
                    </a:lnTo>
                    <a:lnTo>
                      <a:pt x="1168" y="220"/>
                    </a:lnTo>
                    <a:lnTo>
                      <a:pt x="1166" y="220"/>
                    </a:lnTo>
                    <a:lnTo>
                      <a:pt x="1166" y="222"/>
                    </a:lnTo>
                    <a:lnTo>
                      <a:pt x="1166" y="224"/>
                    </a:lnTo>
                    <a:lnTo>
                      <a:pt x="1166" y="226"/>
                    </a:lnTo>
                    <a:lnTo>
                      <a:pt x="1164" y="226"/>
                    </a:lnTo>
                    <a:lnTo>
                      <a:pt x="1164" y="228"/>
                    </a:lnTo>
                    <a:lnTo>
                      <a:pt x="1164" y="230"/>
                    </a:lnTo>
                    <a:lnTo>
                      <a:pt x="1166" y="231"/>
                    </a:lnTo>
                    <a:lnTo>
                      <a:pt x="1166" y="233"/>
                    </a:lnTo>
                    <a:lnTo>
                      <a:pt x="1166" y="235"/>
                    </a:lnTo>
                    <a:lnTo>
                      <a:pt x="1172" y="246"/>
                    </a:lnTo>
                    <a:lnTo>
                      <a:pt x="1172" y="248"/>
                    </a:lnTo>
                    <a:lnTo>
                      <a:pt x="1172" y="250"/>
                    </a:lnTo>
                    <a:lnTo>
                      <a:pt x="1174" y="252"/>
                    </a:lnTo>
                    <a:lnTo>
                      <a:pt x="1174" y="254"/>
                    </a:lnTo>
                    <a:lnTo>
                      <a:pt x="1174" y="256"/>
                    </a:lnTo>
                    <a:lnTo>
                      <a:pt x="1174" y="257"/>
                    </a:lnTo>
                    <a:lnTo>
                      <a:pt x="1174" y="259"/>
                    </a:lnTo>
                    <a:lnTo>
                      <a:pt x="1175" y="261"/>
                    </a:lnTo>
                    <a:lnTo>
                      <a:pt x="1175" y="265"/>
                    </a:lnTo>
                    <a:lnTo>
                      <a:pt x="1175" y="267"/>
                    </a:lnTo>
                    <a:lnTo>
                      <a:pt x="1177" y="281"/>
                    </a:lnTo>
                    <a:lnTo>
                      <a:pt x="1177" y="283"/>
                    </a:lnTo>
                    <a:lnTo>
                      <a:pt x="1177" y="285"/>
                    </a:lnTo>
                    <a:lnTo>
                      <a:pt x="1177" y="287"/>
                    </a:lnTo>
                    <a:lnTo>
                      <a:pt x="1177" y="289"/>
                    </a:lnTo>
                    <a:lnTo>
                      <a:pt x="1177" y="291"/>
                    </a:lnTo>
                    <a:lnTo>
                      <a:pt x="1181" y="291"/>
                    </a:lnTo>
                    <a:lnTo>
                      <a:pt x="1185" y="296"/>
                    </a:lnTo>
                    <a:lnTo>
                      <a:pt x="1185" y="300"/>
                    </a:lnTo>
                    <a:lnTo>
                      <a:pt x="1187" y="302"/>
                    </a:lnTo>
                    <a:lnTo>
                      <a:pt x="1188" y="304"/>
                    </a:lnTo>
                    <a:lnTo>
                      <a:pt x="1190" y="305"/>
                    </a:lnTo>
                    <a:lnTo>
                      <a:pt x="1192" y="307"/>
                    </a:lnTo>
                    <a:lnTo>
                      <a:pt x="1194" y="307"/>
                    </a:lnTo>
                    <a:lnTo>
                      <a:pt x="1201" y="311"/>
                    </a:lnTo>
                    <a:lnTo>
                      <a:pt x="1203" y="311"/>
                    </a:lnTo>
                    <a:lnTo>
                      <a:pt x="1205" y="313"/>
                    </a:lnTo>
                    <a:lnTo>
                      <a:pt x="1207" y="315"/>
                    </a:lnTo>
                    <a:lnTo>
                      <a:pt x="1209" y="317"/>
                    </a:lnTo>
                    <a:lnTo>
                      <a:pt x="1209" y="318"/>
                    </a:lnTo>
                    <a:lnTo>
                      <a:pt x="1209" y="320"/>
                    </a:lnTo>
                    <a:lnTo>
                      <a:pt x="1209" y="328"/>
                    </a:lnTo>
                    <a:lnTo>
                      <a:pt x="1209" y="331"/>
                    </a:lnTo>
                    <a:lnTo>
                      <a:pt x="1209" y="337"/>
                    </a:lnTo>
                    <a:lnTo>
                      <a:pt x="1207" y="339"/>
                    </a:lnTo>
                    <a:lnTo>
                      <a:pt x="1205" y="342"/>
                    </a:lnTo>
                    <a:lnTo>
                      <a:pt x="1205" y="344"/>
                    </a:lnTo>
                    <a:lnTo>
                      <a:pt x="1198" y="354"/>
                    </a:lnTo>
                    <a:lnTo>
                      <a:pt x="1198" y="355"/>
                    </a:lnTo>
                    <a:lnTo>
                      <a:pt x="1196" y="357"/>
                    </a:lnTo>
                    <a:lnTo>
                      <a:pt x="1194" y="357"/>
                    </a:lnTo>
                    <a:lnTo>
                      <a:pt x="1190" y="361"/>
                    </a:lnTo>
                    <a:lnTo>
                      <a:pt x="1188" y="361"/>
                    </a:lnTo>
                    <a:lnTo>
                      <a:pt x="1187" y="363"/>
                    </a:lnTo>
                    <a:lnTo>
                      <a:pt x="1183" y="365"/>
                    </a:lnTo>
                    <a:lnTo>
                      <a:pt x="1177" y="367"/>
                    </a:lnTo>
                    <a:lnTo>
                      <a:pt x="1175" y="367"/>
                    </a:lnTo>
                    <a:lnTo>
                      <a:pt x="1174" y="367"/>
                    </a:lnTo>
                    <a:lnTo>
                      <a:pt x="1172" y="367"/>
                    </a:lnTo>
                    <a:lnTo>
                      <a:pt x="1170" y="367"/>
                    </a:lnTo>
                    <a:lnTo>
                      <a:pt x="1166" y="367"/>
                    </a:lnTo>
                    <a:lnTo>
                      <a:pt x="1162" y="367"/>
                    </a:lnTo>
                    <a:lnTo>
                      <a:pt x="1159" y="367"/>
                    </a:lnTo>
                    <a:lnTo>
                      <a:pt x="1157" y="367"/>
                    </a:lnTo>
                    <a:lnTo>
                      <a:pt x="1153" y="367"/>
                    </a:lnTo>
                    <a:lnTo>
                      <a:pt x="1153" y="368"/>
                    </a:lnTo>
                    <a:lnTo>
                      <a:pt x="1150" y="368"/>
                    </a:lnTo>
                    <a:lnTo>
                      <a:pt x="1148" y="370"/>
                    </a:lnTo>
                    <a:lnTo>
                      <a:pt x="1144" y="372"/>
                    </a:lnTo>
                    <a:lnTo>
                      <a:pt x="1142" y="370"/>
                    </a:lnTo>
                    <a:lnTo>
                      <a:pt x="1138" y="374"/>
                    </a:lnTo>
                    <a:lnTo>
                      <a:pt x="1137" y="376"/>
                    </a:lnTo>
                    <a:lnTo>
                      <a:pt x="1124" y="392"/>
                    </a:lnTo>
                    <a:lnTo>
                      <a:pt x="1116" y="400"/>
                    </a:lnTo>
                    <a:lnTo>
                      <a:pt x="1114" y="402"/>
                    </a:lnTo>
                    <a:lnTo>
                      <a:pt x="1114" y="404"/>
                    </a:lnTo>
                    <a:lnTo>
                      <a:pt x="1111" y="409"/>
                    </a:lnTo>
                    <a:lnTo>
                      <a:pt x="1109" y="411"/>
                    </a:lnTo>
                    <a:lnTo>
                      <a:pt x="1109" y="413"/>
                    </a:lnTo>
                    <a:lnTo>
                      <a:pt x="1109" y="415"/>
                    </a:lnTo>
                    <a:lnTo>
                      <a:pt x="1107" y="415"/>
                    </a:lnTo>
                    <a:lnTo>
                      <a:pt x="1103" y="435"/>
                    </a:lnTo>
                    <a:lnTo>
                      <a:pt x="1101" y="437"/>
                    </a:lnTo>
                    <a:lnTo>
                      <a:pt x="1101" y="439"/>
                    </a:lnTo>
                    <a:lnTo>
                      <a:pt x="1100" y="448"/>
                    </a:lnTo>
                    <a:lnTo>
                      <a:pt x="1096" y="466"/>
                    </a:lnTo>
                    <a:lnTo>
                      <a:pt x="1096" y="468"/>
                    </a:lnTo>
                    <a:lnTo>
                      <a:pt x="1094" y="468"/>
                    </a:lnTo>
                    <a:lnTo>
                      <a:pt x="1094" y="470"/>
                    </a:lnTo>
                    <a:lnTo>
                      <a:pt x="1089" y="479"/>
                    </a:lnTo>
                    <a:lnTo>
                      <a:pt x="1089" y="481"/>
                    </a:lnTo>
                    <a:lnTo>
                      <a:pt x="1087" y="481"/>
                    </a:lnTo>
                    <a:lnTo>
                      <a:pt x="1087" y="483"/>
                    </a:lnTo>
                    <a:lnTo>
                      <a:pt x="1085" y="483"/>
                    </a:lnTo>
                    <a:lnTo>
                      <a:pt x="1085" y="485"/>
                    </a:lnTo>
                    <a:lnTo>
                      <a:pt x="1083" y="485"/>
                    </a:lnTo>
                    <a:lnTo>
                      <a:pt x="1081" y="487"/>
                    </a:lnTo>
                    <a:lnTo>
                      <a:pt x="1065" y="498"/>
                    </a:lnTo>
                    <a:lnTo>
                      <a:pt x="1063" y="498"/>
                    </a:lnTo>
                    <a:lnTo>
                      <a:pt x="1063" y="500"/>
                    </a:lnTo>
                    <a:lnTo>
                      <a:pt x="1053" y="509"/>
                    </a:lnTo>
                    <a:lnTo>
                      <a:pt x="1052" y="509"/>
                    </a:lnTo>
                    <a:lnTo>
                      <a:pt x="1052" y="511"/>
                    </a:lnTo>
                    <a:lnTo>
                      <a:pt x="1050" y="511"/>
                    </a:lnTo>
                    <a:lnTo>
                      <a:pt x="1050" y="513"/>
                    </a:lnTo>
                    <a:lnTo>
                      <a:pt x="1050" y="514"/>
                    </a:lnTo>
                    <a:lnTo>
                      <a:pt x="1048" y="514"/>
                    </a:lnTo>
                    <a:lnTo>
                      <a:pt x="1048" y="516"/>
                    </a:lnTo>
                    <a:lnTo>
                      <a:pt x="1046" y="529"/>
                    </a:lnTo>
                    <a:lnTo>
                      <a:pt x="1046" y="531"/>
                    </a:lnTo>
                    <a:lnTo>
                      <a:pt x="1046" y="533"/>
                    </a:lnTo>
                    <a:lnTo>
                      <a:pt x="1044" y="533"/>
                    </a:lnTo>
                    <a:lnTo>
                      <a:pt x="1044" y="535"/>
                    </a:lnTo>
                    <a:lnTo>
                      <a:pt x="1044" y="537"/>
                    </a:lnTo>
                    <a:lnTo>
                      <a:pt x="1042" y="540"/>
                    </a:lnTo>
                    <a:lnTo>
                      <a:pt x="1039" y="548"/>
                    </a:lnTo>
                    <a:lnTo>
                      <a:pt x="1037" y="548"/>
                    </a:lnTo>
                    <a:lnTo>
                      <a:pt x="1037" y="550"/>
                    </a:lnTo>
                    <a:lnTo>
                      <a:pt x="1035" y="551"/>
                    </a:lnTo>
                    <a:lnTo>
                      <a:pt x="1029" y="555"/>
                    </a:lnTo>
                    <a:lnTo>
                      <a:pt x="1029" y="557"/>
                    </a:lnTo>
                    <a:lnTo>
                      <a:pt x="1020" y="563"/>
                    </a:lnTo>
                    <a:lnTo>
                      <a:pt x="1018" y="564"/>
                    </a:lnTo>
                    <a:lnTo>
                      <a:pt x="1018" y="566"/>
                    </a:lnTo>
                    <a:lnTo>
                      <a:pt x="1016" y="566"/>
                    </a:lnTo>
                    <a:lnTo>
                      <a:pt x="1016" y="568"/>
                    </a:lnTo>
                    <a:lnTo>
                      <a:pt x="1016" y="570"/>
                    </a:lnTo>
                    <a:lnTo>
                      <a:pt x="1016" y="572"/>
                    </a:lnTo>
                    <a:lnTo>
                      <a:pt x="1016" y="583"/>
                    </a:lnTo>
                    <a:lnTo>
                      <a:pt x="1016" y="585"/>
                    </a:lnTo>
                    <a:lnTo>
                      <a:pt x="1016" y="587"/>
                    </a:lnTo>
                    <a:lnTo>
                      <a:pt x="1016" y="588"/>
                    </a:lnTo>
                    <a:lnTo>
                      <a:pt x="1009" y="605"/>
                    </a:lnTo>
                    <a:lnTo>
                      <a:pt x="1004" y="622"/>
                    </a:lnTo>
                    <a:lnTo>
                      <a:pt x="1004" y="625"/>
                    </a:lnTo>
                    <a:lnTo>
                      <a:pt x="1002" y="629"/>
                    </a:lnTo>
                    <a:lnTo>
                      <a:pt x="994" y="642"/>
                    </a:lnTo>
                    <a:lnTo>
                      <a:pt x="991" y="648"/>
                    </a:lnTo>
                    <a:lnTo>
                      <a:pt x="989" y="651"/>
                    </a:lnTo>
                    <a:lnTo>
                      <a:pt x="983" y="661"/>
                    </a:lnTo>
                    <a:lnTo>
                      <a:pt x="981" y="664"/>
                    </a:lnTo>
                    <a:lnTo>
                      <a:pt x="979" y="672"/>
                    </a:lnTo>
                    <a:lnTo>
                      <a:pt x="979" y="675"/>
                    </a:lnTo>
                    <a:lnTo>
                      <a:pt x="978" y="688"/>
                    </a:lnTo>
                    <a:lnTo>
                      <a:pt x="978" y="690"/>
                    </a:lnTo>
                    <a:lnTo>
                      <a:pt x="974" y="699"/>
                    </a:lnTo>
                    <a:lnTo>
                      <a:pt x="972" y="703"/>
                    </a:lnTo>
                    <a:lnTo>
                      <a:pt x="965" y="716"/>
                    </a:lnTo>
                    <a:lnTo>
                      <a:pt x="965" y="718"/>
                    </a:lnTo>
                    <a:lnTo>
                      <a:pt x="965" y="720"/>
                    </a:lnTo>
                    <a:lnTo>
                      <a:pt x="963" y="724"/>
                    </a:lnTo>
                    <a:lnTo>
                      <a:pt x="963" y="731"/>
                    </a:lnTo>
                    <a:lnTo>
                      <a:pt x="963" y="733"/>
                    </a:lnTo>
                    <a:lnTo>
                      <a:pt x="961" y="746"/>
                    </a:lnTo>
                    <a:lnTo>
                      <a:pt x="959" y="749"/>
                    </a:lnTo>
                    <a:lnTo>
                      <a:pt x="959" y="751"/>
                    </a:lnTo>
                    <a:lnTo>
                      <a:pt x="959" y="753"/>
                    </a:lnTo>
                    <a:lnTo>
                      <a:pt x="963" y="764"/>
                    </a:lnTo>
                    <a:lnTo>
                      <a:pt x="965" y="777"/>
                    </a:lnTo>
                    <a:lnTo>
                      <a:pt x="967" y="785"/>
                    </a:lnTo>
                    <a:lnTo>
                      <a:pt x="967" y="786"/>
                    </a:lnTo>
                    <a:lnTo>
                      <a:pt x="968" y="788"/>
                    </a:lnTo>
                    <a:lnTo>
                      <a:pt x="970" y="796"/>
                    </a:lnTo>
                    <a:lnTo>
                      <a:pt x="974" y="801"/>
                    </a:lnTo>
                    <a:lnTo>
                      <a:pt x="979" y="812"/>
                    </a:lnTo>
                    <a:lnTo>
                      <a:pt x="981" y="816"/>
                    </a:lnTo>
                    <a:lnTo>
                      <a:pt x="983" y="818"/>
                    </a:lnTo>
                    <a:lnTo>
                      <a:pt x="985" y="822"/>
                    </a:lnTo>
                    <a:lnTo>
                      <a:pt x="989" y="827"/>
                    </a:lnTo>
                    <a:lnTo>
                      <a:pt x="991" y="831"/>
                    </a:lnTo>
                    <a:lnTo>
                      <a:pt x="992" y="833"/>
                    </a:lnTo>
                    <a:lnTo>
                      <a:pt x="994" y="834"/>
                    </a:lnTo>
                    <a:lnTo>
                      <a:pt x="994" y="840"/>
                    </a:lnTo>
                    <a:lnTo>
                      <a:pt x="998" y="847"/>
                    </a:lnTo>
                    <a:lnTo>
                      <a:pt x="998" y="851"/>
                    </a:lnTo>
                    <a:lnTo>
                      <a:pt x="1000" y="855"/>
                    </a:lnTo>
                    <a:lnTo>
                      <a:pt x="1004" y="871"/>
                    </a:lnTo>
                    <a:lnTo>
                      <a:pt x="1005" y="883"/>
                    </a:lnTo>
                    <a:lnTo>
                      <a:pt x="1005" y="884"/>
                    </a:lnTo>
                    <a:lnTo>
                      <a:pt x="1009" y="901"/>
                    </a:lnTo>
                    <a:lnTo>
                      <a:pt x="1009" y="905"/>
                    </a:lnTo>
                    <a:lnTo>
                      <a:pt x="1011" y="912"/>
                    </a:lnTo>
                    <a:lnTo>
                      <a:pt x="1011" y="916"/>
                    </a:lnTo>
                    <a:lnTo>
                      <a:pt x="1011" y="920"/>
                    </a:lnTo>
                    <a:lnTo>
                      <a:pt x="1011" y="923"/>
                    </a:lnTo>
                    <a:lnTo>
                      <a:pt x="1011" y="927"/>
                    </a:lnTo>
                    <a:lnTo>
                      <a:pt x="1009" y="931"/>
                    </a:lnTo>
                    <a:lnTo>
                      <a:pt x="1007" y="938"/>
                    </a:lnTo>
                    <a:lnTo>
                      <a:pt x="1005" y="940"/>
                    </a:lnTo>
                    <a:lnTo>
                      <a:pt x="1005" y="942"/>
                    </a:lnTo>
                    <a:lnTo>
                      <a:pt x="1004" y="944"/>
                    </a:lnTo>
                    <a:lnTo>
                      <a:pt x="1004" y="945"/>
                    </a:lnTo>
                    <a:lnTo>
                      <a:pt x="1002" y="945"/>
                    </a:lnTo>
                    <a:lnTo>
                      <a:pt x="1002" y="947"/>
                    </a:lnTo>
                    <a:lnTo>
                      <a:pt x="1000" y="949"/>
                    </a:lnTo>
                    <a:lnTo>
                      <a:pt x="989" y="958"/>
                    </a:lnTo>
                    <a:lnTo>
                      <a:pt x="974" y="970"/>
                    </a:lnTo>
                    <a:lnTo>
                      <a:pt x="972" y="971"/>
                    </a:lnTo>
                    <a:lnTo>
                      <a:pt x="968" y="975"/>
                    </a:lnTo>
                    <a:lnTo>
                      <a:pt x="959" y="981"/>
                    </a:lnTo>
                    <a:lnTo>
                      <a:pt x="955" y="982"/>
                    </a:lnTo>
                    <a:lnTo>
                      <a:pt x="952" y="984"/>
                    </a:lnTo>
                    <a:lnTo>
                      <a:pt x="950" y="984"/>
                    </a:lnTo>
                    <a:lnTo>
                      <a:pt x="950" y="986"/>
                    </a:lnTo>
                    <a:lnTo>
                      <a:pt x="948" y="988"/>
                    </a:lnTo>
                    <a:lnTo>
                      <a:pt x="946" y="988"/>
                    </a:lnTo>
                    <a:lnTo>
                      <a:pt x="946" y="990"/>
                    </a:lnTo>
                    <a:lnTo>
                      <a:pt x="946" y="992"/>
                    </a:lnTo>
                    <a:lnTo>
                      <a:pt x="946" y="995"/>
                    </a:lnTo>
                    <a:lnTo>
                      <a:pt x="948" y="999"/>
                    </a:lnTo>
                    <a:lnTo>
                      <a:pt x="952" y="1016"/>
                    </a:lnTo>
                    <a:lnTo>
                      <a:pt x="955" y="1021"/>
                    </a:lnTo>
                    <a:lnTo>
                      <a:pt x="957" y="1025"/>
                    </a:lnTo>
                    <a:lnTo>
                      <a:pt x="959" y="1029"/>
                    </a:lnTo>
                    <a:lnTo>
                      <a:pt x="961" y="1031"/>
                    </a:lnTo>
                    <a:lnTo>
                      <a:pt x="963" y="1034"/>
                    </a:lnTo>
                    <a:lnTo>
                      <a:pt x="967" y="1038"/>
                    </a:lnTo>
                    <a:lnTo>
                      <a:pt x="970" y="1044"/>
                    </a:lnTo>
                    <a:lnTo>
                      <a:pt x="976" y="1053"/>
                    </a:lnTo>
                    <a:lnTo>
                      <a:pt x="978" y="1055"/>
                    </a:lnTo>
                    <a:lnTo>
                      <a:pt x="983" y="1064"/>
                    </a:lnTo>
                    <a:lnTo>
                      <a:pt x="992" y="1077"/>
                    </a:lnTo>
                    <a:lnTo>
                      <a:pt x="996" y="1082"/>
                    </a:lnTo>
                    <a:lnTo>
                      <a:pt x="998" y="1084"/>
                    </a:lnTo>
                    <a:lnTo>
                      <a:pt x="1000" y="1088"/>
                    </a:lnTo>
                    <a:lnTo>
                      <a:pt x="1000" y="1090"/>
                    </a:lnTo>
                    <a:lnTo>
                      <a:pt x="1000" y="1092"/>
                    </a:lnTo>
                    <a:lnTo>
                      <a:pt x="1002" y="1093"/>
                    </a:lnTo>
                    <a:lnTo>
                      <a:pt x="1002" y="1097"/>
                    </a:lnTo>
                    <a:lnTo>
                      <a:pt x="1002" y="1099"/>
                    </a:lnTo>
                    <a:lnTo>
                      <a:pt x="1004" y="1099"/>
                    </a:lnTo>
                    <a:lnTo>
                      <a:pt x="1004" y="1101"/>
                    </a:lnTo>
                    <a:lnTo>
                      <a:pt x="1004" y="1103"/>
                    </a:lnTo>
                    <a:lnTo>
                      <a:pt x="1005" y="1103"/>
                    </a:lnTo>
                    <a:lnTo>
                      <a:pt x="1009" y="1110"/>
                    </a:lnTo>
                    <a:lnTo>
                      <a:pt x="1015" y="1119"/>
                    </a:lnTo>
                    <a:lnTo>
                      <a:pt x="1016" y="1119"/>
                    </a:lnTo>
                    <a:lnTo>
                      <a:pt x="1018" y="1123"/>
                    </a:lnTo>
                    <a:lnTo>
                      <a:pt x="1018" y="1125"/>
                    </a:lnTo>
                    <a:lnTo>
                      <a:pt x="1029" y="1138"/>
                    </a:lnTo>
                    <a:lnTo>
                      <a:pt x="1033" y="1142"/>
                    </a:lnTo>
                    <a:lnTo>
                      <a:pt x="1042" y="1151"/>
                    </a:lnTo>
                    <a:lnTo>
                      <a:pt x="1044" y="1154"/>
                    </a:lnTo>
                    <a:lnTo>
                      <a:pt x="1052" y="1164"/>
                    </a:lnTo>
                    <a:lnTo>
                      <a:pt x="1053" y="1166"/>
                    </a:lnTo>
                    <a:lnTo>
                      <a:pt x="1053" y="1167"/>
                    </a:lnTo>
                    <a:lnTo>
                      <a:pt x="1052" y="1169"/>
                    </a:lnTo>
                    <a:lnTo>
                      <a:pt x="1050" y="1171"/>
                    </a:lnTo>
                    <a:lnTo>
                      <a:pt x="1048" y="1171"/>
                    </a:lnTo>
                    <a:lnTo>
                      <a:pt x="1046" y="1171"/>
                    </a:lnTo>
                    <a:lnTo>
                      <a:pt x="1044" y="1171"/>
                    </a:lnTo>
                    <a:lnTo>
                      <a:pt x="1042" y="1171"/>
                    </a:lnTo>
                    <a:lnTo>
                      <a:pt x="1040" y="1171"/>
                    </a:lnTo>
                    <a:lnTo>
                      <a:pt x="1039" y="1171"/>
                    </a:lnTo>
                    <a:lnTo>
                      <a:pt x="1037" y="1171"/>
                    </a:lnTo>
                    <a:lnTo>
                      <a:pt x="1035" y="1171"/>
                    </a:lnTo>
                    <a:lnTo>
                      <a:pt x="1035" y="1173"/>
                    </a:lnTo>
                    <a:lnTo>
                      <a:pt x="1033" y="1173"/>
                    </a:lnTo>
                    <a:lnTo>
                      <a:pt x="1033" y="1171"/>
                    </a:lnTo>
                    <a:lnTo>
                      <a:pt x="1031" y="1173"/>
                    </a:lnTo>
                    <a:lnTo>
                      <a:pt x="1029" y="1173"/>
                    </a:lnTo>
                    <a:lnTo>
                      <a:pt x="1029" y="1175"/>
                    </a:lnTo>
                    <a:lnTo>
                      <a:pt x="1028" y="1175"/>
                    </a:lnTo>
                    <a:lnTo>
                      <a:pt x="1026" y="1175"/>
                    </a:lnTo>
                    <a:lnTo>
                      <a:pt x="1024" y="1175"/>
                    </a:lnTo>
                    <a:lnTo>
                      <a:pt x="1022" y="1175"/>
                    </a:lnTo>
                    <a:lnTo>
                      <a:pt x="1022" y="1177"/>
                    </a:lnTo>
                    <a:lnTo>
                      <a:pt x="1020" y="1177"/>
                    </a:lnTo>
                    <a:lnTo>
                      <a:pt x="1020" y="1179"/>
                    </a:lnTo>
                    <a:lnTo>
                      <a:pt x="1018" y="1179"/>
                    </a:lnTo>
                    <a:lnTo>
                      <a:pt x="1016" y="1180"/>
                    </a:lnTo>
                    <a:lnTo>
                      <a:pt x="1016" y="1182"/>
                    </a:lnTo>
                    <a:lnTo>
                      <a:pt x="1015" y="1184"/>
                    </a:lnTo>
                    <a:lnTo>
                      <a:pt x="1015" y="1186"/>
                    </a:lnTo>
                    <a:lnTo>
                      <a:pt x="1016" y="1190"/>
                    </a:lnTo>
                    <a:lnTo>
                      <a:pt x="1016" y="1191"/>
                    </a:lnTo>
                    <a:lnTo>
                      <a:pt x="1016" y="1193"/>
                    </a:lnTo>
                    <a:lnTo>
                      <a:pt x="1016" y="1195"/>
                    </a:lnTo>
                    <a:lnTo>
                      <a:pt x="1016" y="1201"/>
                    </a:lnTo>
                    <a:lnTo>
                      <a:pt x="1016" y="1203"/>
                    </a:lnTo>
                    <a:lnTo>
                      <a:pt x="1016" y="1204"/>
                    </a:lnTo>
                    <a:lnTo>
                      <a:pt x="1016" y="1206"/>
                    </a:lnTo>
                    <a:lnTo>
                      <a:pt x="1018" y="1208"/>
                    </a:lnTo>
                    <a:lnTo>
                      <a:pt x="1016" y="1208"/>
                    </a:lnTo>
                    <a:lnTo>
                      <a:pt x="1016" y="1210"/>
                    </a:lnTo>
                    <a:lnTo>
                      <a:pt x="1015" y="1210"/>
                    </a:lnTo>
                    <a:lnTo>
                      <a:pt x="1015" y="1212"/>
                    </a:lnTo>
                    <a:lnTo>
                      <a:pt x="1013" y="1212"/>
                    </a:lnTo>
                    <a:lnTo>
                      <a:pt x="1011" y="1212"/>
                    </a:lnTo>
                    <a:lnTo>
                      <a:pt x="1009" y="1212"/>
                    </a:lnTo>
                    <a:lnTo>
                      <a:pt x="1007" y="1212"/>
                    </a:lnTo>
                    <a:lnTo>
                      <a:pt x="1005" y="1212"/>
                    </a:lnTo>
                    <a:lnTo>
                      <a:pt x="1004" y="1212"/>
                    </a:lnTo>
                    <a:lnTo>
                      <a:pt x="1002" y="1214"/>
                    </a:lnTo>
                    <a:lnTo>
                      <a:pt x="1000" y="1214"/>
                    </a:lnTo>
                    <a:lnTo>
                      <a:pt x="998" y="1214"/>
                    </a:lnTo>
                    <a:lnTo>
                      <a:pt x="998" y="1216"/>
                    </a:lnTo>
                    <a:lnTo>
                      <a:pt x="998" y="1217"/>
                    </a:lnTo>
                    <a:lnTo>
                      <a:pt x="998" y="1219"/>
                    </a:lnTo>
                    <a:lnTo>
                      <a:pt x="996" y="1221"/>
                    </a:lnTo>
                    <a:lnTo>
                      <a:pt x="996" y="1223"/>
                    </a:lnTo>
                    <a:lnTo>
                      <a:pt x="994" y="1223"/>
                    </a:lnTo>
                    <a:lnTo>
                      <a:pt x="992" y="1223"/>
                    </a:lnTo>
                    <a:lnTo>
                      <a:pt x="992" y="1225"/>
                    </a:lnTo>
                    <a:lnTo>
                      <a:pt x="991" y="1227"/>
                    </a:lnTo>
                    <a:lnTo>
                      <a:pt x="991" y="1228"/>
                    </a:lnTo>
                    <a:lnTo>
                      <a:pt x="991" y="1230"/>
                    </a:lnTo>
                    <a:lnTo>
                      <a:pt x="991" y="1232"/>
                    </a:lnTo>
                    <a:lnTo>
                      <a:pt x="989" y="1232"/>
                    </a:lnTo>
                    <a:lnTo>
                      <a:pt x="991" y="1232"/>
                    </a:lnTo>
                    <a:lnTo>
                      <a:pt x="989" y="1234"/>
                    </a:lnTo>
                    <a:lnTo>
                      <a:pt x="989" y="1236"/>
                    </a:lnTo>
                    <a:lnTo>
                      <a:pt x="987" y="1238"/>
                    </a:lnTo>
                    <a:lnTo>
                      <a:pt x="987" y="1240"/>
                    </a:lnTo>
                    <a:lnTo>
                      <a:pt x="987" y="1241"/>
                    </a:lnTo>
                    <a:lnTo>
                      <a:pt x="985" y="1241"/>
                    </a:lnTo>
                    <a:lnTo>
                      <a:pt x="983" y="1245"/>
                    </a:lnTo>
                    <a:lnTo>
                      <a:pt x="983" y="1247"/>
                    </a:lnTo>
                    <a:lnTo>
                      <a:pt x="981" y="1249"/>
                    </a:lnTo>
                    <a:lnTo>
                      <a:pt x="979" y="1249"/>
                    </a:lnTo>
                    <a:lnTo>
                      <a:pt x="974" y="1253"/>
                    </a:lnTo>
                    <a:lnTo>
                      <a:pt x="974" y="1256"/>
                    </a:lnTo>
                    <a:lnTo>
                      <a:pt x="972" y="1262"/>
                    </a:lnTo>
                    <a:lnTo>
                      <a:pt x="970" y="1267"/>
                    </a:lnTo>
                    <a:lnTo>
                      <a:pt x="967" y="1271"/>
                    </a:lnTo>
                    <a:lnTo>
                      <a:pt x="965" y="1277"/>
                    </a:lnTo>
                    <a:lnTo>
                      <a:pt x="965" y="1280"/>
                    </a:lnTo>
                    <a:lnTo>
                      <a:pt x="963" y="1282"/>
                    </a:lnTo>
                    <a:lnTo>
                      <a:pt x="963" y="1288"/>
                    </a:lnTo>
                    <a:lnTo>
                      <a:pt x="963" y="1291"/>
                    </a:lnTo>
                    <a:lnTo>
                      <a:pt x="963" y="1293"/>
                    </a:lnTo>
                    <a:lnTo>
                      <a:pt x="965" y="1293"/>
                    </a:lnTo>
                    <a:lnTo>
                      <a:pt x="967" y="1293"/>
                    </a:lnTo>
                    <a:lnTo>
                      <a:pt x="967" y="1295"/>
                    </a:lnTo>
                    <a:lnTo>
                      <a:pt x="968" y="1295"/>
                    </a:lnTo>
                    <a:lnTo>
                      <a:pt x="978" y="1299"/>
                    </a:lnTo>
                    <a:lnTo>
                      <a:pt x="974" y="1302"/>
                    </a:lnTo>
                    <a:lnTo>
                      <a:pt x="968" y="1308"/>
                    </a:lnTo>
                    <a:lnTo>
                      <a:pt x="967" y="1310"/>
                    </a:lnTo>
                    <a:lnTo>
                      <a:pt x="963" y="1310"/>
                    </a:lnTo>
                    <a:lnTo>
                      <a:pt x="959" y="1312"/>
                    </a:lnTo>
                    <a:lnTo>
                      <a:pt x="959" y="1314"/>
                    </a:lnTo>
                    <a:lnTo>
                      <a:pt x="955" y="1317"/>
                    </a:lnTo>
                    <a:lnTo>
                      <a:pt x="955" y="1319"/>
                    </a:lnTo>
                    <a:lnTo>
                      <a:pt x="954" y="1319"/>
                    </a:lnTo>
                    <a:lnTo>
                      <a:pt x="954" y="1323"/>
                    </a:lnTo>
                    <a:lnTo>
                      <a:pt x="948" y="1325"/>
                    </a:lnTo>
                    <a:lnTo>
                      <a:pt x="948" y="1328"/>
                    </a:lnTo>
                    <a:lnTo>
                      <a:pt x="950" y="1332"/>
                    </a:lnTo>
                    <a:lnTo>
                      <a:pt x="950" y="1334"/>
                    </a:lnTo>
                    <a:lnTo>
                      <a:pt x="952" y="1336"/>
                    </a:lnTo>
                    <a:lnTo>
                      <a:pt x="952" y="1338"/>
                    </a:lnTo>
                    <a:lnTo>
                      <a:pt x="952" y="1339"/>
                    </a:lnTo>
                    <a:lnTo>
                      <a:pt x="952" y="1343"/>
                    </a:lnTo>
                    <a:lnTo>
                      <a:pt x="952" y="1345"/>
                    </a:lnTo>
                    <a:lnTo>
                      <a:pt x="952" y="1347"/>
                    </a:lnTo>
                    <a:lnTo>
                      <a:pt x="950" y="1351"/>
                    </a:lnTo>
                    <a:lnTo>
                      <a:pt x="948" y="1352"/>
                    </a:lnTo>
                    <a:lnTo>
                      <a:pt x="948" y="1354"/>
                    </a:lnTo>
                    <a:lnTo>
                      <a:pt x="946" y="1354"/>
                    </a:lnTo>
                    <a:lnTo>
                      <a:pt x="944" y="1352"/>
                    </a:lnTo>
                    <a:lnTo>
                      <a:pt x="943" y="1352"/>
                    </a:lnTo>
                    <a:lnTo>
                      <a:pt x="941" y="1352"/>
                    </a:lnTo>
                    <a:lnTo>
                      <a:pt x="937" y="1352"/>
                    </a:lnTo>
                    <a:lnTo>
                      <a:pt x="933" y="1352"/>
                    </a:lnTo>
                    <a:lnTo>
                      <a:pt x="933" y="1354"/>
                    </a:lnTo>
                    <a:lnTo>
                      <a:pt x="931" y="1354"/>
                    </a:lnTo>
                    <a:lnTo>
                      <a:pt x="931" y="1356"/>
                    </a:lnTo>
                    <a:lnTo>
                      <a:pt x="931" y="1358"/>
                    </a:lnTo>
                    <a:lnTo>
                      <a:pt x="933" y="1358"/>
                    </a:lnTo>
                    <a:lnTo>
                      <a:pt x="933" y="1360"/>
                    </a:lnTo>
                    <a:lnTo>
                      <a:pt x="933" y="1362"/>
                    </a:lnTo>
                    <a:lnTo>
                      <a:pt x="933" y="1364"/>
                    </a:lnTo>
                    <a:lnTo>
                      <a:pt x="933" y="1365"/>
                    </a:lnTo>
                    <a:lnTo>
                      <a:pt x="933" y="1367"/>
                    </a:lnTo>
                    <a:lnTo>
                      <a:pt x="931" y="1371"/>
                    </a:lnTo>
                    <a:lnTo>
                      <a:pt x="931" y="1373"/>
                    </a:lnTo>
                    <a:lnTo>
                      <a:pt x="930" y="1375"/>
                    </a:lnTo>
                    <a:lnTo>
                      <a:pt x="930" y="1376"/>
                    </a:lnTo>
                    <a:lnTo>
                      <a:pt x="930" y="1378"/>
                    </a:lnTo>
                    <a:lnTo>
                      <a:pt x="928" y="1378"/>
                    </a:lnTo>
                    <a:lnTo>
                      <a:pt x="926" y="1380"/>
                    </a:lnTo>
                    <a:lnTo>
                      <a:pt x="924" y="1382"/>
                    </a:lnTo>
                    <a:lnTo>
                      <a:pt x="924" y="1380"/>
                    </a:lnTo>
                    <a:lnTo>
                      <a:pt x="922" y="1378"/>
                    </a:lnTo>
                    <a:lnTo>
                      <a:pt x="920" y="1376"/>
                    </a:lnTo>
                    <a:lnTo>
                      <a:pt x="918" y="1375"/>
                    </a:lnTo>
                    <a:lnTo>
                      <a:pt x="917" y="1375"/>
                    </a:lnTo>
                    <a:lnTo>
                      <a:pt x="915" y="1373"/>
                    </a:lnTo>
                    <a:lnTo>
                      <a:pt x="915" y="1371"/>
                    </a:lnTo>
                    <a:lnTo>
                      <a:pt x="913" y="1371"/>
                    </a:lnTo>
                    <a:lnTo>
                      <a:pt x="913" y="1369"/>
                    </a:lnTo>
                    <a:lnTo>
                      <a:pt x="911" y="1369"/>
                    </a:lnTo>
                    <a:lnTo>
                      <a:pt x="909" y="1367"/>
                    </a:lnTo>
                    <a:lnTo>
                      <a:pt x="907" y="1367"/>
                    </a:lnTo>
                    <a:lnTo>
                      <a:pt x="907" y="1365"/>
                    </a:lnTo>
                    <a:lnTo>
                      <a:pt x="907" y="1364"/>
                    </a:lnTo>
                    <a:lnTo>
                      <a:pt x="906" y="1364"/>
                    </a:lnTo>
                    <a:lnTo>
                      <a:pt x="906" y="1362"/>
                    </a:lnTo>
                    <a:lnTo>
                      <a:pt x="904" y="1362"/>
                    </a:lnTo>
                    <a:lnTo>
                      <a:pt x="904" y="1360"/>
                    </a:lnTo>
                    <a:lnTo>
                      <a:pt x="904" y="1362"/>
                    </a:lnTo>
                    <a:lnTo>
                      <a:pt x="904" y="1360"/>
                    </a:lnTo>
                    <a:lnTo>
                      <a:pt x="902" y="1358"/>
                    </a:lnTo>
                    <a:lnTo>
                      <a:pt x="900" y="1358"/>
                    </a:lnTo>
                    <a:lnTo>
                      <a:pt x="898" y="1358"/>
                    </a:lnTo>
                    <a:lnTo>
                      <a:pt x="898" y="1356"/>
                    </a:lnTo>
                    <a:lnTo>
                      <a:pt x="896" y="1356"/>
                    </a:lnTo>
                    <a:lnTo>
                      <a:pt x="894" y="1356"/>
                    </a:lnTo>
                    <a:lnTo>
                      <a:pt x="891" y="1352"/>
                    </a:lnTo>
                    <a:lnTo>
                      <a:pt x="889" y="1351"/>
                    </a:lnTo>
                    <a:lnTo>
                      <a:pt x="887" y="1351"/>
                    </a:lnTo>
                    <a:lnTo>
                      <a:pt x="885" y="1351"/>
                    </a:lnTo>
                    <a:lnTo>
                      <a:pt x="885" y="1349"/>
                    </a:lnTo>
                    <a:lnTo>
                      <a:pt x="883" y="1349"/>
                    </a:lnTo>
                    <a:lnTo>
                      <a:pt x="882" y="1349"/>
                    </a:lnTo>
                    <a:lnTo>
                      <a:pt x="880" y="1349"/>
                    </a:lnTo>
                    <a:lnTo>
                      <a:pt x="880" y="1347"/>
                    </a:lnTo>
                    <a:lnTo>
                      <a:pt x="878" y="1347"/>
                    </a:lnTo>
                    <a:lnTo>
                      <a:pt x="876" y="1347"/>
                    </a:lnTo>
                    <a:lnTo>
                      <a:pt x="876" y="1345"/>
                    </a:lnTo>
                    <a:lnTo>
                      <a:pt x="874" y="1345"/>
                    </a:lnTo>
                    <a:lnTo>
                      <a:pt x="872" y="1345"/>
                    </a:lnTo>
                    <a:lnTo>
                      <a:pt x="870" y="1345"/>
                    </a:lnTo>
                    <a:lnTo>
                      <a:pt x="869" y="1343"/>
                    </a:lnTo>
                    <a:lnTo>
                      <a:pt x="867" y="1343"/>
                    </a:lnTo>
                    <a:lnTo>
                      <a:pt x="865" y="1343"/>
                    </a:lnTo>
                    <a:lnTo>
                      <a:pt x="863" y="1343"/>
                    </a:lnTo>
                    <a:lnTo>
                      <a:pt x="861" y="1343"/>
                    </a:lnTo>
                    <a:lnTo>
                      <a:pt x="857" y="1343"/>
                    </a:lnTo>
                    <a:lnTo>
                      <a:pt x="856" y="1343"/>
                    </a:lnTo>
                    <a:lnTo>
                      <a:pt x="854" y="1343"/>
                    </a:lnTo>
                    <a:lnTo>
                      <a:pt x="852" y="1343"/>
                    </a:lnTo>
                    <a:lnTo>
                      <a:pt x="852" y="1341"/>
                    </a:lnTo>
                    <a:lnTo>
                      <a:pt x="850" y="1341"/>
                    </a:lnTo>
                    <a:lnTo>
                      <a:pt x="846" y="1341"/>
                    </a:lnTo>
                    <a:lnTo>
                      <a:pt x="845" y="1339"/>
                    </a:lnTo>
                    <a:lnTo>
                      <a:pt x="843" y="1339"/>
                    </a:lnTo>
                    <a:lnTo>
                      <a:pt x="843" y="1338"/>
                    </a:lnTo>
                    <a:lnTo>
                      <a:pt x="841" y="1336"/>
                    </a:lnTo>
                    <a:lnTo>
                      <a:pt x="839" y="1336"/>
                    </a:lnTo>
                    <a:lnTo>
                      <a:pt x="837" y="1336"/>
                    </a:lnTo>
                    <a:lnTo>
                      <a:pt x="830" y="1334"/>
                    </a:lnTo>
                    <a:lnTo>
                      <a:pt x="826" y="1334"/>
                    </a:lnTo>
                    <a:lnTo>
                      <a:pt x="824" y="1334"/>
                    </a:lnTo>
                    <a:lnTo>
                      <a:pt x="822" y="1334"/>
                    </a:lnTo>
                    <a:lnTo>
                      <a:pt x="821" y="1334"/>
                    </a:lnTo>
                    <a:lnTo>
                      <a:pt x="819" y="1334"/>
                    </a:lnTo>
                    <a:lnTo>
                      <a:pt x="815" y="1334"/>
                    </a:lnTo>
                    <a:lnTo>
                      <a:pt x="813" y="1334"/>
                    </a:lnTo>
                    <a:lnTo>
                      <a:pt x="809" y="1334"/>
                    </a:lnTo>
                    <a:lnTo>
                      <a:pt x="808" y="1334"/>
                    </a:lnTo>
                    <a:lnTo>
                      <a:pt x="808" y="1336"/>
                    </a:lnTo>
                    <a:lnTo>
                      <a:pt x="806" y="1334"/>
                    </a:lnTo>
                    <a:lnTo>
                      <a:pt x="802" y="1334"/>
                    </a:lnTo>
                    <a:lnTo>
                      <a:pt x="800" y="1334"/>
                    </a:lnTo>
                    <a:lnTo>
                      <a:pt x="798" y="1334"/>
                    </a:lnTo>
                    <a:lnTo>
                      <a:pt x="793" y="1332"/>
                    </a:lnTo>
                    <a:lnTo>
                      <a:pt x="789" y="1332"/>
                    </a:lnTo>
                    <a:lnTo>
                      <a:pt x="789" y="1330"/>
                    </a:lnTo>
                    <a:lnTo>
                      <a:pt x="787" y="1330"/>
                    </a:lnTo>
                    <a:lnTo>
                      <a:pt x="787" y="1332"/>
                    </a:lnTo>
                    <a:lnTo>
                      <a:pt x="785" y="1330"/>
                    </a:lnTo>
                    <a:lnTo>
                      <a:pt x="784" y="1330"/>
                    </a:lnTo>
                    <a:lnTo>
                      <a:pt x="782" y="1330"/>
                    </a:lnTo>
                    <a:lnTo>
                      <a:pt x="780" y="1330"/>
                    </a:lnTo>
                    <a:lnTo>
                      <a:pt x="778" y="1332"/>
                    </a:lnTo>
                    <a:lnTo>
                      <a:pt x="776" y="1332"/>
                    </a:lnTo>
                    <a:lnTo>
                      <a:pt x="776" y="1334"/>
                    </a:lnTo>
                    <a:lnTo>
                      <a:pt x="772" y="1328"/>
                    </a:lnTo>
                    <a:lnTo>
                      <a:pt x="769" y="1325"/>
                    </a:lnTo>
                    <a:lnTo>
                      <a:pt x="769" y="1327"/>
                    </a:lnTo>
                    <a:lnTo>
                      <a:pt x="767" y="1327"/>
                    </a:lnTo>
                    <a:lnTo>
                      <a:pt x="765" y="1325"/>
                    </a:lnTo>
                    <a:lnTo>
                      <a:pt x="763" y="1327"/>
                    </a:lnTo>
                    <a:lnTo>
                      <a:pt x="761" y="1327"/>
                    </a:lnTo>
                    <a:lnTo>
                      <a:pt x="760" y="1327"/>
                    </a:lnTo>
                    <a:lnTo>
                      <a:pt x="758" y="1327"/>
                    </a:lnTo>
                    <a:lnTo>
                      <a:pt x="756" y="1327"/>
                    </a:lnTo>
                    <a:lnTo>
                      <a:pt x="754" y="1327"/>
                    </a:lnTo>
                    <a:lnTo>
                      <a:pt x="752" y="1327"/>
                    </a:lnTo>
                    <a:lnTo>
                      <a:pt x="750" y="1328"/>
                    </a:lnTo>
                    <a:lnTo>
                      <a:pt x="750" y="1330"/>
                    </a:lnTo>
                    <a:lnTo>
                      <a:pt x="748" y="1328"/>
                    </a:lnTo>
                    <a:lnTo>
                      <a:pt x="747" y="1328"/>
                    </a:lnTo>
                    <a:lnTo>
                      <a:pt x="745" y="1328"/>
                    </a:lnTo>
                    <a:lnTo>
                      <a:pt x="741" y="1328"/>
                    </a:lnTo>
                    <a:lnTo>
                      <a:pt x="739" y="1328"/>
                    </a:lnTo>
                    <a:lnTo>
                      <a:pt x="739" y="1327"/>
                    </a:lnTo>
                    <a:lnTo>
                      <a:pt x="737" y="1327"/>
                    </a:lnTo>
                    <a:lnTo>
                      <a:pt x="737" y="1325"/>
                    </a:lnTo>
                    <a:lnTo>
                      <a:pt x="735" y="1325"/>
                    </a:lnTo>
                    <a:lnTo>
                      <a:pt x="734" y="1323"/>
                    </a:lnTo>
                    <a:lnTo>
                      <a:pt x="734" y="1321"/>
                    </a:lnTo>
                    <a:lnTo>
                      <a:pt x="732" y="1321"/>
                    </a:lnTo>
                    <a:lnTo>
                      <a:pt x="730" y="1319"/>
                    </a:lnTo>
                    <a:lnTo>
                      <a:pt x="728" y="1319"/>
                    </a:lnTo>
                    <a:lnTo>
                      <a:pt x="726" y="1319"/>
                    </a:lnTo>
                    <a:lnTo>
                      <a:pt x="723" y="1319"/>
                    </a:lnTo>
                    <a:lnTo>
                      <a:pt x="721" y="1319"/>
                    </a:lnTo>
                    <a:lnTo>
                      <a:pt x="719" y="1319"/>
                    </a:lnTo>
                    <a:lnTo>
                      <a:pt x="717" y="1319"/>
                    </a:lnTo>
                    <a:lnTo>
                      <a:pt x="715" y="1319"/>
                    </a:lnTo>
                    <a:lnTo>
                      <a:pt x="713" y="1319"/>
                    </a:lnTo>
                    <a:lnTo>
                      <a:pt x="711" y="1319"/>
                    </a:lnTo>
                    <a:lnTo>
                      <a:pt x="708" y="1317"/>
                    </a:lnTo>
                    <a:lnTo>
                      <a:pt x="706" y="1317"/>
                    </a:lnTo>
                    <a:lnTo>
                      <a:pt x="704" y="1317"/>
                    </a:lnTo>
                    <a:lnTo>
                      <a:pt x="702" y="1317"/>
                    </a:lnTo>
                    <a:lnTo>
                      <a:pt x="700" y="1317"/>
                    </a:lnTo>
                    <a:lnTo>
                      <a:pt x="700" y="1319"/>
                    </a:lnTo>
                    <a:lnTo>
                      <a:pt x="699" y="1319"/>
                    </a:lnTo>
                    <a:lnTo>
                      <a:pt x="699" y="1321"/>
                    </a:lnTo>
                    <a:lnTo>
                      <a:pt x="697" y="1321"/>
                    </a:lnTo>
                    <a:lnTo>
                      <a:pt x="695" y="1321"/>
                    </a:lnTo>
                    <a:lnTo>
                      <a:pt x="693" y="1319"/>
                    </a:lnTo>
                    <a:lnTo>
                      <a:pt x="691" y="1319"/>
                    </a:lnTo>
                    <a:lnTo>
                      <a:pt x="689" y="1319"/>
                    </a:lnTo>
                    <a:lnTo>
                      <a:pt x="689" y="1317"/>
                    </a:lnTo>
                    <a:lnTo>
                      <a:pt x="687" y="1317"/>
                    </a:lnTo>
                    <a:lnTo>
                      <a:pt x="684" y="1317"/>
                    </a:lnTo>
                    <a:lnTo>
                      <a:pt x="682" y="1317"/>
                    </a:lnTo>
                    <a:lnTo>
                      <a:pt x="680" y="1317"/>
                    </a:lnTo>
                    <a:lnTo>
                      <a:pt x="678" y="1317"/>
                    </a:lnTo>
                    <a:lnTo>
                      <a:pt x="678" y="1319"/>
                    </a:lnTo>
                    <a:lnTo>
                      <a:pt x="676" y="1319"/>
                    </a:lnTo>
                    <a:lnTo>
                      <a:pt x="676" y="1321"/>
                    </a:lnTo>
                    <a:lnTo>
                      <a:pt x="674" y="1321"/>
                    </a:lnTo>
                    <a:lnTo>
                      <a:pt x="674" y="1323"/>
                    </a:lnTo>
                    <a:lnTo>
                      <a:pt x="673" y="1323"/>
                    </a:lnTo>
                    <a:lnTo>
                      <a:pt x="671" y="1323"/>
                    </a:lnTo>
                    <a:lnTo>
                      <a:pt x="671" y="1325"/>
                    </a:lnTo>
                    <a:lnTo>
                      <a:pt x="669" y="1327"/>
                    </a:lnTo>
                    <a:lnTo>
                      <a:pt x="669" y="1325"/>
                    </a:lnTo>
                    <a:lnTo>
                      <a:pt x="667" y="1325"/>
                    </a:lnTo>
                    <a:lnTo>
                      <a:pt x="667" y="1323"/>
                    </a:lnTo>
                    <a:lnTo>
                      <a:pt x="665" y="1323"/>
                    </a:lnTo>
                    <a:lnTo>
                      <a:pt x="663" y="1321"/>
                    </a:lnTo>
                    <a:lnTo>
                      <a:pt x="662" y="1321"/>
                    </a:lnTo>
                    <a:lnTo>
                      <a:pt x="656" y="1315"/>
                    </a:lnTo>
                    <a:lnTo>
                      <a:pt x="654" y="1314"/>
                    </a:lnTo>
                    <a:lnTo>
                      <a:pt x="654" y="1312"/>
                    </a:lnTo>
                    <a:lnTo>
                      <a:pt x="654" y="1310"/>
                    </a:lnTo>
                    <a:lnTo>
                      <a:pt x="652" y="1308"/>
                    </a:lnTo>
                    <a:lnTo>
                      <a:pt x="650" y="1306"/>
                    </a:lnTo>
                    <a:lnTo>
                      <a:pt x="643" y="1299"/>
                    </a:lnTo>
                    <a:lnTo>
                      <a:pt x="643" y="1297"/>
                    </a:lnTo>
                    <a:lnTo>
                      <a:pt x="643" y="1295"/>
                    </a:lnTo>
                    <a:lnTo>
                      <a:pt x="643" y="1293"/>
                    </a:lnTo>
                    <a:lnTo>
                      <a:pt x="645" y="1293"/>
                    </a:lnTo>
                    <a:lnTo>
                      <a:pt x="647" y="1288"/>
                    </a:lnTo>
                    <a:lnTo>
                      <a:pt x="647" y="1286"/>
                    </a:lnTo>
                    <a:lnTo>
                      <a:pt x="645" y="1284"/>
                    </a:lnTo>
                    <a:lnTo>
                      <a:pt x="645" y="1282"/>
                    </a:lnTo>
                    <a:lnTo>
                      <a:pt x="647" y="1280"/>
                    </a:lnTo>
                    <a:lnTo>
                      <a:pt x="649" y="1277"/>
                    </a:lnTo>
                    <a:lnTo>
                      <a:pt x="647" y="1277"/>
                    </a:lnTo>
                    <a:lnTo>
                      <a:pt x="647" y="1275"/>
                    </a:lnTo>
                    <a:lnTo>
                      <a:pt x="647" y="1273"/>
                    </a:lnTo>
                    <a:lnTo>
                      <a:pt x="647" y="1271"/>
                    </a:lnTo>
                    <a:lnTo>
                      <a:pt x="645" y="1271"/>
                    </a:lnTo>
                    <a:lnTo>
                      <a:pt x="647" y="1271"/>
                    </a:lnTo>
                    <a:lnTo>
                      <a:pt x="647" y="1269"/>
                    </a:lnTo>
                    <a:lnTo>
                      <a:pt x="647" y="1267"/>
                    </a:lnTo>
                    <a:lnTo>
                      <a:pt x="645" y="1267"/>
                    </a:lnTo>
                    <a:lnTo>
                      <a:pt x="645" y="1265"/>
                    </a:lnTo>
                    <a:lnTo>
                      <a:pt x="645" y="1264"/>
                    </a:lnTo>
                    <a:lnTo>
                      <a:pt x="645" y="1262"/>
                    </a:lnTo>
                    <a:lnTo>
                      <a:pt x="643" y="1262"/>
                    </a:lnTo>
                    <a:lnTo>
                      <a:pt x="643" y="1260"/>
                    </a:lnTo>
                    <a:lnTo>
                      <a:pt x="641" y="1260"/>
                    </a:lnTo>
                    <a:lnTo>
                      <a:pt x="641" y="1258"/>
                    </a:lnTo>
                    <a:lnTo>
                      <a:pt x="638" y="1258"/>
                    </a:lnTo>
                    <a:lnTo>
                      <a:pt x="638" y="1256"/>
                    </a:lnTo>
                    <a:lnTo>
                      <a:pt x="634" y="1256"/>
                    </a:lnTo>
                    <a:lnTo>
                      <a:pt x="632" y="1254"/>
                    </a:lnTo>
                    <a:lnTo>
                      <a:pt x="630" y="1254"/>
                    </a:lnTo>
                    <a:lnTo>
                      <a:pt x="628" y="1253"/>
                    </a:lnTo>
                    <a:lnTo>
                      <a:pt x="628" y="1251"/>
                    </a:lnTo>
                    <a:lnTo>
                      <a:pt x="630" y="1251"/>
                    </a:lnTo>
                    <a:lnTo>
                      <a:pt x="628" y="1249"/>
                    </a:lnTo>
                    <a:lnTo>
                      <a:pt x="628" y="1247"/>
                    </a:lnTo>
                    <a:lnTo>
                      <a:pt x="626" y="1247"/>
                    </a:lnTo>
                    <a:lnTo>
                      <a:pt x="626" y="1245"/>
                    </a:lnTo>
                    <a:lnTo>
                      <a:pt x="626" y="1243"/>
                    </a:lnTo>
                    <a:lnTo>
                      <a:pt x="625" y="1241"/>
                    </a:lnTo>
                    <a:lnTo>
                      <a:pt x="625" y="1240"/>
                    </a:lnTo>
                    <a:lnTo>
                      <a:pt x="625" y="1238"/>
                    </a:lnTo>
                    <a:lnTo>
                      <a:pt x="625" y="1236"/>
                    </a:lnTo>
                    <a:lnTo>
                      <a:pt x="625" y="1234"/>
                    </a:lnTo>
                    <a:lnTo>
                      <a:pt x="625" y="1232"/>
                    </a:lnTo>
                    <a:lnTo>
                      <a:pt x="625" y="1230"/>
                    </a:lnTo>
                    <a:lnTo>
                      <a:pt x="625" y="1228"/>
                    </a:lnTo>
                    <a:lnTo>
                      <a:pt x="625" y="1227"/>
                    </a:lnTo>
                    <a:lnTo>
                      <a:pt x="625" y="1225"/>
                    </a:lnTo>
                    <a:lnTo>
                      <a:pt x="625" y="1223"/>
                    </a:lnTo>
                    <a:lnTo>
                      <a:pt x="625" y="1221"/>
                    </a:lnTo>
                    <a:lnTo>
                      <a:pt x="626" y="1221"/>
                    </a:lnTo>
                    <a:lnTo>
                      <a:pt x="630" y="1219"/>
                    </a:lnTo>
                    <a:lnTo>
                      <a:pt x="634" y="1219"/>
                    </a:lnTo>
                    <a:lnTo>
                      <a:pt x="636" y="1217"/>
                    </a:lnTo>
                    <a:lnTo>
                      <a:pt x="638" y="1214"/>
                    </a:lnTo>
                    <a:lnTo>
                      <a:pt x="638" y="1212"/>
                    </a:lnTo>
                    <a:lnTo>
                      <a:pt x="636" y="1208"/>
                    </a:lnTo>
                    <a:lnTo>
                      <a:pt x="636" y="1206"/>
                    </a:lnTo>
                    <a:lnTo>
                      <a:pt x="634" y="1204"/>
                    </a:lnTo>
                    <a:lnTo>
                      <a:pt x="634" y="1203"/>
                    </a:lnTo>
                    <a:lnTo>
                      <a:pt x="634" y="1201"/>
                    </a:lnTo>
                    <a:lnTo>
                      <a:pt x="632" y="1201"/>
                    </a:lnTo>
                    <a:lnTo>
                      <a:pt x="632" y="1199"/>
                    </a:lnTo>
                    <a:lnTo>
                      <a:pt x="632" y="1197"/>
                    </a:lnTo>
                    <a:lnTo>
                      <a:pt x="634" y="1195"/>
                    </a:lnTo>
                    <a:lnTo>
                      <a:pt x="632" y="1195"/>
                    </a:lnTo>
                    <a:lnTo>
                      <a:pt x="634" y="1193"/>
                    </a:lnTo>
                    <a:lnTo>
                      <a:pt x="634" y="1191"/>
                    </a:lnTo>
                    <a:lnTo>
                      <a:pt x="634" y="1188"/>
                    </a:lnTo>
                    <a:lnTo>
                      <a:pt x="636" y="1188"/>
                    </a:lnTo>
                    <a:lnTo>
                      <a:pt x="636" y="1186"/>
                    </a:lnTo>
                    <a:lnTo>
                      <a:pt x="636" y="1184"/>
                    </a:lnTo>
                    <a:lnTo>
                      <a:pt x="636" y="1182"/>
                    </a:lnTo>
                    <a:lnTo>
                      <a:pt x="638" y="1179"/>
                    </a:lnTo>
                    <a:lnTo>
                      <a:pt x="638" y="1175"/>
                    </a:lnTo>
                    <a:lnTo>
                      <a:pt x="638" y="1173"/>
                    </a:lnTo>
                    <a:lnTo>
                      <a:pt x="638" y="1171"/>
                    </a:lnTo>
                    <a:lnTo>
                      <a:pt x="636" y="1171"/>
                    </a:lnTo>
                    <a:lnTo>
                      <a:pt x="634" y="1169"/>
                    </a:lnTo>
                    <a:lnTo>
                      <a:pt x="634" y="1167"/>
                    </a:lnTo>
                    <a:lnTo>
                      <a:pt x="634" y="1166"/>
                    </a:lnTo>
                    <a:lnTo>
                      <a:pt x="632" y="1166"/>
                    </a:lnTo>
                    <a:lnTo>
                      <a:pt x="634" y="1166"/>
                    </a:lnTo>
                    <a:lnTo>
                      <a:pt x="634" y="1164"/>
                    </a:lnTo>
                    <a:lnTo>
                      <a:pt x="634" y="1162"/>
                    </a:lnTo>
                    <a:lnTo>
                      <a:pt x="636" y="1160"/>
                    </a:lnTo>
                    <a:lnTo>
                      <a:pt x="636" y="1158"/>
                    </a:lnTo>
                    <a:lnTo>
                      <a:pt x="636" y="1156"/>
                    </a:lnTo>
                    <a:lnTo>
                      <a:pt x="638" y="1156"/>
                    </a:lnTo>
                    <a:lnTo>
                      <a:pt x="638" y="1154"/>
                    </a:lnTo>
                    <a:lnTo>
                      <a:pt x="636" y="1154"/>
                    </a:lnTo>
                    <a:lnTo>
                      <a:pt x="636" y="1153"/>
                    </a:lnTo>
                    <a:lnTo>
                      <a:pt x="636" y="1151"/>
                    </a:lnTo>
                    <a:lnTo>
                      <a:pt x="636" y="1149"/>
                    </a:lnTo>
                    <a:lnTo>
                      <a:pt x="636" y="1147"/>
                    </a:lnTo>
                    <a:lnTo>
                      <a:pt x="634" y="1147"/>
                    </a:lnTo>
                    <a:lnTo>
                      <a:pt x="636" y="1147"/>
                    </a:lnTo>
                    <a:lnTo>
                      <a:pt x="634" y="1147"/>
                    </a:lnTo>
                    <a:lnTo>
                      <a:pt x="636" y="1145"/>
                    </a:lnTo>
                    <a:lnTo>
                      <a:pt x="636" y="1143"/>
                    </a:lnTo>
                    <a:lnTo>
                      <a:pt x="638" y="1142"/>
                    </a:lnTo>
                    <a:lnTo>
                      <a:pt x="638" y="1140"/>
                    </a:lnTo>
                    <a:lnTo>
                      <a:pt x="641" y="1138"/>
                    </a:lnTo>
                    <a:lnTo>
                      <a:pt x="639" y="1138"/>
                    </a:lnTo>
                    <a:lnTo>
                      <a:pt x="639" y="1136"/>
                    </a:lnTo>
                    <a:lnTo>
                      <a:pt x="641" y="1134"/>
                    </a:lnTo>
                    <a:lnTo>
                      <a:pt x="641" y="1132"/>
                    </a:lnTo>
                    <a:lnTo>
                      <a:pt x="639" y="1130"/>
                    </a:lnTo>
                    <a:lnTo>
                      <a:pt x="638" y="1129"/>
                    </a:lnTo>
                    <a:lnTo>
                      <a:pt x="638" y="1127"/>
                    </a:lnTo>
                    <a:lnTo>
                      <a:pt x="636" y="1127"/>
                    </a:lnTo>
                    <a:lnTo>
                      <a:pt x="636" y="1125"/>
                    </a:lnTo>
                    <a:lnTo>
                      <a:pt x="636" y="1123"/>
                    </a:lnTo>
                    <a:lnTo>
                      <a:pt x="634" y="1123"/>
                    </a:lnTo>
                    <a:lnTo>
                      <a:pt x="634" y="1121"/>
                    </a:lnTo>
                    <a:lnTo>
                      <a:pt x="634" y="1119"/>
                    </a:lnTo>
                    <a:lnTo>
                      <a:pt x="632" y="1119"/>
                    </a:lnTo>
                    <a:lnTo>
                      <a:pt x="632" y="1118"/>
                    </a:lnTo>
                    <a:lnTo>
                      <a:pt x="630" y="1116"/>
                    </a:lnTo>
                    <a:lnTo>
                      <a:pt x="630" y="1114"/>
                    </a:lnTo>
                    <a:lnTo>
                      <a:pt x="630" y="1112"/>
                    </a:lnTo>
                    <a:lnTo>
                      <a:pt x="630" y="1110"/>
                    </a:lnTo>
                    <a:lnTo>
                      <a:pt x="630" y="1108"/>
                    </a:lnTo>
                    <a:lnTo>
                      <a:pt x="630" y="1106"/>
                    </a:lnTo>
                    <a:lnTo>
                      <a:pt x="630" y="1105"/>
                    </a:lnTo>
                    <a:lnTo>
                      <a:pt x="630" y="1103"/>
                    </a:lnTo>
                    <a:lnTo>
                      <a:pt x="630" y="1101"/>
                    </a:lnTo>
                    <a:lnTo>
                      <a:pt x="630" y="1099"/>
                    </a:lnTo>
                    <a:lnTo>
                      <a:pt x="630" y="1097"/>
                    </a:lnTo>
                    <a:lnTo>
                      <a:pt x="628" y="1097"/>
                    </a:lnTo>
                    <a:lnTo>
                      <a:pt x="628" y="1095"/>
                    </a:lnTo>
                    <a:lnTo>
                      <a:pt x="628" y="1093"/>
                    </a:lnTo>
                    <a:lnTo>
                      <a:pt x="626" y="1093"/>
                    </a:lnTo>
                    <a:lnTo>
                      <a:pt x="626" y="1092"/>
                    </a:lnTo>
                    <a:lnTo>
                      <a:pt x="626" y="1090"/>
                    </a:lnTo>
                    <a:lnTo>
                      <a:pt x="625" y="1090"/>
                    </a:lnTo>
                    <a:lnTo>
                      <a:pt x="625" y="1088"/>
                    </a:lnTo>
                    <a:lnTo>
                      <a:pt x="623" y="1088"/>
                    </a:lnTo>
                    <a:lnTo>
                      <a:pt x="623" y="1086"/>
                    </a:lnTo>
                    <a:lnTo>
                      <a:pt x="621" y="1086"/>
                    </a:lnTo>
                    <a:lnTo>
                      <a:pt x="621" y="1084"/>
                    </a:lnTo>
                    <a:lnTo>
                      <a:pt x="621" y="1082"/>
                    </a:lnTo>
                    <a:lnTo>
                      <a:pt x="621" y="1081"/>
                    </a:lnTo>
                    <a:lnTo>
                      <a:pt x="619" y="1081"/>
                    </a:lnTo>
                    <a:lnTo>
                      <a:pt x="617" y="1081"/>
                    </a:lnTo>
                    <a:lnTo>
                      <a:pt x="617" y="1079"/>
                    </a:lnTo>
                    <a:lnTo>
                      <a:pt x="615" y="1079"/>
                    </a:lnTo>
                    <a:lnTo>
                      <a:pt x="613" y="1079"/>
                    </a:lnTo>
                    <a:lnTo>
                      <a:pt x="613" y="1077"/>
                    </a:lnTo>
                    <a:lnTo>
                      <a:pt x="612" y="1077"/>
                    </a:lnTo>
                    <a:lnTo>
                      <a:pt x="612" y="1075"/>
                    </a:lnTo>
                    <a:lnTo>
                      <a:pt x="610" y="1075"/>
                    </a:lnTo>
                    <a:lnTo>
                      <a:pt x="610" y="1073"/>
                    </a:lnTo>
                    <a:lnTo>
                      <a:pt x="610" y="1071"/>
                    </a:lnTo>
                    <a:lnTo>
                      <a:pt x="608" y="1071"/>
                    </a:lnTo>
                    <a:lnTo>
                      <a:pt x="606" y="1069"/>
                    </a:lnTo>
                    <a:lnTo>
                      <a:pt x="604" y="1069"/>
                    </a:lnTo>
                    <a:lnTo>
                      <a:pt x="604" y="1068"/>
                    </a:lnTo>
                    <a:lnTo>
                      <a:pt x="604" y="1066"/>
                    </a:lnTo>
                    <a:lnTo>
                      <a:pt x="602" y="1066"/>
                    </a:lnTo>
                    <a:lnTo>
                      <a:pt x="601" y="1066"/>
                    </a:lnTo>
                    <a:lnTo>
                      <a:pt x="601" y="1064"/>
                    </a:lnTo>
                    <a:lnTo>
                      <a:pt x="599" y="1064"/>
                    </a:lnTo>
                    <a:lnTo>
                      <a:pt x="597" y="1062"/>
                    </a:lnTo>
                    <a:lnTo>
                      <a:pt x="595" y="1062"/>
                    </a:lnTo>
                    <a:lnTo>
                      <a:pt x="593" y="1062"/>
                    </a:lnTo>
                    <a:lnTo>
                      <a:pt x="593" y="1064"/>
                    </a:lnTo>
                    <a:lnTo>
                      <a:pt x="591" y="1064"/>
                    </a:lnTo>
                    <a:lnTo>
                      <a:pt x="589" y="1062"/>
                    </a:lnTo>
                    <a:lnTo>
                      <a:pt x="588" y="1062"/>
                    </a:lnTo>
                    <a:lnTo>
                      <a:pt x="588" y="1060"/>
                    </a:lnTo>
                    <a:lnTo>
                      <a:pt x="586" y="1060"/>
                    </a:lnTo>
                    <a:lnTo>
                      <a:pt x="586" y="1058"/>
                    </a:lnTo>
                    <a:lnTo>
                      <a:pt x="584" y="1058"/>
                    </a:lnTo>
                    <a:lnTo>
                      <a:pt x="582" y="1058"/>
                    </a:lnTo>
                    <a:lnTo>
                      <a:pt x="580" y="1056"/>
                    </a:lnTo>
                    <a:lnTo>
                      <a:pt x="580" y="1058"/>
                    </a:lnTo>
                    <a:lnTo>
                      <a:pt x="578" y="1058"/>
                    </a:lnTo>
                    <a:lnTo>
                      <a:pt x="577" y="1058"/>
                    </a:lnTo>
                    <a:lnTo>
                      <a:pt x="577" y="1060"/>
                    </a:lnTo>
                    <a:lnTo>
                      <a:pt x="575" y="1060"/>
                    </a:lnTo>
                    <a:lnTo>
                      <a:pt x="573" y="1060"/>
                    </a:lnTo>
                    <a:lnTo>
                      <a:pt x="571" y="1058"/>
                    </a:lnTo>
                    <a:lnTo>
                      <a:pt x="571" y="1060"/>
                    </a:lnTo>
                    <a:lnTo>
                      <a:pt x="569" y="1060"/>
                    </a:lnTo>
                    <a:lnTo>
                      <a:pt x="567" y="1062"/>
                    </a:lnTo>
                    <a:lnTo>
                      <a:pt x="565" y="1062"/>
                    </a:lnTo>
                    <a:lnTo>
                      <a:pt x="565" y="1064"/>
                    </a:lnTo>
                    <a:lnTo>
                      <a:pt x="564" y="1064"/>
                    </a:lnTo>
                    <a:lnTo>
                      <a:pt x="562" y="1066"/>
                    </a:lnTo>
                    <a:lnTo>
                      <a:pt x="560" y="1066"/>
                    </a:lnTo>
                    <a:lnTo>
                      <a:pt x="560" y="1068"/>
                    </a:lnTo>
                    <a:lnTo>
                      <a:pt x="558" y="1068"/>
                    </a:lnTo>
                    <a:lnTo>
                      <a:pt x="556" y="1069"/>
                    </a:lnTo>
                    <a:lnTo>
                      <a:pt x="554" y="1069"/>
                    </a:lnTo>
                    <a:lnTo>
                      <a:pt x="554" y="1071"/>
                    </a:lnTo>
                    <a:lnTo>
                      <a:pt x="552" y="1071"/>
                    </a:lnTo>
                    <a:lnTo>
                      <a:pt x="552" y="1073"/>
                    </a:lnTo>
                    <a:lnTo>
                      <a:pt x="551" y="1073"/>
                    </a:lnTo>
                    <a:lnTo>
                      <a:pt x="549" y="1073"/>
                    </a:lnTo>
                    <a:lnTo>
                      <a:pt x="549" y="1075"/>
                    </a:lnTo>
                    <a:lnTo>
                      <a:pt x="547" y="1075"/>
                    </a:lnTo>
                    <a:lnTo>
                      <a:pt x="547" y="1077"/>
                    </a:lnTo>
                    <a:lnTo>
                      <a:pt x="545" y="1077"/>
                    </a:lnTo>
                    <a:lnTo>
                      <a:pt x="543" y="1077"/>
                    </a:lnTo>
                    <a:lnTo>
                      <a:pt x="543" y="1079"/>
                    </a:lnTo>
                    <a:lnTo>
                      <a:pt x="541" y="1079"/>
                    </a:lnTo>
                    <a:lnTo>
                      <a:pt x="540" y="1077"/>
                    </a:lnTo>
                    <a:lnTo>
                      <a:pt x="538" y="1077"/>
                    </a:lnTo>
                    <a:lnTo>
                      <a:pt x="538" y="1075"/>
                    </a:lnTo>
                    <a:lnTo>
                      <a:pt x="536" y="1075"/>
                    </a:lnTo>
                    <a:lnTo>
                      <a:pt x="536" y="1073"/>
                    </a:lnTo>
                    <a:lnTo>
                      <a:pt x="534" y="1073"/>
                    </a:lnTo>
                    <a:lnTo>
                      <a:pt x="532" y="1073"/>
                    </a:lnTo>
                    <a:lnTo>
                      <a:pt x="532" y="1075"/>
                    </a:lnTo>
                    <a:lnTo>
                      <a:pt x="530" y="1075"/>
                    </a:lnTo>
                    <a:lnTo>
                      <a:pt x="530" y="1077"/>
                    </a:lnTo>
                    <a:lnTo>
                      <a:pt x="528" y="1077"/>
                    </a:lnTo>
                    <a:lnTo>
                      <a:pt x="527" y="1077"/>
                    </a:lnTo>
                    <a:lnTo>
                      <a:pt x="525" y="1077"/>
                    </a:lnTo>
                    <a:lnTo>
                      <a:pt x="523" y="1077"/>
                    </a:lnTo>
                    <a:lnTo>
                      <a:pt x="521" y="1077"/>
                    </a:lnTo>
                    <a:lnTo>
                      <a:pt x="521" y="1075"/>
                    </a:lnTo>
                    <a:lnTo>
                      <a:pt x="521" y="1077"/>
                    </a:lnTo>
                    <a:lnTo>
                      <a:pt x="521" y="1075"/>
                    </a:lnTo>
                    <a:lnTo>
                      <a:pt x="519" y="1075"/>
                    </a:lnTo>
                    <a:lnTo>
                      <a:pt x="519" y="1073"/>
                    </a:lnTo>
                    <a:lnTo>
                      <a:pt x="517" y="1073"/>
                    </a:lnTo>
                    <a:lnTo>
                      <a:pt x="516" y="1073"/>
                    </a:lnTo>
                    <a:lnTo>
                      <a:pt x="516" y="1071"/>
                    </a:lnTo>
                    <a:lnTo>
                      <a:pt x="514" y="1071"/>
                    </a:lnTo>
                    <a:lnTo>
                      <a:pt x="512" y="1071"/>
                    </a:lnTo>
                    <a:lnTo>
                      <a:pt x="512" y="1069"/>
                    </a:lnTo>
                    <a:lnTo>
                      <a:pt x="510" y="1069"/>
                    </a:lnTo>
                    <a:lnTo>
                      <a:pt x="510" y="1071"/>
                    </a:lnTo>
                    <a:lnTo>
                      <a:pt x="508" y="1071"/>
                    </a:lnTo>
                    <a:lnTo>
                      <a:pt x="499" y="1064"/>
                    </a:lnTo>
                    <a:lnTo>
                      <a:pt x="482" y="1053"/>
                    </a:lnTo>
                    <a:lnTo>
                      <a:pt x="497" y="1042"/>
                    </a:lnTo>
                    <a:lnTo>
                      <a:pt x="499" y="1042"/>
                    </a:lnTo>
                    <a:lnTo>
                      <a:pt x="499" y="1040"/>
                    </a:lnTo>
                    <a:lnTo>
                      <a:pt x="501" y="1038"/>
                    </a:lnTo>
                    <a:lnTo>
                      <a:pt x="503" y="1038"/>
                    </a:lnTo>
                    <a:lnTo>
                      <a:pt x="503" y="1036"/>
                    </a:lnTo>
                    <a:lnTo>
                      <a:pt x="504" y="1036"/>
                    </a:lnTo>
                    <a:lnTo>
                      <a:pt x="504" y="1034"/>
                    </a:lnTo>
                    <a:lnTo>
                      <a:pt x="506" y="1034"/>
                    </a:lnTo>
                    <a:lnTo>
                      <a:pt x="508" y="1034"/>
                    </a:lnTo>
                    <a:lnTo>
                      <a:pt x="510" y="1034"/>
                    </a:lnTo>
                    <a:lnTo>
                      <a:pt x="512" y="1034"/>
                    </a:lnTo>
                    <a:lnTo>
                      <a:pt x="512" y="1032"/>
                    </a:lnTo>
                    <a:lnTo>
                      <a:pt x="514" y="1032"/>
                    </a:lnTo>
                    <a:lnTo>
                      <a:pt x="514" y="1031"/>
                    </a:lnTo>
                    <a:lnTo>
                      <a:pt x="516" y="1031"/>
                    </a:lnTo>
                    <a:lnTo>
                      <a:pt x="517" y="1031"/>
                    </a:lnTo>
                    <a:lnTo>
                      <a:pt x="519" y="1031"/>
                    </a:lnTo>
                    <a:lnTo>
                      <a:pt x="521" y="1031"/>
                    </a:lnTo>
                    <a:lnTo>
                      <a:pt x="523" y="1031"/>
                    </a:lnTo>
                    <a:lnTo>
                      <a:pt x="525" y="1031"/>
                    </a:lnTo>
                    <a:lnTo>
                      <a:pt x="525" y="1029"/>
                    </a:lnTo>
                    <a:lnTo>
                      <a:pt x="527" y="1029"/>
                    </a:lnTo>
                    <a:lnTo>
                      <a:pt x="527" y="1027"/>
                    </a:lnTo>
                    <a:lnTo>
                      <a:pt x="528" y="1025"/>
                    </a:lnTo>
                    <a:lnTo>
                      <a:pt x="530" y="1025"/>
                    </a:lnTo>
                    <a:lnTo>
                      <a:pt x="532" y="1025"/>
                    </a:lnTo>
                    <a:lnTo>
                      <a:pt x="532" y="1023"/>
                    </a:lnTo>
                    <a:lnTo>
                      <a:pt x="534" y="1023"/>
                    </a:lnTo>
                    <a:lnTo>
                      <a:pt x="534" y="1021"/>
                    </a:lnTo>
                    <a:lnTo>
                      <a:pt x="536" y="1019"/>
                    </a:lnTo>
                    <a:lnTo>
                      <a:pt x="538" y="1019"/>
                    </a:lnTo>
                    <a:lnTo>
                      <a:pt x="538" y="1018"/>
                    </a:lnTo>
                    <a:lnTo>
                      <a:pt x="540" y="1018"/>
                    </a:lnTo>
                    <a:lnTo>
                      <a:pt x="540" y="1016"/>
                    </a:lnTo>
                    <a:lnTo>
                      <a:pt x="541" y="1014"/>
                    </a:lnTo>
                    <a:lnTo>
                      <a:pt x="543" y="1014"/>
                    </a:lnTo>
                    <a:lnTo>
                      <a:pt x="543" y="1012"/>
                    </a:lnTo>
                    <a:lnTo>
                      <a:pt x="543" y="1010"/>
                    </a:lnTo>
                    <a:lnTo>
                      <a:pt x="545" y="1010"/>
                    </a:lnTo>
                    <a:lnTo>
                      <a:pt x="545" y="1008"/>
                    </a:lnTo>
                    <a:lnTo>
                      <a:pt x="547" y="1008"/>
                    </a:lnTo>
                    <a:lnTo>
                      <a:pt x="547" y="1007"/>
                    </a:lnTo>
                    <a:lnTo>
                      <a:pt x="547" y="1005"/>
                    </a:lnTo>
                    <a:lnTo>
                      <a:pt x="547" y="1003"/>
                    </a:lnTo>
                    <a:lnTo>
                      <a:pt x="547" y="1001"/>
                    </a:lnTo>
                    <a:lnTo>
                      <a:pt x="551" y="999"/>
                    </a:lnTo>
                    <a:lnTo>
                      <a:pt x="551" y="997"/>
                    </a:lnTo>
                    <a:lnTo>
                      <a:pt x="554" y="988"/>
                    </a:lnTo>
                    <a:lnTo>
                      <a:pt x="554" y="984"/>
                    </a:lnTo>
                    <a:lnTo>
                      <a:pt x="556" y="984"/>
                    </a:lnTo>
                    <a:lnTo>
                      <a:pt x="556" y="982"/>
                    </a:lnTo>
                    <a:lnTo>
                      <a:pt x="556" y="981"/>
                    </a:lnTo>
                    <a:lnTo>
                      <a:pt x="554" y="981"/>
                    </a:lnTo>
                    <a:lnTo>
                      <a:pt x="554" y="979"/>
                    </a:lnTo>
                    <a:lnTo>
                      <a:pt x="554" y="977"/>
                    </a:lnTo>
                    <a:lnTo>
                      <a:pt x="554" y="973"/>
                    </a:lnTo>
                    <a:lnTo>
                      <a:pt x="554" y="971"/>
                    </a:lnTo>
                    <a:lnTo>
                      <a:pt x="554" y="968"/>
                    </a:lnTo>
                    <a:lnTo>
                      <a:pt x="552" y="966"/>
                    </a:lnTo>
                    <a:lnTo>
                      <a:pt x="552" y="964"/>
                    </a:lnTo>
                    <a:lnTo>
                      <a:pt x="552" y="962"/>
                    </a:lnTo>
                    <a:lnTo>
                      <a:pt x="552" y="960"/>
                    </a:lnTo>
                    <a:lnTo>
                      <a:pt x="552" y="958"/>
                    </a:lnTo>
                    <a:lnTo>
                      <a:pt x="552" y="957"/>
                    </a:lnTo>
                    <a:lnTo>
                      <a:pt x="552" y="955"/>
                    </a:lnTo>
                    <a:lnTo>
                      <a:pt x="552" y="953"/>
                    </a:lnTo>
                    <a:lnTo>
                      <a:pt x="552" y="951"/>
                    </a:lnTo>
                    <a:lnTo>
                      <a:pt x="552" y="949"/>
                    </a:lnTo>
                    <a:lnTo>
                      <a:pt x="554" y="947"/>
                    </a:lnTo>
                    <a:lnTo>
                      <a:pt x="554" y="945"/>
                    </a:lnTo>
                    <a:lnTo>
                      <a:pt x="552" y="945"/>
                    </a:lnTo>
                    <a:lnTo>
                      <a:pt x="552" y="944"/>
                    </a:lnTo>
                    <a:lnTo>
                      <a:pt x="551" y="942"/>
                    </a:lnTo>
                    <a:lnTo>
                      <a:pt x="551" y="940"/>
                    </a:lnTo>
                    <a:lnTo>
                      <a:pt x="549" y="940"/>
                    </a:lnTo>
                    <a:lnTo>
                      <a:pt x="549" y="938"/>
                    </a:lnTo>
                    <a:lnTo>
                      <a:pt x="549" y="936"/>
                    </a:lnTo>
                    <a:lnTo>
                      <a:pt x="549" y="934"/>
                    </a:lnTo>
                    <a:lnTo>
                      <a:pt x="549" y="933"/>
                    </a:lnTo>
                    <a:lnTo>
                      <a:pt x="547" y="933"/>
                    </a:lnTo>
                    <a:lnTo>
                      <a:pt x="547" y="931"/>
                    </a:lnTo>
                    <a:lnTo>
                      <a:pt x="547" y="929"/>
                    </a:lnTo>
                    <a:lnTo>
                      <a:pt x="547" y="927"/>
                    </a:lnTo>
                    <a:lnTo>
                      <a:pt x="549" y="925"/>
                    </a:lnTo>
                    <a:lnTo>
                      <a:pt x="549" y="923"/>
                    </a:lnTo>
                    <a:lnTo>
                      <a:pt x="549" y="921"/>
                    </a:lnTo>
                    <a:lnTo>
                      <a:pt x="551" y="920"/>
                    </a:lnTo>
                    <a:lnTo>
                      <a:pt x="551" y="918"/>
                    </a:lnTo>
                    <a:lnTo>
                      <a:pt x="551" y="916"/>
                    </a:lnTo>
                    <a:lnTo>
                      <a:pt x="551" y="914"/>
                    </a:lnTo>
                    <a:lnTo>
                      <a:pt x="551" y="912"/>
                    </a:lnTo>
                    <a:lnTo>
                      <a:pt x="551" y="910"/>
                    </a:lnTo>
                    <a:lnTo>
                      <a:pt x="551" y="908"/>
                    </a:lnTo>
                    <a:lnTo>
                      <a:pt x="552" y="908"/>
                    </a:lnTo>
                    <a:lnTo>
                      <a:pt x="552" y="907"/>
                    </a:lnTo>
                    <a:lnTo>
                      <a:pt x="552" y="905"/>
                    </a:lnTo>
                    <a:lnTo>
                      <a:pt x="551" y="903"/>
                    </a:lnTo>
                    <a:lnTo>
                      <a:pt x="551" y="901"/>
                    </a:lnTo>
                    <a:lnTo>
                      <a:pt x="551" y="899"/>
                    </a:lnTo>
                    <a:lnTo>
                      <a:pt x="551" y="897"/>
                    </a:lnTo>
                    <a:lnTo>
                      <a:pt x="551" y="896"/>
                    </a:lnTo>
                    <a:lnTo>
                      <a:pt x="551" y="879"/>
                    </a:lnTo>
                    <a:lnTo>
                      <a:pt x="493" y="870"/>
                    </a:lnTo>
                    <a:lnTo>
                      <a:pt x="477" y="864"/>
                    </a:lnTo>
                    <a:lnTo>
                      <a:pt x="447" y="862"/>
                    </a:lnTo>
                    <a:lnTo>
                      <a:pt x="443" y="864"/>
                    </a:lnTo>
                    <a:lnTo>
                      <a:pt x="440" y="866"/>
                    </a:lnTo>
                    <a:lnTo>
                      <a:pt x="438" y="866"/>
                    </a:lnTo>
                    <a:lnTo>
                      <a:pt x="436" y="866"/>
                    </a:lnTo>
                    <a:lnTo>
                      <a:pt x="434" y="866"/>
                    </a:lnTo>
                    <a:lnTo>
                      <a:pt x="429" y="862"/>
                    </a:lnTo>
                    <a:lnTo>
                      <a:pt x="427" y="862"/>
                    </a:lnTo>
                    <a:lnTo>
                      <a:pt x="419" y="864"/>
                    </a:lnTo>
                    <a:lnTo>
                      <a:pt x="419" y="866"/>
                    </a:lnTo>
                    <a:lnTo>
                      <a:pt x="418" y="866"/>
                    </a:lnTo>
                    <a:lnTo>
                      <a:pt x="416" y="866"/>
                    </a:lnTo>
                    <a:lnTo>
                      <a:pt x="414" y="866"/>
                    </a:lnTo>
                    <a:lnTo>
                      <a:pt x="410" y="866"/>
                    </a:lnTo>
                    <a:lnTo>
                      <a:pt x="408" y="866"/>
                    </a:lnTo>
                    <a:lnTo>
                      <a:pt x="403" y="868"/>
                    </a:lnTo>
                    <a:lnTo>
                      <a:pt x="401" y="868"/>
                    </a:lnTo>
                    <a:lnTo>
                      <a:pt x="399" y="868"/>
                    </a:lnTo>
                    <a:lnTo>
                      <a:pt x="397" y="868"/>
                    </a:lnTo>
                    <a:lnTo>
                      <a:pt x="392" y="870"/>
                    </a:lnTo>
                    <a:lnTo>
                      <a:pt x="388" y="870"/>
                    </a:lnTo>
                    <a:lnTo>
                      <a:pt x="386" y="870"/>
                    </a:lnTo>
                    <a:lnTo>
                      <a:pt x="384" y="870"/>
                    </a:lnTo>
                    <a:lnTo>
                      <a:pt x="382" y="870"/>
                    </a:lnTo>
                    <a:lnTo>
                      <a:pt x="381" y="870"/>
                    </a:lnTo>
                    <a:lnTo>
                      <a:pt x="381" y="868"/>
                    </a:lnTo>
                    <a:lnTo>
                      <a:pt x="379" y="868"/>
                    </a:lnTo>
                    <a:lnTo>
                      <a:pt x="379" y="866"/>
                    </a:lnTo>
                    <a:lnTo>
                      <a:pt x="377" y="866"/>
                    </a:lnTo>
                    <a:lnTo>
                      <a:pt x="377" y="864"/>
                    </a:lnTo>
                    <a:lnTo>
                      <a:pt x="375" y="862"/>
                    </a:lnTo>
                    <a:lnTo>
                      <a:pt x="373" y="862"/>
                    </a:lnTo>
                    <a:lnTo>
                      <a:pt x="371" y="859"/>
                    </a:lnTo>
                    <a:lnTo>
                      <a:pt x="369" y="857"/>
                    </a:lnTo>
                    <a:lnTo>
                      <a:pt x="368" y="857"/>
                    </a:lnTo>
                    <a:lnTo>
                      <a:pt x="366" y="855"/>
                    </a:lnTo>
                    <a:lnTo>
                      <a:pt x="362" y="853"/>
                    </a:lnTo>
                    <a:lnTo>
                      <a:pt x="362" y="851"/>
                    </a:lnTo>
                    <a:lnTo>
                      <a:pt x="357" y="846"/>
                    </a:lnTo>
                    <a:lnTo>
                      <a:pt x="325" y="814"/>
                    </a:lnTo>
                    <a:lnTo>
                      <a:pt x="297" y="785"/>
                    </a:lnTo>
                    <a:lnTo>
                      <a:pt x="294" y="781"/>
                    </a:lnTo>
                    <a:lnTo>
                      <a:pt x="292" y="783"/>
                    </a:lnTo>
                    <a:lnTo>
                      <a:pt x="288" y="781"/>
                    </a:lnTo>
                    <a:lnTo>
                      <a:pt x="281" y="777"/>
                    </a:lnTo>
                    <a:lnTo>
                      <a:pt x="281" y="775"/>
                    </a:lnTo>
                    <a:lnTo>
                      <a:pt x="283" y="773"/>
                    </a:lnTo>
                    <a:lnTo>
                      <a:pt x="281" y="773"/>
                    </a:lnTo>
                    <a:lnTo>
                      <a:pt x="279" y="772"/>
                    </a:lnTo>
                    <a:lnTo>
                      <a:pt x="277" y="772"/>
                    </a:lnTo>
                    <a:lnTo>
                      <a:pt x="275" y="770"/>
                    </a:lnTo>
                    <a:lnTo>
                      <a:pt x="273" y="770"/>
                    </a:lnTo>
                    <a:lnTo>
                      <a:pt x="273" y="768"/>
                    </a:lnTo>
                    <a:lnTo>
                      <a:pt x="270" y="768"/>
                    </a:lnTo>
                    <a:lnTo>
                      <a:pt x="268" y="766"/>
                    </a:lnTo>
                    <a:lnTo>
                      <a:pt x="266" y="766"/>
                    </a:lnTo>
                    <a:lnTo>
                      <a:pt x="264" y="764"/>
                    </a:lnTo>
                    <a:lnTo>
                      <a:pt x="262" y="764"/>
                    </a:lnTo>
                    <a:lnTo>
                      <a:pt x="260" y="764"/>
                    </a:lnTo>
                    <a:lnTo>
                      <a:pt x="259" y="764"/>
                    </a:lnTo>
                    <a:lnTo>
                      <a:pt x="257" y="764"/>
                    </a:lnTo>
                    <a:lnTo>
                      <a:pt x="255" y="764"/>
                    </a:lnTo>
                    <a:lnTo>
                      <a:pt x="253" y="764"/>
                    </a:lnTo>
                    <a:lnTo>
                      <a:pt x="253" y="766"/>
                    </a:lnTo>
                    <a:lnTo>
                      <a:pt x="249" y="766"/>
                    </a:lnTo>
                    <a:lnTo>
                      <a:pt x="247" y="770"/>
                    </a:lnTo>
                    <a:lnTo>
                      <a:pt x="246" y="770"/>
                    </a:lnTo>
                    <a:lnTo>
                      <a:pt x="244" y="772"/>
                    </a:lnTo>
                    <a:lnTo>
                      <a:pt x="244" y="773"/>
                    </a:lnTo>
                    <a:lnTo>
                      <a:pt x="233" y="772"/>
                    </a:lnTo>
                    <a:lnTo>
                      <a:pt x="231" y="766"/>
                    </a:lnTo>
                    <a:lnTo>
                      <a:pt x="231" y="764"/>
                    </a:lnTo>
                    <a:lnTo>
                      <a:pt x="233" y="764"/>
                    </a:lnTo>
                    <a:lnTo>
                      <a:pt x="233" y="762"/>
                    </a:lnTo>
                    <a:lnTo>
                      <a:pt x="231" y="761"/>
                    </a:lnTo>
                    <a:lnTo>
                      <a:pt x="231" y="755"/>
                    </a:lnTo>
                    <a:lnTo>
                      <a:pt x="229" y="753"/>
                    </a:lnTo>
                    <a:lnTo>
                      <a:pt x="227" y="740"/>
                    </a:lnTo>
                    <a:lnTo>
                      <a:pt x="227" y="738"/>
                    </a:lnTo>
                    <a:lnTo>
                      <a:pt x="225" y="735"/>
                    </a:lnTo>
                    <a:lnTo>
                      <a:pt x="225" y="733"/>
                    </a:lnTo>
                    <a:lnTo>
                      <a:pt x="225" y="731"/>
                    </a:lnTo>
                    <a:lnTo>
                      <a:pt x="236" y="733"/>
                    </a:lnTo>
                    <a:lnTo>
                      <a:pt x="236" y="731"/>
                    </a:lnTo>
                    <a:lnTo>
                      <a:pt x="242" y="707"/>
                    </a:lnTo>
                    <a:lnTo>
                      <a:pt x="240" y="707"/>
                    </a:lnTo>
                    <a:lnTo>
                      <a:pt x="242" y="705"/>
                    </a:lnTo>
                    <a:lnTo>
                      <a:pt x="242" y="707"/>
                    </a:lnTo>
                    <a:lnTo>
                      <a:pt x="247" y="703"/>
                    </a:lnTo>
                    <a:lnTo>
                      <a:pt x="246" y="699"/>
                    </a:lnTo>
                    <a:lnTo>
                      <a:pt x="246" y="698"/>
                    </a:lnTo>
                    <a:lnTo>
                      <a:pt x="244" y="696"/>
                    </a:lnTo>
                    <a:lnTo>
                      <a:pt x="242" y="694"/>
                    </a:lnTo>
                    <a:lnTo>
                      <a:pt x="240" y="694"/>
                    </a:lnTo>
                    <a:lnTo>
                      <a:pt x="238" y="694"/>
                    </a:lnTo>
                    <a:lnTo>
                      <a:pt x="236" y="694"/>
                    </a:lnTo>
                    <a:lnTo>
                      <a:pt x="223" y="698"/>
                    </a:lnTo>
                    <a:lnTo>
                      <a:pt x="222" y="698"/>
                    </a:lnTo>
                    <a:lnTo>
                      <a:pt x="203" y="694"/>
                    </a:lnTo>
                    <a:lnTo>
                      <a:pt x="198" y="694"/>
                    </a:lnTo>
                    <a:lnTo>
                      <a:pt x="196" y="694"/>
                    </a:lnTo>
                    <a:lnTo>
                      <a:pt x="172" y="699"/>
                    </a:lnTo>
                    <a:lnTo>
                      <a:pt x="157" y="701"/>
                    </a:lnTo>
                    <a:lnTo>
                      <a:pt x="90" y="712"/>
                    </a:lnTo>
                    <a:lnTo>
                      <a:pt x="74" y="716"/>
                    </a:lnTo>
                    <a:lnTo>
                      <a:pt x="61" y="716"/>
                    </a:lnTo>
                    <a:lnTo>
                      <a:pt x="59" y="716"/>
                    </a:lnTo>
                    <a:lnTo>
                      <a:pt x="57" y="716"/>
                    </a:lnTo>
                    <a:lnTo>
                      <a:pt x="55" y="716"/>
                    </a:lnTo>
                    <a:lnTo>
                      <a:pt x="53" y="716"/>
                    </a:lnTo>
                    <a:lnTo>
                      <a:pt x="52" y="714"/>
                    </a:lnTo>
                    <a:lnTo>
                      <a:pt x="50" y="714"/>
                    </a:lnTo>
                    <a:lnTo>
                      <a:pt x="48" y="714"/>
                    </a:lnTo>
                    <a:lnTo>
                      <a:pt x="46" y="714"/>
                    </a:lnTo>
                    <a:lnTo>
                      <a:pt x="46" y="712"/>
                    </a:lnTo>
                    <a:lnTo>
                      <a:pt x="44" y="712"/>
                    </a:lnTo>
                    <a:lnTo>
                      <a:pt x="42" y="712"/>
                    </a:lnTo>
                    <a:lnTo>
                      <a:pt x="40" y="711"/>
                    </a:lnTo>
                    <a:lnTo>
                      <a:pt x="39" y="711"/>
                    </a:lnTo>
                    <a:lnTo>
                      <a:pt x="37" y="711"/>
                    </a:lnTo>
                    <a:lnTo>
                      <a:pt x="37" y="709"/>
                    </a:lnTo>
                    <a:lnTo>
                      <a:pt x="35" y="709"/>
                    </a:lnTo>
                    <a:lnTo>
                      <a:pt x="33" y="707"/>
                    </a:lnTo>
                    <a:lnTo>
                      <a:pt x="31" y="707"/>
                    </a:lnTo>
                    <a:lnTo>
                      <a:pt x="31" y="705"/>
                    </a:lnTo>
                    <a:lnTo>
                      <a:pt x="29" y="705"/>
                    </a:lnTo>
                    <a:lnTo>
                      <a:pt x="27" y="703"/>
                    </a:lnTo>
                    <a:lnTo>
                      <a:pt x="26" y="701"/>
                    </a:lnTo>
                    <a:lnTo>
                      <a:pt x="24" y="701"/>
                    </a:lnTo>
                    <a:lnTo>
                      <a:pt x="24" y="699"/>
                    </a:lnTo>
                    <a:lnTo>
                      <a:pt x="22" y="698"/>
                    </a:lnTo>
                    <a:lnTo>
                      <a:pt x="20" y="696"/>
                    </a:lnTo>
                    <a:lnTo>
                      <a:pt x="20" y="694"/>
                    </a:lnTo>
                    <a:lnTo>
                      <a:pt x="18" y="692"/>
                    </a:lnTo>
                    <a:lnTo>
                      <a:pt x="0" y="655"/>
                    </a:lnTo>
                    <a:lnTo>
                      <a:pt x="0" y="653"/>
                    </a:lnTo>
                    <a:lnTo>
                      <a:pt x="0" y="651"/>
                    </a:lnTo>
                    <a:lnTo>
                      <a:pt x="0" y="650"/>
                    </a:lnTo>
                    <a:lnTo>
                      <a:pt x="0" y="648"/>
                    </a:lnTo>
                    <a:lnTo>
                      <a:pt x="2" y="648"/>
                    </a:lnTo>
                    <a:lnTo>
                      <a:pt x="3" y="648"/>
                    </a:lnTo>
                    <a:lnTo>
                      <a:pt x="3" y="646"/>
                    </a:lnTo>
                    <a:lnTo>
                      <a:pt x="5" y="646"/>
                    </a:lnTo>
                    <a:lnTo>
                      <a:pt x="5" y="644"/>
                    </a:lnTo>
                    <a:lnTo>
                      <a:pt x="7" y="642"/>
                    </a:lnTo>
                    <a:lnTo>
                      <a:pt x="9" y="642"/>
                    </a:lnTo>
                    <a:lnTo>
                      <a:pt x="9" y="640"/>
                    </a:lnTo>
                    <a:lnTo>
                      <a:pt x="9" y="638"/>
                    </a:lnTo>
                    <a:lnTo>
                      <a:pt x="11" y="638"/>
                    </a:lnTo>
                    <a:lnTo>
                      <a:pt x="15" y="637"/>
                    </a:lnTo>
                    <a:lnTo>
                      <a:pt x="16" y="637"/>
                    </a:lnTo>
                    <a:lnTo>
                      <a:pt x="18" y="637"/>
                    </a:lnTo>
                    <a:lnTo>
                      <a:pt x="20" y="637"/>
                    </a:lnTo>
                    <a:lnTo>
                      <a:pt x="20" y="635"/>
                    </a:lnTo>
                    <a:lnTo>
                      <a:pt x="22" y="635"/>
                    </a:lnTo>
                    <a:lnTo>
                      <a:pt x="24" y="635"/>
                    </a:lnTo>
                    <a:lnTo>
                      <a:pt x="26" y="635"/>
                    </a:lnTo>
                    <a:lnTo>
                      <a:pt x="27" y="635"/>
                    </a:lnTo>
                    <a:lnTo>
                      <a:pt x="27" y="633"/>
                    </a:lnTo>
                    <a:lnTo>
                      <a:pt x="29" y="633"/>
                    </a:lnTo>
                    <a:lnTo>
                      <a:pt x="31" y="633"/>
                    </a:lnTo>
                    <a:lnTo>
                      <a:pt x="31" y="631"/>
                    </a:lnTo>
                    <a:lnTo>
                      <a:pt x="33" y="631"/>
                    </a:lnTo>
                    <a:lnTo>
                      <a:pt x="35" y="631"/>
                    </a:lnTo>
                    <a:lnTo>
                      <a:pt x="35" y="629"/>
                    </a:lnTo>
                    <a:lnTo>
                      <a:pt x="35" y="631"/>
                    </a:lnTo>
                    <a:lnTo>
                      <a:pt x="35" y="629"/>
                    </a:lnTo>
                    <a:lnTo>
                      <a:pt x="37" y="629"/>
                    </a:lnTo>
                    <a:lnTo>
                      <a:pt x="39" y="629"/>
                    </a:lnTo>
                    <a:lnTo>
                      <a:pt x="42" y="629"/>
                    </a:lnTo>
                    <a:lnTo>
                      <a:pt x="44" y="631"/>
                    </a:lnTo>
                    <a:lnTo>
                      <a:pt x="46" y="631"/>
                    </a:lnTo>
                    <a:lnTo>
                      <a:pt x="48" y="631"/>
                    </a:lnTo>
                    <a:lnTo>
                      <a:pt x="50" y="631"/>
                    </a:lnTo>
                    <a:lnTo>
                      <a:pt x="50" y="633"/>
                    </a:lnTo>
                    <a:lnTo>
                      <a:pt x="52" y="633"/>
                    </a:lnTo>
                    <a:lnTo>
                      <a:pt x="53" y="633"/>
                    </a:lnTo>
                    <a:lnTo>
                      <a:pt x="55" y="635"/>
                    </a:lnTo>
                    <a:lnTo>
                      <a:pt x="55" y="637"/>
                    </a:lnTo>
                    <a:lnTo>
                      <a:pt x="55" y="635"/>
                    </a:lnTo>
                    <a:lnTo>
                      <a:pt x="57" y="635"/>
                    </a:lnTo>
                    <a:lnTo>
                      <a:pt x="57" y="637"/>
                    </a:lnTo>
                    <a:lnTo>
                      <a:pt x="59" y="637"/>
                    </a:lnTo>
                    <a:lnTo>
                      <a:pt x="61" y="637"/>
                    </a:lnTo>
                    <a:lnTo>
                      <a:pt x="63" y="637"/>
                    </a:lnTo>
                    <a:lnTo>
                      <a:pt x="64" y="637"/>
                    </a:lnTo>
                    <a:lnTo>
                      <a:pt x="66" y="637"/>
                    </a:lnTo>
                    <a:lnTo>
                      <a:pt x="68" y="637"/>
                    </a:lnTo>
                    <a:lnTo>
                      <a:pt x="68" y="635"/>
                    </a:lnTo>
                    <a:lnTo>
                      <a:pt x="66" y="635"/>
                    </a:lnTo>
                    <a:lnTo>
                      <a:pt x="70" y="633"/>
                    </a:lnTo>
                    <a:lnTo>
                      <a:pt x="70" y="631"/>
                    </a:lnTo>
                    <a:lnTo>
                      <a:pt x="72" y="631"/>
                    </a:lnTo>
                    <a:lnTo>
                      <a:pt x="74" y="631"/>
                    </a:lnTo>
                    <a:lnTo>
                      <a:pt x="76" y="629"/>
                    </a:lnTo>
                    <a:lnTo>
                      <a:pt x="77" y="629"/>
                    </a:lnTo>
                    <a:lnTo>
                      <a:pt x="77" y="631"/>
                    </a:lnTo>
                    <a:lnTo>
                      <a:pt x="77" y="633"/>
                    </a:lnTo>
                    <a:lnTo>
                      <a:pt x="79" y="633"/>
                    </a:lnTo>
                    <a:lnTo>
                      <a:pt x="77" y="635"/>
                    </a:lnTo>
                    <a:lnTo>
                      <a:pt x="79" y="635"/>
                    </a:lnTo>
                    <a:lnTo>
                      <a:pt x="77" y="637"/>
                    </a:lnTo>
                    <a:lnTo>
                      <a:pt x="77" y="638"/>
                    </a:lnTo>
                    <a:lnTo>
                      <a:pt x="79" y="638"/>
                    </a:lnTo>
                    <a:lnTo>
                      <a:pt x="81" y="638"/>
                    </a:lnTo>
                    <a:lnTo>
                      <a:pt x="81" y="640"/>
                    </a:lnTo>
                    <a:lnTo>
                      <a:pt x="81" y="642"/>
                    </a:lnTo>
                    <a:lnTo>
                      <a:pt x="83" y="642"/>
                    </a:lnTo>
                    <a:lnTo>
                      <a:pt x="85" y="640"/>
                    </a:lnTo>
                    <a:lnTo>
                      <a:pt x="85" y="642"/>
                    </a:lnTo>
                    <a:lnTo>
                      <a:pt x="87" y="642"/>
                    </a:lnTo>
                    <a:lnTo>
                      <a:pt x="88" y="642"/>
                    </a:lnTo>
                    <a:lnTo>
                      <a:pt x="88" y="644"/>
                    </a:lnTo>
                    <a:lnTo>
                      <a:pt x="90" y="644"/>
                    </a:lnTo>
                    <a:lnTo>
                      <a:pt x="92" y="642"/>
                    </a:lnTo>
                    <a:lnTo>
                      <a:pt x="94" y="642"/>
                    </a:lnTo>
                    <a:lnTo>
                      <a:pt x="96" y="640"/>
                    </a:lnTo>
                    <a:lnTo>
                      <a:pt x="98" y="640"/>
                    </a:lnTo>
                    <a:lnTo>
                      <a:pt x="98" y="642"/>
                    </a:lnTo>
                    <a:lnTo>
                      <a:pt x="100" y="642"/>
                    </a:lnTo>
                    <a:lnTo>
                      <a:pt x="101" y="640"/>
                    </a:lnTo>
                    <a:lnTo>
                      <a:pt x="103" y="640"/>
                    </a:lnTo>
                    <a:lnTo>
                      <a:pt x="103" y="638"/>
                    </a:lnTo>
                    <a:lnTo>
                      <a:pt x="103" y="637"/>
                    </a:lnTo>
                    <a:lnTo>
                      <a:pt x="105" y="637"/>
                    </a:lnTo>
                    <a:lnTo>
                      <a:pt x="107" y="637"/>
                    </a:lnTo>
                    <a:lnTo>
                      <a:pt x="107" y="635"/>
                    </a:lnTo>
                    <a:lnTo>
                      <a:pt x="107" y="633"/>
                    </a:lnTo>
                    <a:lnTo>
                      <a:pt x="107" y="631"/>
                    </a:lnTo>
                    <a:lnTo>
                      <a:pt x="107" y="629"/>
                    </a:lnTo>
                    <a:lnTo>
                      <a:pt x="107" y="627"/>
                    </a:lnTo>
                    <a:lnTo>
                      <a:pt x="107" y="625"/>
                    </a:lnTo>
                    <a:lnTo>
                      <a:pt x="109" y="625"/>
                    </a:lnTo>
                    <a:lnTo>
                      <a:pt x="111" y="625"/>
                    </a:lnTo>
                    <a:lnTo>
                      <a:pt x="113" y="625"/>
                    </a:lnTo>
                    <a:lnTo>
                      <a:pt x="114" y="625"/>
                    </a:lnTo>
                    <a:lnTo>
                      <a:pt x="116" y="625"/>
                    </a:lnTo>
                    <a:lnTo>
                      <a:pt x="118" y="625"/>
                    </a:lnTo>
                    <a:lnTo>
                      <a:pt x="120" y="625"/>
                    </a:lnTo>
                    <a:lnTo>
                      <a:pt x="122" y="625"/>
                    </a:lnTo>
                    <a:lnTo>
                      <a:pt x="122" y="624"/>
                    </a:lnTo>
                    <a:lnTo>
                      <a:pt x="124" y="624"/>
                    </a:lnTo>
                    <a:lnTo>
                      <a:pt x="125" y="624"/>
                    </a:lnTo>
                    <a:lnTo>
                      <a:pt x="127" y="624"/>
                    </a:lnTo>
                    <a:lnTo>
                      <a:pt x="129" y="624"/>
                    </a:lnTo>
                    <a:lnTo>
                      <a:pt x="131" y="624"/>
                    </a:lnTo>
                    <a:lnTo>
                      <a:pt x="133" y="624"/>
                    </a:lnTo>
                    <a:lnTo>
                      <a:pt x="133" y="622"/>
                    </a:lnTo>
                    <a:lnTo>
                      <a:pt x="135" y="622"/>
                    </a:lnTo>
                    <a:lnTo>
                      <a:pt x="137" y="622"/>
                    </a:lnTo>
                    <a:lnTo>
                      <a:pt x="138" y="622"/>
                    </a:lnTo>
                    <a:lnTo>
                      <a:pt x="140" y="622"/>
                    </a:lnTo>
                    <a:lnTo>
                      <a:pt x="140" y="620"/>
                    </a:lnTo>
                    <a:lnTo>
                      <a:pt x="142" y="620"/>
                    </a:lnTo>
                    <a:lnTo>
                      <a:pt x="144" y="620"/>
                    </a:lnTo>
                    <a:lnTo>
                      <a:pt x="144" y="618"/>
                    </a:lnTo>
                    <a:lnTo>
                      <a:pt x="146" y="618"/>
                    </a:lnTo>
                    <a:lnTo>
                      <a:pt x="148" y="618"/>
                    </a:lnTo>
                    <a:lnTo>
                      <a:pt x="149" y="618"/>
                    </a:lnTo>
                    <a:lnTo>
                      <a:pt x="151" y="618"/>
                    </a:lnTo>
                    <a:lnTo>
                      <a:pt x="153" y="616"/>
                    </a:lnTo>
                    <a:lnTo>
                      <a:pt x="155" y="616"/>
                    </a:lnTo>
                    <a:lnTo>
                      <a:pt x="155" y="618"/>
                    </a:lnTo>
                    <a:lnTo>
                      <a:pt x="155" y="620"/>
                    </a:lnTo>
                    <a:lnTo>
                      <a:pt x="157" y="620"/>
                    </a:lnTo>
                    <a:lnTo>
                      <a:pt x="159" y="620"/>
                    </a:lnTo>
                    <a:lnTo>
                      <a:pt x="161" y="620"/>
                    </a:lnTo>
                    <a:lnTo>
                      <a:pt x="161" y="618"/>
                    </a:lnTo>
                    <a:lnTo>
                      <a:pt x="162" y="618"/>
                    </a:lnTo>
                    <a:lnTo>
                      <a:pt x="164" y="618"/>
                    </a:lnTo>
                    <a:lnTo>
                      <a:pt x="166" y="616"/>
                    </a:lnTo>
                    <a:lnTo>
                      <a:pt x="168" y="616"/>
                    </a:lnTo>
                    <a:lnTo>
                      <a:pt x="170" y="616"/>
                    </a:lnTo>
                    <a:lnTo>
                      <a:pt x="172" y="616"/>
                    </a:lnTo>
                    <a:lnTo>
                      <a:pt x="172" y="614"/>
                    </a:lnTo>
                    <a:lnTo>
                      <a:pt x="174" y="614"/>
                    </a:lnTo>
                    <a:lnTo>
                      <a:pt x="175" y="614"/>
                    </a:lnTo>
                    <a:lnTo>
                      <a:pt x="175" y="613"/>
                    </a:lnTo>
                    <a:lnTo>
                      <a:pt x="177" y="613"/>
                    </a:lnTo>
                    <a:lnTo>
                      <a:pt x="179" y="613"/>
                    </a:lnTo>
                    <a:lnTo>
                      <a:pt x="181" y="611"/>
                    </a:lnTo>
                    <a:lnTo>
                      <a:pt x="183" y="611"/>
                    </a:lnTo>
                    <a:lnTo>
                      <a:pt x="183" y="609"/>
                    </a:lnTo>
                    <a:lnTo>
                      <a:pt x="185" y="609"/>
                    </a:lnTo>
                    <a:lnTo>
                      <a:pt x="186" y="609"/>
                    </a:lnTo>
                    <a:lnTo>
                      <a:pt x="186" y="611"/>
                    </a:lnTo>
                    <a:lnTo>
                      <a:pt x="188" y="611"/>
                    </a:lnTo>
                    <a:lnTo>
                      <a:pt x="190" y="611"/>
                    </a:lnTo>
                    <a:lnTo>
                      <a:pt x="190" y="609"/>
                    </a:lnTo>
                    <a:lnTo>
                      <a:pt x="192" y="609"/>
                    </a:lnTo>
                    <a:lnTo>
                      <a:pt x="192" y="607"/>
                    </a:lnTo>
                    <a:lnTo>
                      <a:pt x="194" y="607"/>
                    </a:lnTo>
                    <a:lnTo>
                      <a:pt x="194" y="605"/>
                    </a:lnTo>
                    <a:lnTo>
                      <a:pt x="194" y="603"/>
                    </a:lnTo>
                    <a:lnTo>
                      <a:pt x="196" y="603"/>
                    </a:lnTo>
                    <a:lnTo>
                      <a:pt x="196" y="601"/>
                    </a:lnTo>
                    <a:lnTo>
                      <a:pt x="196" y="600"/>
                    </a:lnTo>
                    <a:lnTo>
                      <a:pt x="198" y="600"/>
                    </a:lnTo>
                    <a:lnTo>
                      <a:pt x="198" y="598"/>
                    </a:lnTo>
                    <a:lnTo>
                      <a:pt x="199" y="598"/>
                    </a:lnTo>
                    <a:lnTo>
                      <a:pt x="199" y="596"/>
                    </a:lnTo>
                    <a:lnTo>
                      <a:pt x="199" y="598"/>
                    </a:lnTo>
                    <a:lnTo>
                      <a:pt x="199" y="596"/>
                    </a:lnTo>
                    <a:lnTo>
                      <a:pt x="199" y="594"/>
                    </a:lnTo>
                    <a:lnTo>
                      <a:pt x="201" y="594"/>
                    </a:lnTo>
                    <a:lnTo>
                      <a:pt x="201" y="592"/>
                    </a:lnTo>
                    <a:lnTo>
                      <a:pt x="203" y="594"/>
                    </a:lnTo>
                    <a:lnTo>
                      <a:pt x="203" y="592"/>
                    </a:lnTo>
                    <a:lnTo>
                      <a:pt x="203" y="590"/>
                    </a:lnTo>
                    <a:lnTo>
                      <a:pt x="205" y="588"/>
                    </a:lnTo>
                    <a:lnTo>
                      <a:pt x="203" y="588"/>
                    </a:lnTo>
                    <a:lnTo>
                      <a:pt x="201" y="588"/>
                    </a:lnTo>
                    <a:lnTo>
                      <a:pt x="201" y="587"/>
                    </a:lnTo>
                    <a:lnTo>
                      <a:pt x="201" y="585"/>
                    </a:lnTo>
                    <a:lnTo>
                      <a:pt x="199" y="585"/>
                    </a:lnTo>
                    <a:lnTo>
                      <a:pt x="199" y="583"/>
                    </a:lnTo>
                    <a:lnTo>
                      <a:pt x="201" y="583"/>
                    </a:lnTo>
                    <a:lnTo>
                      <a:pt x="203" y="583"/>
                    </a:lnTo>
                    <a:lnTo>
                      <a:pt x="203" y="581"/>
                    </a:lnTo>
                    <a:lnTo>
                      <a:pt x="205" y="581"/>
                    </a:lnTo>
                    <a:lnTo>
                      <a:pt x="205" y="579"/>
                    </a:lnTo>
                    <a:lnTo>
                      <a:pt x="207" y="579"/>
                    </a:lnTo>
                    <a:lnTo>
                      <a:pt x="207" y="577"/>
                    </a:lnTo>
                    <a:lnTo>
                      <a:pt x="209" y="577"/>
                    </a:lnTo>
                    <a:lnTo>
                      <a:pt x="209" y="576"/>
                    </a:lnTo>
                    <a:lnTo>
                      <a:pt x="209" y="574"/>
                    </a:lnTo>
                    <a:lnTo>
                      <a:pt x="209" y="572"/>
                    </a:lnTo>
                    <a:lnTo>
                      <a:pt x="209" y="570"/>
                    </a:lnTo>
                    <a:lnTo>
                      <a:pt x="209" y="568"/>
                    </a:lnTo>
                    <a:lnTo>
                      <a:pt x="209" y="566"/>
                    </a:lnTo>
                    <a:lnTo>
                      <a:pt x="210" y="566"/>
                    </a:lnTo>
                    <a:lnTo>
                      <a:pt x="210" y="564"/>
                    </a:lnTo>
                    <a:lnTo>
                      <a:pt x="209" y="564"/>
                    </a:lnTo>
                    <a:lnTo>
                      <a:pt x="205" y="563"/>
                    </a:lnTo>
                    <a:lnTo>
                      <a:pt x="203" y="566"/>
                    </a:lnTo>
                    <a:lnTo>
                      <a:pt x="203" y="568"/>
                    </a:lnTo>
                    <a:lnTo>
                      <a:pt x="201" y="568"/>
                    </a:lnTo>
                    <a:lnTo>
                      <a:pt x="199" y="568"/>
                    </a:lnTo>
                    <a:lnTo>
                      <a:pt x="199" y="566"/>
                    </a:lnTo>
                    <a:lnTo>
                      <a:pt x="201" y="566"/>
                    </a:lnTo>
                    <a:lnTo>
                      <a:pt x="201" y="564"/>
                    </a:lnTo>
                    <a:lnTo>
                      <a:pt x="201" y="563"/>
                    </a:lnTo>
                    <a:lnTo>
                      <a:pt x="199" y="563"/>
                    </a:lnTo>
                    <a:lnTo>
                      <a:pt x="201" y="563"/>
                    </a:lnTo>
                    <a:lnTo>
                      <a:pt x="199" y="563"/>
                    </a:lnTo>
                    <a:lnTo>
                      <a:pt x="199" y="561"/>
                    </a:lnTo>
                    <a:lnTo>
                      <a:pt x="198" y="561"/>
                    </a:lnTo>
                    <a:lnTo>
                      <a:pt x="199" y="559"/>
                    </a:lnTo>
                    <a:lnTo>
                      <a:pt x="198" y="559"/>
                    </a:lnTo>
                    <a:lnTo>
                      <a:pt x="198" y="557"/>
                    </a:lnTo>
                    <a:lnTo>
                      <a:pt x="196" y="557"/>
                    </a:lnTo>
                    <a:lnTo>
                      <a:pt x="196" y="555"/>
                    </a:lnTo>
                    <a:lnTo>
                      <a:pt x="194" y="555"/>
                    </a:lnTo>
                    <a:lnTo>
                      <a:pt x="194" y="553"/>
                    </a:lnTo>
                    <a:lnTo>
                      <a:pt x="192" y="553"/>
                    </a:lnTo>
                    <a:lnTo>
                      <a:pt x="192" y="551"/>
                    </a:lnTo>
                    <a:lnTo>
                      <a:pt x="190" y="551"/>
                    </a:lnTo>
                    <a:lnTo>
                      <a:pt x="188" y="551"/>
                    </a:lnTo>
                    <a:lnTo>
                      <a:pt x="190" y="550"/>
                    </a:lnTo>
                    <a:lnTo>
                      <a:pt x="192" y="550"/>
                    </a:lnTo>
                    <a:lnTo>
                      <a:pt x="194" y="550"/>
                    </a:lnTo>
                    <a:lnTo>
                      <a:pt x="194" y="548"/>
                    </a:lnTo>
                    <a:lnTo>
                      <a:pt x="196" y="548"/>
                    </a:lnTo>
                    <a:lnTo>
                      <a:pt x="198" y="548"/>
                    </a:lnTo>
                    <a:lnTo>
                      <a:pt x="199" y="548"/>
                    </a:lnTo>
                    <a:lnTo>
                      <a:pt x="199" y="546"/>
                    </a:lnTo>
                    <a:lnTo>
                      <a:pt x="201" y="546"/>
                    </a:lnTo>
                    <a:lnTo>
                      <a:pt x="201" y="544"/>
                    </a:lnTo>
                    <a:lnTo>
                      <a:pt x="203" y="544"/>
                    </a:lnTo>
                    <a:lnTo>
                      <a:pt x="203" y="546"/>
                    </a:lnTo>
                    <a:lnTo>
                      <a:pt x="205" y="546"/>
                    </a:lnTo>
                    <a:lnTo>
                      <a:pt x="205" y="544"/>
                    </a:lnTo>
                    <a:lnTo>
                      <a:pt x="207" y="544"/>
                    </a:lnTo>
                    <a:lnTo>
                      <a:pt x="209" y="544"/>
                    </a:lnTo>
                    <a:lnTo>
                      <a:pt x="209" y="542"/>
                    </a:lnTo>
                    <a:lnTo>
                      <a:pt x="210" y="542"/>
                    </a:lnTo>
                    <a:lnTo>
                      <a:pt x="209" y="542"/>
                    </a:lnTo>
                    <a:lnTo>
                      <a:pt x="209" y="540"/>
                    </a:lnTo>
                    <a:lnTo>
                      <a:pt x="209" y="539"/>
                    </a:lnTo>
                    <a:lnTo>
                      <a:pt x="210" y="539"/>
                    </a:lnTo>
                    <a:lnTo>
                      <a:pt x="212" y="537"/>
                    </a:lnTo>
                    <a:lnTo>
                      <a:pt x="212" y="535"/>
                    </a:lnTo>
                    <a:lnTo>
                      <a:pt x="214" y="535"/>
                    </a:lnTo>
                    <a:lnTo>
                      <a:pt x="214" y="533"/>
                    </a:lnTo>
                    <a:lnTo>
                      <a:pt x="214" y="531"/>
                    </a:lnTo>
                    <a:lnTo>
                      <a:pt x="214" y="529"/>
                    </a:lnTo>
                    <a:lnTo>
                      <a:pt x="216" y="529"/>
                    </a:lnTo>
                    <a:lnTo>
                      <a:pt x="216" y="526"/>
                    </a:lnTo>
                    <a:lnTo>
                      <a:pt x="218" y="524"/>
                    </a:lnTo>
                    <a:lnTo>
                      <a:pt x="218" y="522"/>
                    </a:lnTo>
                    <a:lnTo>
                      <a:pt x="218" y="520"/>
                    </a:lnTo>
                    <a:lnTo>
                      <a:pt x="220" y="518"/>
                    </a:lnTo>
                    <a:lnTo>
                      <a:pt x="220" y="516"/>
                    </a:lnTo>
                    <a:lnTo>
                      <a:pt x="222" y="516"/>
                    </a:lnTo>
                    <a:lnTo>
                      <a:pt x="223" y="516"/>
                    </a:lnTo>
                    <a:lnTo>
                      <a:pt x="225" y="514"/>
                    </a:lnTo>
                    <a:lnTo>
                      <a:pt x="227" y="514"/>
                    </a:lnTo>
                    <a:lnTo>
                      <a:pt x="229" y="514"/>
                    </a:lnTo>
                    <a:lnTo>
                      <a:pt x="231" y="513"/>
                    </a:lnTo>
                    <a:lnTo>
                      <a:pt x="233" y="514"/>
                    </a:lnTo>
                    <a:lnTo>
                      <a:pt x="235" y="514"/>
                    </a:lnTo>
                    <a:lnTo>
                      <a:pt x="236" y="514"/>
                    </a:lnTo>
                    <a:lnTo>
                      <a:pt x="238" y="513"/>
                    </a:lnTo>
                    <a:lnTo>
                      <a:pt x="240" y="513"/>
                    </a:lnTo>
                    <a:lnTo>
                      <a:pt x="242" y="513"/>
                    </a:lnTo>
                    <a:lnTo>
                      <a:pt x="244" y="513"/>
                    </a:lnTo>
                    <a:lnTo>
                      <a:pt x="244" y="511"/>
                    </a:lnTo>
                    <a:lnTo>
                      <a:pt x="246" y="511"/>
                    </a:lnTo>
                    <a:lnTo>
                      <a:pt x="246" y="509"/>
                    </a:lnTo>
                    <a:lnTo>
                      <a:pt x="247" y="509"/>
                    </a:lnTo>
                    <a:lnTo>
                      <a:pt x="247" y="507"/>
                    </a:lnTo>
                    <a:lnTo>
                      <a:pt x="247" y="505"/>
                    </a:lnTo>
                    <a:lnTo>
                      <a:pt x="249" y="505"/>
                    </a:lnTo>
                    <a:lnTo>
                      <a:pt x="249" y="503"/>
                    </a:lnTo>
                    <a:lnTo>
                      <a:pt x="249" y="502"/>
                    </a:lnTo>
                    <a:lnTo>
                      <a:pt x="251" y="502"/>
                    </a:lnTo>
                    <a:lnTo>
                      <a:pt x="251" y="500"/>
                    </a:lnTo>
                    <a:lnTo>
                      <a:pt x="253" y="500"/>
                    </a:lnTo>
                    <a:lnTo>
                      <a:pt x="253" y="498"/>
                    </a:lnTo>
                    <a:lnTo>
                      <a:pt x="253" y="496"/>
                    </a:lnTo>
                    <a:lnTo>
                      <a:pt x="255" y="494"/>
                    </a:lnTo>
                    <a:lnTo>
                      <a:pt x="255" y="492"/>
                    </a:lnTo>
                    <a:lnTo>
                      <a:pt x="255" y="490"/>
                    </a:lnTo>
                    <a:lnTo>
                      <a:pt x="257" y="490"/>
                    </a:lnTo>
                    <a:lnTo>
                      <a:pt x="257" y="489"/>
                    </a:lnTo>
                    <a:lnTo>
                      <a:pt x="259" y="487"/>
                    </a:lnTo>
                    <a:lnTo>
                      <a:pt x="259" y="485"/>
                    </a:lnTo>
                    <a:lnTo>
                      <a:pt x="257" y="483"/>
                    </a:lnTo>
                    <a:lnTo>
                      <a:pt x="253" y="479"/>
                    </a:lnTo>
                    <a:lnTo>
                      <a:pt x="253" y="477"/>
                    </a:lnTo>
                    <a:lnTo>
                      <a:pt x="251" y="477"/>
                    </a:lnTo>
                    <a:lnTo>
                      <a:pt x="251" y="476"/>
                    </a:lnTo>
                    <a:lnTo>
                      <a:pt x="251" y="474"/>
                    </a:lnTo>
                    <a:lnTo>
                      <a:pt x="249" y="472"/>
                    </a:lnTo>
                    <a:lnTo>
                      <a:pt x="247" y="472"/>
                    </a:lnTo>
                    <a:lnTo>
                      <a:pt x="247" y="470"/>
                    </a:lnTo>
                    <a:lnTo>
                      <a:pt x="247" y="468"/>
                    </a:lnTo>
                    <a:lnTo>
                      <a:pt x="247" y="466"/>
                    </a:lnTo>
                    <a:lnTo>
                      <a:pt x="247" y="465"/>
                    </a:lnTo>
                    <a:lnTo>
                      <a:pt x="247" y="463"/>
                    </a:lnTo>
                    <a:lnTo>
                      <a:pt x="247" y="461"/>
                    </a:lnTo>
                    <a:lnTo>
                      <a:pt x="247" y="459"/>
                    </a:lnTo>
                    <a:lnTo>
                      <a:pt x="249" y="457"/>
                    </a:lnTo>
                    <a:lnTo>
                      <a:pt x="249" y="455"/>
                    </a:lnTo>
                    <a:lnTo>
                      <a:pt x="249" y="453"/>
                    </a:lnTo>
                    <a:lnTo>
                      <a:pt x="249" y="452"/>
                    </a:lnTo>
                    <a:lnTo>
                      <a:pt x="249" y="450"/>
                    </a:lnTo>
                    <a:lnTo>
                      <a:pt x="249" y="448"/>
                    </a:lnTo>
                    <a:lnTo>
                      <a:pt x="247" y="448"/>
                    </a:lnTo>
                    <a:lnTo>
                      <a:pt x="246" y="448"/>
                    </a:lnTo>
                    <a:lnTo>
                      <a:pt x="246" y="446"/>
                    </a:lnTo>
                    <a:lnTo>
                      <a:pt x="244" y="446"/>
                    </a:lnTo>
                    <a:lnTo>
                      <a:pt x="242" y="444"/>
                    </a:lnTo>
                    <a:lnTo>
                      <a:pt x="242" y="442"/>
                    </a:lnTo>
                    <a:lnTo>
                      <a:pt x="244" y="441"/>
                    </a:lnTo>
                    <a:lnTo>
                      <a:pt x="242" y="439"/>
                    </a:lnTo>
                    <a:lnTo>
                      <a:pt x="242" y="437"/>
                    </a:lnTo>
                    <a:lnTo>
                      <a:pt x="242" y="435"/>
                    </a:lnTo>
                    <a:lnTo>
                      <a:pt x="242" y="433"/>
                    </a:lnTo>
                    <a:lnTo>
                      <a:pt x="242" y="431"/>
                    </a:lnTo>
                    <a:lnTo>
                      <a:pt x="242" y="429"/>
                    </a:lnTo>
                    <a:lnTo>
                      <a:pt x="244" y="429"/>
                    </a:lnTo>
                    <a:lnTo>
                      <a:pt x="242" y="426"/>
                    </a:lnTo>
                    <a:lnTo>
                      <a:pt x="240" y="426"/>
                    </a:lnTo>
                    <a:lnTo>
                      <a:pt x="240" y="424"/>
                    </a:lnTo>
                    <a:lnTo>
                      <a:pt x="240" y="422"/>
                    </a:lnTo>
                    <a:lnTo>
                      <a:pt x="240" y="420"/>
                    </a:lnTo>
                    <a:lnTo>
                      <a:pt x="238" y="420"/>
                    </a:lnTo>
                    <a:lnTo>
                      <a:pt x="240" y="420"/>
                    </a:lnTo>
                    <a:lnTo>
                      <a:pt x="240" y="418"/>
                    </a:lnTo>
                    <a:lnTo>
                      <a:pt x="238" y="420"/>
                    </a:lnTo>
                    <a:lnTo>
                      <a:pt x="236" y="420"/>
                    </a:lnTo>
                    <a:lnTo>
                      <a:pt x="236" y="418"/>
                    </a:lnTo>
                    <a:lnTo>
                      <a:pt x="235" y="418"/>
                    </a:lnTo>
                    <a:lnTo>
                      <a:pt x="235" y="416"/>
                    </a:lnTo>
                    <a:lnTo>
                      <a:pt x="233" y="415"/>
                    </a:lnTo>
                    <a:lnTo>
                      <a:pt x="233" y="416"/>
                    </a:lnTo>
                    <a:lnTo>
                      <a:pt x="231" y="416"/>
                    </a:lnTo>
                    <a:lnTo>
                      <a:pt x="231" y="415"/>
                    </a:lnTo>
                    <a:lnTo>
                      <a:pt x="229" y="415"/>
                    </a:lnTo>
                    <a:lnTo>
                      <a:pt x="227" y="415"/>
                    </a:lnTo>
                    <a:lnTo>
                      <a:pt x="227" y="416"/>
                    </a:lnTo>
                    <a:lnTo>
                      <a:pt x="225" y="416"/>
                    </a:lnTo>
                    <a:lnTo>
                      <a:pt x="223" y="416"/>
                    </a:lnTo>
                    <a:lnTo>
                      <a:pt x="223" y="415"/>
                    </a:lnTo>
                    <a:lnTo>
                      <a:pt x="223" y="413"/>
                    </a:lnTo>
                    <a:lnTo>
                      <a:pt x="222" y="411"/>
                    </a:lnTo>
                    <a:lnTo>
                      <a:pt x="222" y="409"/>
                    </a:lnTo>
                    <a:lnTo>
                      <a:pt x="222" y="407"/>
                    </a:lnTo>
                    <a:lnTo>
                      <a:pt x="220" y="407"/>
                    </a:lnTo>
                    <a:lnTo>
                      <a:pt x="220" y="405"/>
                    </a:lnTo>
                    <a:lnTo>
                      <a:pt x="218" y="405"/>
                    </a:lnTo>
                    <a:lnTo>
                      <a:pt x="218" y="404"/>
                    </a:lnTo>
                    <a:lnTo>
                      <a:pt x="218" y="402"/>
                    </a:lnTo>
                    <a:lnTo>
                      <a:pt x="216" y="402"/>
                    </a:lnTo>
                    <a:lnTo>
                      <a:pt x="216" y="400"/>
                    </a:lnTo>
                    <a:lnTo>
                      <a:pt x="216" y="398"/>
                    </a:lnTo>
                    <a:lnTo>
                      <a:pt x="216" y="396"/>
                    </a:lnTo>
                    <a:lnTo>
                      <a:pt x="214" y="396"/>
                    </a:lnTo>
                    <a:lnTo>
                      <a:pt x="214" y="394"/>
                    </a:lnTo>
                    <a:lnTo>
                      <a:pt x="214" y="392"/>
                    </a:lnTo>
                    <a:lnTo>
                      <a:pt x="212" y="392"/>
                    </a:lnTo>
                    <a:lnTo>
                      <a:pt x="214" y="392"/>
                    </a:lnTo>
                    <a:lnTo>
                      <a:pt x="212" y="392"/>
                    </a:lnTo>
                    <a:lnTo>
                      <a:pt x="212" y="391"/>
                    </a:lnTo>
                    <a:lnTo>
                      <a:pt x="212" y="389"/>
                    </a:lnTo>
                    <a:lnTo>
                      <a:pt x="210" y="389"/>
                    </a:lnTo>
                    <a:lnTo>
                      <a:pt x="210" y="387"/>
                    </a:lnTo>
                    <a:lnTo>
                      <a:pt x="210" y="385"/>
                    </a:lnTo>
                    <a:lnTo>
                      <a:pt x="210" y="383"/>
                    </a:lnTo>
                    <a:lnTo>
                      <a:pt x="210" y="381"/>
                    </a:lnTo>
                    <a:lnTo>
                      <a:pt x="210" y="379"/>
                    </a:lnTo>
                    <a:lnTo>
                      <a:pt x="209" y="379"/>
                    </a:lnTo>
                    <a:lnTo>
                      <a:pt x="209" y="378"/>
                    </a:lnTo>
                    <a:lnTo>
                      <a:pt x="207" y="378"/>
                    </a:lnTo>
                    <a:lnTo>
                      <a:pt x="207" y="376"/>
                    </a:lnTo>
                    <a:lnTo>
                      <a:pt x="207" y="374"/>
                    </a:lnTo>
                    <a:lnTo>
                      <a:pt x="205" y="374"/>
                    </a:lnTo>
                    <a:lnTo>
                      <a:pt x="203" y="374"/>
                    </a:lnTo>
                    <a:lnTo>
                      <a:pt x="201" y="374"/>
                    </a:lnTo>
                    <a:lnTo>
                      <a:pt x="199" y="372"/>
                    </a:lnTo>
                    <a:lnTo>
                      <a:pt x="201" y="368"/>
                    </a:lnTo>
                    <a:lnTo>
                      <a:pt x="201" y="367"/>
                    </a:lnTo>
                    <a:lnTo>
                      <a:pt x="201" y="368"/>
                    </a:lnTo>
                    <a:lnTo>
                      <a:pt x="203" y="367"/>
                    </a:lnTo>
                    <a:lnTo>
                      <a:pt x="205" y="367"/>
                    </a:lnTo>
                    <a:lnTo>
                      <a:pt x="205" y="365"/>
                    </a:lnTo>
                    <a:lnTo>
                      <a:pt x="207" y="365"/>
                    </a:lnTo>
                    <a:lnTo>
                      <a:pt x="207" y="363"/>
                    </a:lnTo>
                    <a:lnTo>
                      <a:pt x="209" y="363"/>
                    </a:lnTo>
                    <a:lnTo>
                      <a:pt x="210" y="363"/>
                    </a:lnTo>
                    <a:lnTo>
                      <a:pt x="212" y="363"/>
                    </a:lnTo>
                    <a:lnTo>
                      <a:pt x="212" y="361"/>
                    </a:lnTo>
                    <a:lnTo>
                      <a:pt x="214" y="361"/>
                    </a:lnTo>
                    <a:lnTo>
                      <a:pt x="214" y="359"/>
                    </a:lnTo>
                    <a:lnTo>
                      <a:pt x="214" y="357"/>
                    </a:lnTo>
                    <a:lnTo>
                      <a:pt x="216" y="357"/>
                    </a:lnTo>
                    <a:lnTo>
                      <a:pt x="216" y="355"/>
                    </a:lnTo>
                    <a:lnTo>
                      <a:pt x="218" y="354"/>
                    </a:lnTo>
                    <a:lnTo>
                      <a:pt x="218" y="352"/>
                    </a:lnTo>
                    <a:lnTo>
                      <a:pt x="218" y="350"/>
                    </a:lnTo>
                    <a:lnTo>
                      <a:pt x="222" y="352"/>
                    </a:lnTo>
                    <a:lnTo>
                      <a:pt x="223" y="352"/>
                    </a:lnTo>
                    <a:lnTo>
                      <a:pt x="225" y="352"/>
                    </a:lnTo>
                    <a:lnTo>
                      <a:pt x="227" y="352"/>
                    </a:lnTo>
                    <a:lnTo>
                      <a:pt x="229" y="354"/>
                    </a:lnTo>
                    <a:lnTo>
                      <a:pt x="229" y="352"/>
                    </a:lnTo>
                    <a:lnTo>
                      <a:pt x="231" y="352"/>
                    </a:lnTo>
                    <a:lnTo>
                      <a:pt x="231" y="350"/>
                    </a:lnTo>
                    <a:lnTo>
                      <a:pt x="231" y="348"/>
                    </a:lnTo>
                    <a:lnTo>
                      <a:pt x="231" y="346"/>
                    </a:lnTo>
                    <a:lnTo>
                      <a:pt x="231" y="344"/>
                    </a:lnTo>
                    <a:lnTo>
                      <a:pt x="231" y="342"/>
                    </a:lnTo>
                    <a:lnTo>
                      <a:pt x="233" y="341"/>
                    </a:lnTo>
                    <a:lnTo>
                      <a:pt x="233" y="339"/>
                    </a:lnTo>
                    <a:lnTo>
                      <a:pt x="235" y="339"/>
                    </a:lnTo>
                    <a:lnTo>
                      <a:pt x="235" y="341"/>
                    </a:lnTo>
                    <a:lnTo>
                      <a:pt x="236" y="341"/>
                    </a:lnTo>
                    <a:lnTo>
                      <a:pt x="236" y="339"/>
                    </a:lnTo>
                    <a:lnTo>
                      <a:pt x="238" y="339"/>
                    </a:lnTo>
                    <a:lnTo>
                      <a:pt x="238" y="337"/>
                    </a:lnTo>
                    <a:lnTo>
                      <a:pt x="238" y="335"/>
                    </a:lnTo>
                    <a:lnTo>
                      <a:pt x="238" y="333"/>
                    </a:lnTo>
                    <a:lnTo>
                      <a:pt x="240" y="333"/>
                    </a:lnTo>
                    <a:lnTo>
                      <a:pt x="240" y="331"/>
                    </a:lnTo>
                    <a:lnTo>
                      <a:pt x="240" y="330"/>
                    </a:lnTo>
                    <a:lnTo>
                      <a:pt x="240" y="328"/>
                    </a:lnTo>
                    <a:lnTo>
                      <a:pt x="240" y="326"/>
                    </a:lnTo>
                    <a:lnTo>
                      <a:pt x="242" y="326"/>
                    </a:lnTo>
                    <a:lnTo>
                      <a:pt x="242" y="324"/>
                    </a:lnTo>
                    <a:lnTo>
                      <a:pt x="242" y="322"/>
                    </a:lnTo>
                    <a:lnTo>
                      <a:pt x="242" y="320"/>
                    </a:lnTo>
                    <a:lnTo>
                      <a:pt x="240" y="320"/>
                    </a:lnTo>
                    <a:lnTo>
                      <a:pt x="240" y="318"/>
                    </a:lnTo>
                    <a:lnTo>
                      <a:pt x="240" y="317"/>
                    </a:lnTo>
                    <a:lnTo>
                      <a:pt x="238" y="317"/>
                    </a:lnTo>
                    <a:lnTo>
                      <a:pt x="238" y="315"/>
                    </a:lnTo>
                    <a:lnTo>
                      <a:pt x="238" y="313"/>
                    </a:lnTo>
                    <a:lnTo>
                      <a:pt x="238" y="311"/>
                    </a:lnTo>
                    <a:lnTo>
                      <a:pt x="240" y="311"/>
                    </a:lnTo>
                    <a:lnTo>
                      <a:pt x="240" y="309"/>
                    </a:lnTo>
                    <a:lnTo>
                      <a:pt x="242" y="307"/>
                    </a:lnTo>
                    <a:lnTo>
                      <a:pt x="242" y="305"/>
                    </a:lnTo>
                    <a:lnTo>
                      <a:pt x="242" y="304"/>
                    </a:lnTo>
                    <a:lnTo>
                      <a:pt x="244" y="304"/>
                    </a:lnTo>
                    <a:lnTo>
                      <a:pt x="244" y="302"/>
                    </a:lnTo>
                    <a:lnTo>
                      <a:pt x="244" y="300"/>
                    </a:lnTo>
                    <a:lnTo>
                      <a:pt x="246" y="300"/>
                    </a:lnTo>
                    <a:lnTo>
                      <a:pt x="247" y="300"/>
                    </a:lnTo>
                    <a:lnTo>
                      <a:pt x="247" y="298"/>
                    </a:lnTo>
                    <a:lnTo>
                      <a:pt x="249" y="298"/>
                    </a:lnTo>
                    <a:lnTo>
                      <a:pt x="249" y="296"/>
                    </a:lnTo>
                    <a:lnTo>
                      <a:pt x="251" y="296"/>
                    </a:lnTo>
                    <a:lnTo>
                      <a:pt x="251" y="298"/>
                    </a:lnTo>
                    <a:lnTo>
                      <a:pt x="253" y="298"/>
                    </a:lnTo>
                    <a:lnTo>
                      <a:pt x="255" y="298"/>
                    </a:lnTo>
                    <a:lnTo>
                      <a:pt x="257" y="298"/>
                    </a:lnTo>
                    <a:lnTo>
                      <a:pt x="259" y="298"/>
                    </a:lnTo>
                    <a:lnTo>
                      <a:pt x="260" y="298"/>
                    </a:lnTo>
                    <a:lnTo>
                      <a:pt x="260" y="296"/>
                    </a:lnTo>
                    <a:lnTo>
                      <a:pt x="260" y="294"/>
                    </a:lnTo>
                    <a:lnTo>
                      <a:pt x="262" y="294"/>
                    </a:lnTo>
                    <a:lnTo>
                      <a:pt x="262" y="296"/>
                    </a:lnTo>
                    <a:lnTo>
                      <a:pt x="262" y="293"/>
                    </a:lnTo>
                    <a:lnTo>
                      <a:pt x="260" y="293"/>
                    </a:lnTo>
                    <a:lnTo>
                      <a:pt x="262" y="293"/>
                    </a:lnTo>
                    <a:lnTo>
                      <a:pt x="262" y="291"/>
                    </a:lnTo>
                    <a:lnTo>
                      <a:pt x="262" y="289"/>
                    </a:lnTo>
                    <a:lnTo>
                      <a:pt x="262" y="287"/>
                    </a:lnTo>
                    <a:lnTo>
                      <a:pt x="262" y="285"/>
                    </a:lnTo>
                    <a:lnTo>
                      <a:pt x="264" y="285"/>
                    </a:lnTo>
                    <a:lnTo>
                      <a:pt x="262" y="285"/>
                    </a:lnTo>
                    <a:lnTo>
                      <a:pt x="264" y="283"/>
                    </a:lnTo>
                    <a:lnTo>
                      <a:pt x="264" y="281"/>
                    </a:lnTo>
                    <a:lnTo>
                      <a:pt x="264" y="280"/>
                    </a:lnTo>
                    <a:lnTo>
                      <a:pt x="264" y="278"/>
                    </a:lnTo>
                    <a:lnTo>
                      <a:pt x="266" y="278"/>
                    </a:lnTo>
                    <a:lnTo>
                      <a:pt x="266" y="276"/>
                    </a:lnTo>
                    <a:lnTo>
                      <a:pt x="268" y="276"/>
                    </a:lnTo>
                    <a:lnTo>
                      <a:pt x="266" y="276"/>
                    </a:lnTo>
                    <a:lnTo>
                      <a:pt x="266" y="274"/>
                    </a:lnTo>
                    <a:lnTo>
                      <a:pt x="264" y="274"/>
                    </a:lnTo>
                    <a:lnTo>
                      <a:pt x="262" y="274"/>
                    </a:lnTo>
                    <a:lnTo>
                      <a:pt x="264" y="272"/>
                    </a:lnTo>
                    <a:lnTo>
                      <a:pt x="262" y="272"/>
                    </a:lnTo>
                    <a:lnTo>
                      <a:pt x="260" y="270"/>
                    </a:lnTo>
                    <a:lnTo>
                      <a:pt x="262" y="270"/>
                    </a:lnTo>
                    <a:lnTo>
                      <a:pt x="262" y="268"/>
                    </a:lnTo>
                    <a:lnTo>
                      <a:pt x="262" y="267"/>
                    </a:lnTo>
                    <a:lnTo>
                      <a:pt x="262" y="265"/>
                    </a:lnTo>
                    <a:lnTo>
                      <a:pt x="262" y="263"/>
                    </a:lnTo>
                    <a:lnTo>
                      <a:pt x="260" y="263"/>
                    </a:lnTo>
                    <a:lnTo>
                      <a:pt x="262" y="263"/>
                    </a:lnTo>
                    <a:lnTo>
                      <a:pt x="260" y="263"/>
                    </a:lnTo>
                    <a:lnTo>
                      <a:pt x="260" y="261"/>
                    </a:lnTo>
                    <a:lnTo>
                      <a:pt x="259" y="261"/>
                    </a:lnTo>
                    <a:lnTo>
                      <a:pt x="259" y="263"/>
                    </a:lnTo>
                    <a:lnTo>
                      <a:pt x="257" y="261"/>
                    </a:lnTo>
                    <a:lnTo>
                      <a:pt x="259" y="261"/>
                    </a:lnTo>
                    <a:lnTo>
                      <a:pt x="260" y="261"/>
                    </a:lnTo>
                    <a:lnTo>
                      <a:pt x="262" y="261"/>
                    </a:lnTo>
                    <a:lnTo>
                      <a:pt x="262" y="259"/>
                    </a:lnTo>
                    <a:lnTo>
                      <a:pt x="264" y="259"/>
                    </a:lnTo>
                    <a:lnTo>
                      <a:pt x="264" y="261"/>
                    </a:lnTo>
                    <a:lnTo>
                      <a:pt x="266" y="261"/>
                    </a:lnTo>
                    <a:lnTo>
                      <a:pt x="268" y="261"/>
                    </a:lnTo>
                    <a:lnTo>
                      <a:pt x="268" y="259"/>
                    </a:lnTo>
                    <a:lnTo>
                      <a:pt x="270" y="259"/>
                    </a:lnTo>
                    <a:lnTo>
                      <a:pt x="270" y="257"/>
                    </a:lnTo>
                    <a:lnTo>
                      <a:pt x="272" y="257"/>
                    </a:lnTo>
                    <a:lnTo>
                      <a:pt x="273" y="257"/>
                    </a:lnTo>
                    <a:lnTo>
                      <a:pt x="275" y="256"/>
                    </a:lnTo>
                    <a:lnTo>
                      <a:pt x="273" y="256"/>
                    </a:lnTo>
                    <a:lnTo>
                      <a:pt x="273" y="254"/>
                    </a:lnTo>
                    <a:lnTo>
                      <a:pt x="273" y="252"/>
                    </a:lnTo>
                    <a:lnTo>
                      <a:pt x="273" y="250"/>
                    </a:lnTo>
                    <a:lnTo>
                      <a:pt x="275" y="250"/>
                    </a:lnTo>
                    <a:lnTo>
                      <a:pt x="277" y="250"/>
                    </a:lnTo>
                    <a:lnTo>
                      <a:pt x="277" y="252"/>
                    </a:lnTo>
                    <a:lnTo>
                      <a:pt x="279" y="252"/>
                    </a:lnTo>
                    <a:lnTo>
                      <a:pt x="281" y="252"/>
                    </a:lnTo>
                    <a:lnTo>
                      <a:pt x="281" y="250"/>
                    </a:lnTo>
                    <a:lnTo>
                      <a:pt x="283" y="252"/>
                    </a:lnTo>
                    <a:lnTo>
                      <a:pt x="284" y="252"/>
                    </a:lnTo>
                    <a:lnTo>
                      <a:pt x="284" y="250"/>
                    </a:lnTo>
                    <a:lnTo>
                      <a:pt x="286" y="252"/>
                    </a:lnTo>
                    <a:lnTo>
                      <a:pt x="288" y="250"/>
                    </a:lnTo>
                    <a:lnTo>
                      <a:pt x="290" y="250"/>
                    </a:lnTo>
                    <a:lnTo>
                      <a:pt x="290" y="252"/>
                    </a:lnTo>
                    <a:lnTo>
                      <a:pt x="290" y="254"/>
                    </a:lnTo>
                    <a:lnTo>
                      <a:pt x="292" y="254"/>
                    </a:lnTo>
                    <a:lnTo>
                      <a:pt x="292" y="252"/>
                    </a:lnTo>
                    <a:lnTo>
                      <a:pt x="294" y="252"/>
                    </a:lnTo>
                    <a:lnTo>
                      <a:pt x="294" y="250"/>
                    </a:lnTo>
                    <a:lnTo>
                      <a:pt x="294" y="248"/>
                    </a:lnTo>
                    <a:lnTo>
                      <a:pt x="294" y="250"/>
                    </a:lnTo>
                    <a:lnTo>
                      <a:pt x="297" y="246"/>
                    </a:lnTo>
                    <a:lnTo>
                      <a:pt x="299" y="246"/>
                    </a:lnTo>
                    <a:lnTo>
                      <a:pt x="301" y="246"/>
                    </a:lnTo>
                    <a:lnTo>
                      <a:pt x="301" y="244"/>
                    </a:lnTo>
                    <a:lnTo>
                      <a:pt x="301" y="243"/>
                    </a:lnTo>
                    <a:lnTo>
                      <a:pt x="301" y="241"/>
                    </a:lnTo>
                    <a:lnTo>
                      <a:pt x="303" y="239"/>
                    </a:lnTo>
                    <a:lnTo>
                      <a:pt x="301" y="239"/>
                    </a:lnTo>
                    <a:lnTo>
                      <a:pt x="303" y="239"/>
                    </a:lnTo>
                    <a:lnTo>
                      <a:pt x="305" y="237"/>
                    </a:lnTo>
                    <a:lnTo>
                      <a:pt x="303" y="237"/>
                    </a:lnTo>
                    <a:lnTo>
                      <a:pt x="305" y="237"/>
                    </a:lnTo>
                    <a:lnTo>
                      <a:pt x="305" y="235"/>
                    </a:lnTo>
                    <a:lnTo>
                      <a:pt x="307" y="237"/>
                    </a:lnTo>
                    <a:lnTo>
                      <a:pt x="307" y="239"/>
                    </a:lnTo>
                    <a:lnTo>
                      <a:pt x="308" y="239"/>
                    </a:lnTo>
                    <a:lnTo>
                      <a:pt x="308" y="241"/>
                    </a:lnTo>
                    <a:lnTo>
                      <a:pt x="310" y="241"/>
                    </a:lnTo>
                    <a:lnTo>
                      <a:pt x="310" y="243"/>
                    </a:lnTo>
                    <a:lnTo>
                      <a:pt x="310" y="244"/>
                    </a:lnTo>
                    <a:lnTo>
                      <a:pt x="312" y="244"/>
                    </a:lnTo>
                    <a:lnTo>
                      <a:pt x="314" y="244"/>
                    </a:lnTo>
                    <a:lnTo>
                      <a:pt x="318" y="244"/>
                    </a:lnTo>
                    <a:lnTo>
                      <a:pt x="320" y="243"/>
                    </a:lnTo>
                    <a:lnTo>
                      <a:pt x="320" y="241"/>
                    </a:lnTo>
                    <a:lnTo>
                      <a:pt x="320" y="239"/>
                    </a:lnTo>
                    <a:lnTo>
                      <a:pt x="321" y="239"/>
                    </a:lnTo>
                    <a:lnTo>
                      <a:pt x="321" y="241"/>
                    </a:lnTo>
                    <a:lnTo>
                      <a:pt x="323" y="241"/>
                    </a:lnTo>
                    <a:lnTo>
                      <a:pt x="325" y="243"/>
                    </a:lnTo>
                    <a:lnTo>
                      <a:pt x="325" y="244"/>
                    </a:lnTo>
                    <a:lnTo>
                      <a:pt x="323" y="246"/>
                    </a:lnTo>
                    <a:lnTo>
                      <a:pt x="321" y="246"/>
                    </a:lnTo>
                    <a:lnTo>
                      <a:pt x="321" y="248"/>
                    </a:lnTo>
                    <a:lnTo>
                      <a:pt x="323" y="248"/>
                    </a:lnTo>
                    <a:lnTo>
                      <a:pt x="325" y="246"/>
                    </a:lnTo>
                    <a:lnTo>
                      <a:pt x="327" y="246"/>
                    </a:lnTo>
                    <a:lnTo>
                      <a:pt x="327" y="244"/>
                    </a:lnTo>
                    <a:lnTo>
                      <a:pt x="329" y="243"/>
                    </a:lnTo>
                    <a:lnTo>
                      <a:pt x="327" y="243"/>
                    </a:lnTo>
                    <a:lnTo>
                      <a:pt x="327" y="241"/>
                    </a:lnTo>
                    <a:lnTo>
                      <a:pt x="325" y="241"/>
                    </a:lnTo>
                    <a:lnTo>
                      <a:pt x="327" y="239"/>
                    </a:lnTo>
                    <a:lnTo>
                      <a:pt x="327" y="241"/>
                    </a:lnTo>
                    <a:lnTo>
                      <a:pt x="327" y="239"/>
                    </a:lnTo>
                    <a:lnTo>
                      <a:pt x="327" y="237"/>
                    </a:lnTo>
                    <a:lnTo>
                      <a:pt x="327" y="235"/>
                    </a:lnTo>
                    <a:lnTo>
                      <a:pt x="329" y="237"/>
                    </a:lnTo>
                    <a:lnTo>
                      <a:pt x="331" y="237"/>
                    </a:lnTo>
                    <a:lnTo>
                      <a:pt x="333" y="237"/>
                    </a:lnTo>
                    <a:lnTo>
                      <a:pt x="333" y="239"/>
                    </a:lnTo>
                    <a:lnTo>
                      <a:pt x="334" y="239"/>
                    </a:lnTo>
                    <a:lnTo>
                      <a:pt x="334" y="237"/>
                    </a:lnTo>
                    <a:lnTo>
                      <a:pt x="336" y="237"/>
                    </a:lnTo>
                    <a:lnTo>
                      <a:pt x="336" y="235"/>
                    </a:lnTo>
                    <a:lnTo>
                      <a:pt x="338" y="235"/>
                    </a:lnTo>
                    <a:lnTo>
                      <a:pt x="336" y="237"/>
                    </a:lnTo>
                    <a:lnTo>
                      <a:pt x="338" y="235"/>
                    </a:lnTo>
                    <a:lnTo>
                      <a:pt x="338" y="233"/>
                    </a:lnTo>
                    <a:lnTo>
                      <a:pt x="336" y="233"/>
                    </a:lnTo>
                    <a:lnTo>
                      <a:pt x="338" y="231"/>
                    </a:lnTo>
                    <a:lnTo>
                      <a:pt x="340" y="233"/>
                    </a:lnTo>
                    <a:lnTo>
                      <a:pt x="340" y="231"/>
                    </a:lnTo>
                    <a:lnTo>
                      <a:pt x="340" y="230"/>
                    </a:lnTo>
                    <a:lnTo>
                      <a:pt x="342" y="230"/>
                    </a:lnTo>
                    <a:lnTo>
                      <a:pt x="344" y="231"/>
                    </a:lnTo>
                    <a:lnTo>
                      <a:pt x="345" y="231"/>
                    </a:lnTo>
                    <a:lnTo>
                      <a:pt x="345" y="233"/>
                    </a:lnTo>
                    <a:lnTo>
                      <a:pt x="347" y="233"/>
                    </a:lnTo>
                    <a:lnTo>
                      <a:pt x="347" y="231"/>
                    </a:lnTo>
                    <a:lnTo>
                      <a:pt x="345" y="230"/>
                    </a:lnTo>
                    <a:lnTo>
                      <a:pt x="347" y="230"/>
                    </a:lnTo>
                    <a:lnTo>
                      <a:pt x="347" y="231"/>
                    </a:lnTo>
                    <a:lnTo>
                      <a:pt x="349" y="231"/>
                    </a:lnTo>
                    <a:lnTo>
                      <a:pt x="351" y="231"/>
                    </a:lnTo>
                    <a:lnTo>
                      <a:pt x="353" y="231"/>
                    </a:lnTo>
                    <a:lnTo>
                      <a:pt x="355" y="231"/>
                    </a:lnTo>
                    <a:lnTo>
                      <a:pt x="357" y="231"/>
                    </a:lnTo>
                    <a:lnTo>
                      <a:pt x="357" y="230"/>
                    </a:lnTo>
                    <a:lnTo>
                      <a:pt x="355" y="230"/>
                    </a:lnTo>
                    <a:lnTo>
                      <a:pt x="355" y="228"/>
                    </a:lnTo>
                    <a:lnTo>
                      <a:pt x="353" y="228"/>
                    </a:lnTo>
                    <a:lnTo>
                      <a:pt x="353" y="226"/>
                    </a:lnTo>
                    <a:lnTo>
                      <a:pt x="355" y="226"/>
                    </a:lnTo>
                    <a:lnTo>
                      <a:pt x="357" y="226"/>
                    </a:lnTo>
                    <a:lnTo>
                      <a:pt x="357" y="228"/>
                    </a:lnTo>
                    <a:lnTo>
                      <a:pt x="358" y="228"/>
                    </a:lnTo>
                    <a:lnTo>
                      <a:pt x="358" y="226"/>
                    </a:lnTo>
                    <a:lnTo>
                      <a:pt x="360" y="226"/>
                    </a:lnTo>
                    <a:close/>
                    <a:moveTo>
                      <a:pt x="898" y="121"/>
                    </a:moveTo>
                    <a:lnTo>
                      <a:pt x="894" y="121"/>
                    </a:lnTo>
                    <a:lnTo>
                      <a:pt x="893" y="119"/>
                    </a:lnTo>
                    <a:lnTo>
                      <a:pt x="893" y="117"/>
                    </a:lnTo>
                    <a:lnTo>
                      <a:pt x="891" y="117"/>
                    </a:lnTo>
                    <a:lnTo>
                      <a:pt x="891" y="115"/>
                    </a:lnTo>
                    <a:lnTo>
                      <a:pt x="894" y="109"/>
                    </a:lnTo>
                    <a:lnTo>
                      <a:pt x="893" y="109"/>
                    </a:lnTo>
                    <a:lnTo>
                      <a:pt x="891" y="108"/>
                    </a:lnTo>
                    <a:lnTo>
                      <a:pt x="893" y="104"/>
                    </a:lnTo>
                    <a:lnTo>
                      <a:pt x="891" y="102"/>
                    </a:lnTo>
                    <a:lnTo>
                      <a:pt x="893" y="100"/>
                    </a:lnTo>
                    <a:lnTo>
                      <a:pt x="893" y="102"/>
                    </a:lnTo>
                    <a:lnTo>
                      <a:pt x="894" y="102"/>
                    </a:lnTo>
                    <a:lnTo>
                      <a:pt x="896" y="102"/>
                    </a:lnTo>
                    <a:lnTo>
                      <a:pt x="898" y="102"/>
                    </a:lnTo>
                    <a:lnTo>
                      <a:pt x="898" y="104"/>
                    </a:lnTo>
                    <a:lnTo>
                      <a:pt x="898" y="102"/>
                    </a:lnTo>
                    <a:lnTo>
                      <a:pt x="898" y="104"/>
                    </a:lnTo>
                    <a:lnTo>
                      <a:pt x="898" y="106"/>
                    </a:lnTo>
                    <a:lnTo>
                      <a:pt x="898" y="104"/>
                    </a:lnTo>
                    <a:lnTo>
                      <a:pt x="900" y="104"/>
                    </a:lnTo>
                    <a:lnTo>
                      <a:pt x="900" y="106"/>
                    </a:lnTo>
                    <a:lnTo>
                      <a:pt x="902" y="106"/>
                    </a:lnTo>
                    <a:lnTo>
                      <a:pt x="904" y="108"/>
                    </a:lnTo>
                    <a:lnTo>
                      <a:pt x="906" y="108"/>
                    </a:lnTo>
                    <a:lnTo>
                      <a:pt x="907" y="108"/>
                    </a:lnTo>
                    <a:lnTo>
                      <a:pt x="907" y="109"/>
                    </a:lnTo>
                    <a:lnTo>
                      <a:pt x="909" y="109"/>
                    </a:lnTo>
                    <a:lnTo>
                      <a:pt x="911" y="109"/>
                    </a:lnTo>
                    <a:lnTo>
                      <a:pt x="913" y="109"/>
                    </a:lnTo>
                    <a:lnTo>
                      <a:pt x="911" y="109"/>
                    </a:lnTo>
                    <a:lnTo>
                      <a:pt x="911" y="111"/>
                    </a:lnTo>
                    <a:lnTo>
                      <a:pt x="913" y="111"/>
                    </a:lnTo>
                    <a:lnTo>
                      <a:pt x="915" y="111"/>
                    </a:lnTo>
                    <a:lnTo>
                      <a:pt x="915" y="109"/>
                    </a:lnTo>
                    <a:lnTo>
                      <a:pt x="913" y="109"/>
                    </a:lnTo>
                    <a:lnTo>
                      <a:pt x="915" y="109"/>
                    </a:lnTo>
                    <a:lnTo>
                      <a:pt x="917" y="111"/>
                    </a:lnTo>
                    <a:lnTo>
                      <a:pt x="917" y="113"/>
                    </a:lnTo>
                    <a:lnTo>
                      <a:pt x="918" y="113"/>
                    </a:lnTo>
                    <a:lnTo>
                      <a:pt x="920" y="113"/>
                    </a:lnTo>
                    <a:lnTo>
                      <a:pt x="918" y="113"/>
                    </a:lnTo>
                    <a:lnTo>
                      <a:pt x="920" y="115"/>
                    </a:lnTo>
                    <a:lnTo>
                      <a:pt x="922" y="117"/>
                    </a:lnTo>
                    <a:lnTo>
                      <a:pt x="922" y="119"/>
                    </a:lnTo>
                    <a:lnTo>
                      <a:pt x="924" y="119"/>
                    </a:lnTo>
                    <a:lnTo>
                      <a:pt x="924" y="121"/>
                    </a:lnTo>
                    <a:lnTo>
                      <a:pt x="926" y="121"/>
                    </a:lnTo>
                    <a:lnTo>
                      <a:pt x="928" y="122"/>
                    </a:lnTo>
                    <a:lnTo>
                      <a:pt x="930" y="122"/>
                    </a:lnTo>
                    <a:lnTo>
                      <a:pt x="931" y="122"/>
                    </a:lnTo>
                    <a:lnTo>
                      <a:pt x="931" y="124"/>
                    </a:lnTo>
                    <a:lnTo>
                      <a:pt x="930" y="124"/>
                    </a:lnTo>
                    <a:lnTo>
                      <a:pt x="928" y="126"/>
                    </a:lnTo>
                    <a:lnTo>
                      <a:pt x="926" y="128"/>
                    </a:lnTo>
                    <a:lnTo>
                      <a:pt x="922" y="130"/>
                    </a:lnTo>
                    <a:lnTo>
                      <a:pt x="918" y="132"/>
                    </a:lnTo>
                    <a:lnTo>
                      <a:pt x="917" y="133"/>
                    </a:lnTo>
                    <a:lnTo>
                      <a:pt x="915" y="133"/>
                    </a:lnTo>
                    <a:lnTo>
                      <a:pt x="915" y="135"/>
                    </a:lnTo>
                    <a:lnTo>
                      <a:pt x="913" y="133"/>
                    </a:lnTo>
                    <a:lnTo>
                      <a:pt x="913" y="132"/>
                    </a:lnTo>
                    <a:lnTo>
                      <a:pt x="913" y="130"/>
                    </a:lnTo>
                    <a:lnTo>
                      <a:pt x="915" y="130"/>
                    </a:lnTo>
                    <a:lnTo>
                      <a:pt x="915" y="128"/>
                    </a:lnTo>
                    <a:lnTo>
                      <a:pt x="915" y="126"/>
                    </a:lnTo>
                    <a:lnTo>
                      <a:pt x="911" y="126"/>
                    </a:lnTo>
                    <a:lnTo>
                      <a:pt x="906" y="124"/>
                    </a:lnTo>
                    <a:lnTo>
                      <a:pt x="902" y="124"/>
                    </a:lnTo>
                    <a:lnTo>
                      <a:pt x="900" y="124"/>
                    </a:lnTo>
                    <a:lnTo>
                      <a:pt x="898" y="124"/>
                    </a:lnTo>
                    <a:lnTo>
                      <a:pt x="898" y="122"/>
                    </a:lnTo>
                    <a:lnTo>
                      <a:pt x="898" y="121"/>
                    </a:lnTo>
                    <a:close/>
                    <a:moveTo>
                      <a:pt x="1005" y="170"/>
                    </a:moveTo>
                    <a:lnTo>
                      <a:pt x="1007" y="170"/>
                    </a:lnTo>
                    <a:lnTo>
                      <a:pt x="1005" y="169"/>
                    </a:lnTo>
                    <a:lnTo>
                      <a:pt x="1009" y="167"/>
                    </a:lnTo>
                    <a:lnTo>
                      <a:pt x="1011" y="165"/>
                    </a:lnTo>
                    <a:lnTo>
                      <a:pt x="1016" y="165"/>
                    </a:lnTo>
                    <a:lnTo>
                      <a:pt x="1018" y="165"/>
                    </a:lnTo>
                    <a:lnTo>
                      <a:pt x="1020" y="165"/>
                    </a:lnTo>
                    <a:lnTo>
                      <a:pt x="1022" y="163"/>
                    </a:lnTo>
                    <a:lnTo>
                      <a:pt x="1024" y="163"/>
                    </a:lnTo>
                    <a:lnTo>
                      <a:pt x="1024" y="165"/>
                    </a:lnTo>
                    <a:lnTo>
                      <a:pt x="1026" y="165"/>
                    </a:lnTo>
                    <a:lnTo>
                      <a:pt x="1026" y="167"/>
                    </a:lnTo>
                    <a:lnTo>
                      <a:pt x="1028" y="167"/>
                    </a:lnTo>
                    <a:lnTo>
                      <a:pt x="1029" y="167"/>
                    </a:lnTo>
                    <a:lnTo>
                      <a:pt x="1028" y="167"/>
                    </a:lnTo>
                    <a:lnTo>
                      <a:pt x="1029" y="169"/>
                    </a:lnTo>
                    <a:lnTo>
                      <a:pt x="1028" y="169"/>
                    </a:lnTo>
                    <a:lnTo>
                      <a:pt x="1029" y="169"/>
                    </a:lnTo>
                    <a:lnTo>
                      <a:pt x="1029" y="170"/>
                    </a:lnTo>
                    <a:lnTo>
                      <a:pt x="1029" y="172"/>
                    </a:lnTo>
                    <a:lnTo>
                      <a:pt x="1028" y="172"/>
                    </a:lnTo>
                    <a:lnTo>
                      <a:pt x="1028" y="174"/>
                    </a:lnTo>
                    <a:lnTo>
                      <a:pt x="1029" y="176"/>
                    </a:lnTo>
                    <a:lnTo>
                      <a:pt x="1029" y="174"/>
                    </a:lnTo>
                    <a:lnTo>
                      <a:pt x="1029" y="176"/>
                    </a:lnTo>
                    <a:lnTo>
                      <a:pt x="1029" y="174"/>
                    </a:lnTo>
                    <a:lnTo>
                      <a:pt x="1031" y="174"/>
                    </a:lnTo>
                    <a:lnTo>
                      <a:pt x="1033" y="172"/>
                    </a:lnTo>
                    <a:lnTo>
                      <a:pt x="1035" y="172"/>
                    </a:lnTo>
                    <a:lnTo>
                      <a:pt x="1037" y="172"/>
                    </a:lnTo>
                    <a:lnTo>
                      <a:pt x="1037" y="174"/>
                    </a:lnTo>
                    <a:lnTo>
                      <a:pt x="1039" y="174"/>
                    </a:lnTo>
                    <a:lnTo>
                      <a:pt x="1039" y="172"/>
                    </a:lnTo>
                    <a:lnTo>
                      <a:pt x="1039" y="174"/>
                    </a:lnTo>
                    <a:lnTo>
                      <a:pt x="1039" y="172"/>
                    </a:lnTo>
                    <a:lnTo>
                      <a:pt x="1040" y="172"/>
                    </a:lnTo>
                    <a:lnTo>
                      <a:pt x="1042" y="172"/>
                    </a:lnTo>
                    <a:lnTo>
                      <a:pt x="1042" y="170"/>
                    </a:lnTo>
                    <a:lnTo>
                      <a:pt x="1044" y="170"/>
                    </a:lnTo>
                    <a:lnTo>
                      <a:pt x="1046" y="172"/>
                    </a:lnTo>
                    <a:lnTo>
                      <a:pt x="1048" y="174"/>
                    </a:lnTo>
                    <a:lnTo>
                      <a:pt x="1050" y="174"/>
                    </a:lnTo>
                    <a:lnTo>
                      <a:pt x="1052" y="174"/>
                    </a:lnTo>
                    <a:lnTo>
                      <a:pt x="1053" y="174"/>
                    </a:lnTo>
                    <a:lnTo>
                      <a:pt x="1055" y="174"/>
                    </a:lnTo>
                    <a:lnTo>
                      <a:pt x="1059" y="174"/>
                    </a:lnTo>
                    <a:lnTo>
                      <a:pt x="1061" y="174"/>
                    </a:lnTo>
                    <a:lnTo>
                      <a:pt x="1063" y="174"/>
                    </a:lnTo>
                    <a:lnTo>
                      <a:pt x="1065" y="174"/>
                    </a:lnTo>
                    <a:lnTo>
                      <a:pt x="1066" y="174"/>
                    </a:lnTo>
                    <a:lnTo>
                      <a:pt x="1068" y="174"/>
                    </a:lnTo>
                    <a:lnTo>
                      <a:pt x="1070" y="174"/>
                    </a:lnTo>
                    <a:lnTo>
                      <a:pt x="1070" y="176"/>
                    </a:lnTo>
                    <a:lnTo>
                      <a:pt x="1072" y="176"/>
                    </a:lnTo>
                    <a:lnTo>
                      <a:pt x="1074" y="174"/>
                    </a:lnTo>
                    <a:lnTo>
                      <a:pt x="1074" y="176"/>
                    </a:lnTo>
                    <a:lnTo>
                      <a:pt x="1076" y="176"/>
                    </a:lnTo>
                    <a:lnTo>
                      <a:pt x="1076" y="174"/>
                    </a:lnTo>
                    <a:lnTo>
                      <a:pt x="1076" y="176"/>
                    </a:lnTo>
                    <a:lnTo>
                      <a:pt x="1077" y="176"/>
                    </a:lnTo>
                    <a:lnTo>
                      <a:pt x="1076" y="176"/>
                    </a:lnTo>
                    <a:lnTo>
                      <a:pt x="1077" y="176"/>
                    </a:lnTo>
                    <a:lnTo>
                      <a:pt x="1079" y="176"/>
                    </a:lnTo>
                    <a:lnTo>
                      <a:pt x="1079" y="178"/>
                    </a:lnTo>
                    <a:lnTo>
                      <a:pt x="1083" y="180"/>
                    </a:lnTo>
                    <a:lnTo>
                      <a:pt x="1085" y="180"/>
                    </a:lnTo>
                    <a:lnTo>
                      <a:pt x="1085" y="182"/>
                    </a:lnTo>
                    <a:lnTo>
                      <a:pt x="1087" y="182"/>
                    </a:lnTo>
                    <a:lnTo>
                      <a:pt x="1087" y="180"/>
                    </a:lnTo>
                    <a:lnTo>
                      <a:pt x="1087" y="182"/>
                    </a:lnTo>
                    <a:lnTo>
                      <a:pt x="1089" y="183"/>
                    </a:lnTo>
                    <a:lnTo>
                      <a:pt x="1087" y="183"/>
                    </a:lnTo>
                    <a:lnTo>
                      <a:pt x="1089" y="185"/>
                    </a:lnTo>
                    <a:lnTo>
                      <a:pt x="1090" y="185"/>
                    </a:lnTo>
                    <a:lnTo>
                      <a:pt x="1090" y="183"/>
                    </a:lnTo>
                    <a:lnTo>
                      <a:pt x="1092" y="183"/>
                    </a:lnTo>
                    <a:lnTo>
                      <a:pt x="1094" y="182"/>
                    </a:lnTo>
                    <a:lnTo>
                      <a:pt x="1096" y="182"/>
                    </a:lnTo>
                    <a:lnTo>
                      <a:pt x="1098" y="182"/>
                    </a:lnTo>
                    <a:lnTo>
                      <a:pt x="1098" y="183"/>
                    </a:lnTo>
                    <a:lnTo>
                      <a:pt x="1098" y="185"/>
                    </a:lnTo>
                    <a:lnTo>
                      <a:pt x="1098" y="183"/>
                    </a:lnTo>
                    <a:lnTo>
                      <a:pt x="1098" y="185"/>
                    </a:lnTo>
                    <a:lnTo>
                      <a:pt x="1098" y="187"/>
                    </a:lnTo>
                    <a:lnTo>
                      <a:pt x="1100" y="187"/>
                    </a:lnTo>
                    <a:lnTo>
                      <a:pt x="1101" y="187"/>
                    </a:lnTo>
                    <a:lnTo>
                      <a:pt x="1101" y="189"/>
                    </a:lnTo>
                    <a:lnTo>
                      <a:pt x="1101" y="187"/>
                    </a:lnTo>
                    <a:lnTo>
                      <a:pt x="1101" y="189"/>
                    </a:lnTo>
                    <a:lnTo>
                      <a:pt x="1103" y="189"/>
                    </a:lnTo>
                    <a:lnTo>
                      <a:pt x="1103" y="191"/>
                    </a:lnTo>
                    <a:lnTo>
                      <a:pt x="1105" y="191"/>
                    </a:lnTo>
                    <a:lnTo>
                      <a:pt x="1105" y="193"/>
                    </a:lnTo>
                    <a:lnTo>
                      <a:pt x="1107" y="193"/>
                    </a:lnTo>
                    <a:lnTo>
                      <a:pt x="1109" y="194"/>
                    </a:lnTo>
                    <a:lnTo>
                      <a:pt x="1111" y="194"/>
                    </a:lnTo>
                    <a:lnTo>
                      <a:pt x="1113" y="194"/>
                    </a:lnTo>
                    <a:lnTo>
                      <a:pt x="1113" y="196"/>
                    </a:lnTo>
                    <a:lnTo>
                      <a:pt x="1114" y="196"/>
                    </a:lnTo>
                    <a:lnTo>
                      <a:pt x="1114" y="198"/>
                    </a:lnTo>
                    <a:lnTo>
                      <a:pt x="1116" y="198"/>
                    </a:lnTo>
                    <a:lnTo>
                      <a:pt x="1118" y="200"/>
                    </a:lnTo>
                    <a:lnTo>
                      <a:pt x="1120" y="200"/>
                    </a:lnTo>
                    <a:lnTo>
                      <a:pt x="1120" y="202"/>
                    </a:lnTo>
                    <a:lnTo>
                      <a:pt x="1122" y="202"/>
                    </a:lnTo>
                    <a:lnTo>
                      <a:pt x="1124" y="202"/>
                    </a:lnTo>
                    <a:lnTo>
                      <a:pt x="1126" y="204"/>
                    </a:lnTo>
                    <a:lnTo>
                      <a:pt x="1127" y="204"/>
                    </a:lnTo>
                    <a:lnTo>
                      <a:pt x="1129" y="204"/>
                    </a:lnTo>
                    <a:lnTo>
                      <a:pt x="1131" y="204"/>
                    </a:lnTo>
                    <a:lnTo>
                      <a:pt x="1133" y="204"/>
                    </a:lnTo>
                    <a:lnTo>
                      <a:pt x="1133" y="206"/>
                    </a:lnTo>
                    <a:lnTo>
                      <a:pt x="1135" y="206"/>
                    </a:lnTo>
                    <a:lnTo>
                      <a:pt x="1137" y="207"/>
                    </a:lnTo>
                    <a:lnTo>
                      <a:pt x="1138" y="207"/>
                    </a:lnTo>
                    <a:lnTo>
                      <a:pt x="1140" y="207"/>
                    </a:lnTo>
                    <a:lnTo>
                      <a:pt x="1140" y="209"/>
                    </a:lnTo>
                    <a:lnTo>
                      <a:pt x="1142" y="209"/>
                    </a:lnTo>
                    <a:lnTo>
                      <a:pt x="1144" y="209"/>
                    </a:lnTo>
                    <a:lnTo>
                      <a:pt x="1144" y="211"/>
                    </a:lnTo>
                    <a:lnTo>
                      <a:pt x="1146" y="211"/>
                    </a:lnTo>
                    <a:lnTo>
                      <a:pt x="1146" y="213"/>
                    </a:lnTo>
                    <a:lnTo>
                      <a:pt x="1146" y="215"/>
                    </a:lnTo>
                    <a:lnTo>
                      <a:pt x="1144" y="215"/>
                    </a:lnTo>
                    <a:lnTo>
                      <a:pt x="1146" y="217"/>
                    </a:lnTo>
                    <a:lnTo>
                      <a:pt x="1144" y="219"/>
                    </a:lnTo>
                    <a:lnTo>
                      <a:pt x="1144" y="220"/>
                    </a:lnTo>
                    <a:lnTo>
                      <a:pt x="1142" y="220"/>
                    </a:lnTo>
                    <a:lnTo>
                      <a:pt x="1140" y="220"/>
                    </a:lnTo>
                    <a:lnTo>
                      <a:pt x="1138" y="222"/>
                    </a:lnTo>
                    <a:lnTo>
                      <a:pt x="1137" y="222"/>
                    </a:lnTo>
                    <a:lnTo>
                      <a:pt x="1135" y="222"/>
                    </a:lnTo>
                    <a:lnTo>
                      <a:pt x="1133" y="222"/>
                    </a:lnTo>
                    <a:lnTo>
                      <a:pt x="1133" y="224"/>
                    </a:lnTo>
                    <a:lnTo>
                      <a:pt x="1131" y="224"/>
                    </a:lnTo>
                    <a:lnTo>
                      <a:pt x="1129" y="224"/>
                    </a:lnTo>
                    <a:lnTo>
                      <a:pt x="1129" y="226"/>
                    </a:lnTo>
                    <a:lnTo>
                      <a:pt x="1127" y="226"/>
                    </a:lnTo>
                    <a:lnTo>
                      <a:pt x="1126" y="228"/>
                    </a:lnTo>
                    <a:lnTo>
                      <a:pt x="1124" y="228"/>
                    </a:lnTo>
                    <a:lnTo>
                      <a:pt x="1124" y="230"/>
                    </a:lnTo>
                    <a:lnTo>
                      <a:pt x="1124" y="231"/>
                    </a:lnTo>
                    <a:lnTo>
                      <a:pt x="1122" y="230"/>
                    </a:lnTo>
                    <a:lnTo>
                      <a:pt x="1122" y="231"/>
                    </a:lnTo>
                    <a:lnTo>
                      <a:pt x="1120" y="231"/>
                    </a:lnTo>
                    <a:lnTo>
                      <a:pt x="1116" y="233"/>
                    </a:lnTo>
                    <a:lnTo>
                      <a:pt x="1114" y="233"/>
                    </a:lnTo>
                    <a:lnTo>
                      <a:pt x="1114" y="235"/>
                    </a:lnTo>
                    <a:lnTo>
                      <a:pt x="1114" y="237"/>
                    </a:lnTo>
                    <a:lnTo>
                      <a:pt x="1113" y="237"/>
                    </a:lnTo>
                    <a:lnTo>
                      <a:pt x="1111" y="239"/>
                    </a:lnTo>
                    <a:lnTo>
                      <a:pt x="1109" y="239"/>
                    </a:lnTo>
                    <a:lnTo>
                      <a:pt x="1107" y="239"/>
                    </a:lnTo>
                    <a:lnTo>
                      <a:pt x="1107" y="241"/>
                    </a:lnTo>
                    <a:lnTo>
                      <a:pt x="1105" y="241"/>
                    </a:lnTo>
                    <a:lnTo>
                      <a:pt x="1103" y="243"/>
                    </a:lnTo>
                    <a:lnTo>
                      <a:pt x="1101" y="243"/>
                    </a:lnTo>
                    <a:lnTo>
                      <a:pt x="1100" y="244"/>
                    </a:lnTo>
                    <a:lnTo>
                      <a:pt x="1098" y="246"/>
                    </a:lnTo>
                    <a:lnTo>
                      <a:pt x="1096" y="246"/>
                    </a:lnTo>
                    <a:lnTo>
                      <a:pt x="1094" y="246"/>
                    </a:lnTo>
                    <a:lnTo>
                      <a:pt x="1094" y="248"/>
                    </a:lnTo>
                    <a:lnTo>
                      <a:pt x="1092" y="248"/>
                    </a:lnTo>
                    <a:lnTo>
                      <a:pt x="1090" y="250"/>
                    </a:lnTo>
                    <a:lnTo>
                      <a:pt x="1089" y="250"/>
                    </a:lnTo>
                    <a:lnTo>
                      <a:pt x="1089" y="252"/>
                    </a:lnTo>
                    <a:lnTo>
                      <a:pt x="1089" y="254"/>
                    </a:lnTo>
                    <a:lnTo>
                      <a:pt x="1090" y="256"/>
                    </a:lnTo>
                    <a:lnTo>
                      <a:pt x="1089" y="257"/>
                    </a:lnTo>
                    <a:lnTo>
                      <a:pt x="1089" y="259"/>
                    </a:lnTo>
                    <a:lnTo>
                      <a:pt x="1090" y="259"/>
                    </a:lnTo>
                    <a:lnTo>
                      <a:pt x="1092" y="261"/>
                    </a:lnTo>
                    <a:lnTo>
                      <a:pt x="1092" y="259"/>
                    </a:lnTo>
                    <a:lnTo>
                      <a:pt x="1096" y="261"/>
                    </a:lnTo>
                    <a:lnTo>
                      <a:pt x="1096" y="263"/>
                    </a:lnTo>
                    <a:lnTo>
                      <a:pt x="1098" y="263"/>
                    </a:lnTo>
                    <a:lnTo>
                      <a:pt x="1100" y="263"/>
                    </a:lnTo>
                    <a:lnTo>
                      <a:pt x="1100" y="265"/>
                    </a:lnTo>
                    <a:lnTo>
                      <a:pt x="1101" y="265"/>
                    </a:lnTo>
                    <a:lnTo>
                      <a:pt x="1100" y="265"/>
                    </a:lnTo>
                    <a:lnTo>
                      <a:pt x="1100" y="267"/>
                    </a:lnTo>
                    <a:lnTo>
                      <a:pt x="1101" y="267"/>
                    </a:lnTo>
                    <a:lnTo>
                      <a:pt x="1103" y="267"/>
                    </a:lnTo>
                    <a:lnTo>
                      <a:pt x="1105" y="267"/>
                    </a:lnTo>
                    <a:lnTo>
                      <a:pt x="1107" y="268"/>
                    </a:lnTo>
                    <a:lnTo>
                      <a:pt x="1109" y="270"/>
                    </a:lnTo>
                    <a:lnTo>
                      <a:pt x="1113" y="272"/>
                    </a:lnTo>
                    <a:lnTo>
                      <a:pt x="1111" y="272"/>
                    </a:lnTo>
                    <a:lnTo>
                      <a:pt x="1109" y="272"/>
                    </a:lnTo>
                    <a:lnTo>
                      <a:pt x="1107" y="274"/>
                    </a:lnTo>
                    <a:lnTo>
                      <a:pt x="1105" y="274"/>
                    </a:lnTo>
                    <a:lnTo>
                      <a:pt x="1105" y="276"/>
                    </a:lnTo>
                    <a:lnTo>
                      <a:pt x="1103" y="276"/>
                    </a:lnTo>
                    <a:lnTo>
                      <a:pt x="1103" y="278"/>
                    </a:lnTo>
                    <a:lnTo>
                      <a:pt x="1101" y="278"/>
                    </a:lnTo>
                    <a:lnTo>
                      <a:pt x="1100" y="278"/>
                    </a:lnTo>
                    <a:lnTo>
                      <a:pt x="1098" y="278"/>
                    </a:lnTo>
                    <a:lnTo>
                      <a:pt x="1096" y="278"/>
                    </a:lnTo>
                    <a:lnTo>
                      <a:pt x="1094" y="278"/>
                    </a:lnTo>
                    <a:lnTo>
                      <a:pt x="1094" y="280"/>
                    </a:lnTo>
                    <a:lnTo>
                      <a:pt x="1092" y="280"/>
                    </a:lnTo>
                    <a:lnTo>
                      <a:pt x="1092" y="278"/>
                    </a:lnTo>
                    <a:lnTo>
                      <a:pt x="1090" y="278"/>
                    </a:lnTo>
                    <a:lnTo>
                      <a:pt x="1090" y="280"/>
                    </a:lnTo>
                    <a:lnTo>
                      <a:pt x="1089" y="280"/>
                    </a:lnTo>
                    <a:lnTo>
                      <a:pt x="1087" y="280"/>
                    </a:lnTo>
                    <a:lnTo>
                      <a:pt x="1087" y="281"/>
                    </a:lnTo>
                    <a:lnTo>
                      <a:pt x="1085" y="281"/>
                    </a:lnTo>
                    <a:lnTo>
                      <a:pt x="1083" y="281"/>
                    </a:lnTo>
                    <a:lnTo>
                      <a:pt x="1081" y="283"/>
                    </a:lnTo>
                    <a:lnTo>
                      <a:pt x="1081" y="285"/>
                    </a:lnTo>
                    <a:lnTo>
                      <a:pt x="1079" y="285"/>
                    </a:lnTo>
                    <a:lnTo>
                      <a:pt x="1079" y="287"/>
                    </a:lnTo>
                    <a:lnTo>
                      <a:pt x="1077" y="287"/>
                    </a:lnTo>
                    <a:lnTo>
                      <a:pt x="1076" y="289"/>
                    </a:lnTo>
                    <a:lnTo>
                      <a:pt x="1074" y="289"/>
                    </a:lnTo>
                    <a:lnTo>
                      <a:pt x="1072" y="291"/>
                    </a:lnTo>
                    <a:lnTo>
                      <a:pt x="1070" y="291"/>
                    </a:lnTo>
                    <a:lnTo>
                      <a:pt x="1070" y="293"/>
                    </a:lnTo>
                    <a:lnTo>
                      <a:pt x="1072" y="293"/>
                    </a:lnTo>
                    <a:lnTo>
                      <a:pt x="1072" y="294"/>
                    </a:lnTo>
                    <a:lnTo>
                      <a:pt x="1074" y="294"/>
                    </a:lnTo>
                    <a:lnTo>
                      <a:pt x="1072" y="294"/>
                    </a:lnTo>
                    <a:lnTo>
                      <a:pt x="1070" y="294"/>
                    </a:lnTo>
                    <a:lnTo>
                      <a:pt x="1068" y="294"/>
                    </a:lnTo>
                    <a:lnTo>
                      <a:pt x="1066" y="296"/>
                    </a:lnTo>
                    <a:lnTo>
                      <a:pt x="1066" y="298"/>
                    </a:lnTo>
                    <a:lnTo>
                      <a:pt x="1065" y="298"/>
                    </a:lnTo>
                    <a:lnTo>
                      <a:pt x="1063" y="298"/>
                    </a:lnTo>
                    <a:lnTo>
                      <a:pt x="1061" y="298"/>
                    </a:lnTo>
                    <a:lnTo>
                      <a:pt x="1061" y="300"/>
                    </a:lnTo>
                    <a:lnTo>
                      <a:pt x="1061" y="302"/>
                    </a:lnTo>
                    <a:lnTo>
                      <a:pt x="1059" y="302"/>
                    </a:lnTo>
                    <a:lnTo>
                      <a:pt x="1057" y="304"/>
                    </a:lnTo>
                    <a:lnTo>
                      <a:pt x="1057" y="305"/>
                    </a:lnTo>
                    <a:lnTo>
                      <a:pt x="1055" y="305"/>
                    </a:lnTo>
                    <a:lnTo>
                      <a:pt x="1053" y="305"/>
                    </a:lnTo>
                    <a:lnTo>
                      <a:pt x="1052" y="305"/>
                    </a:lnTo>
                    <a:lnTo>
                      <a:pt x="1052" y="307"/>
                    </a:lnTo>
                    <a:lnTo>
                      <a:pt x="1050" y="307"/>
                    </a:lnTo>
                    <a:lnTo>
                      <a:pt x="1048" y="307"/>
                    </a:lnTo>
                    <a:lnTo>
                      <a:pt x="1048" y="309"/>
                    </a:lnTo>
                    <a:lnTo>
                      <a:pt x="1046" y="309"/>
                    </a:lnTo>
                    <a:lnTo>
                      <a:pt x="1046" y="311"/>
                    </a:lnTo>
                    <a:lnTo>
                      <a:pt x="1046" y="309"/>
                    </a:lnTo>
                    <a:lnTo>
                      <a:pt x="1044" y="309"/>
                    </a:lnTo>
                    <a:lnTo>
                      <a:pt x="1044" y="311"/>
                    </a:lnTo>
                    <a:lnTo>
                      <a:pt x="1044" y="313"/>
                    </a:lnTo>
                    <a:lnTo>
                      <a:pt x="1042" y="313"/>
                    </a:lnTo>
                    <a:lnTo>
                      <a:pt x="1040" y="315"/>
                    </a:lnTo>
                    <a:lnTo>
                      <a:pt x="1042" y="315"/>
                    </a:lnTo>
                    <a:lnTo>
                      <a:pt x="1040" y="315"/>
                    </a:lnTo>
                    <a:lnTo>
                      <a:pt x="1040" y="317"/>
                    </a:lnTo>
                    <a:lnTo>
                      <a:pt x="1039" y="317"/>
                    </a:lnTo>
                    <a:lnTo>
                      <a:pt x="1040" y="317"/>
                    </a:lnTo>
                    <a:lnTo>
                      <a:pt x="1039" y="317"/>
                    </a:lnTo>
                    <a:lnTo>
                      <a:pt x="1037" y="317"/>
                    </a:lnTo>
                    <a:lnTo>
                      <a:pt x="1037" y="318"/>
                    </a:lnTo>
                    <a:lnTo>
                      <a:pt x="1035" y="317"/>
                    </a:lnTo>
                    <a:lnTo>
                      <a:pt x="1033" y="318"/>
                    </a:lnTo>
                    <a:lnTo>
                      <a:pt x="1033" y="317"/>
                    </a:lnTo>
                    <a:lnTo>
                      <a:pt x="1033" y="315"/>
                    </a:lnTo>
                    <a:lnTo>
                      <a:pt x="1031" y="315"/>
                    </a:lnTo>
                    <a:lnTo>
                      <a:pt x="1029" y="313"/>
                    </a:lnTo>
                    <a:lnTo>
                      <a:pt x="1029" y="315"/>
                    </a:lnTo>
                    <a:lnTo>
                      <a:pt x="1028" y="315"/>
                    </a:lnTo>
                    <a:lnTo>
                      <a:pt x="1028" y="313"/>
                    </a:lnTo>
                    <a:lnTo>
                      <a:pt x="1029" y="313"/>
                    </a:lnTo>
                    <a:lnTo>
                      <a:pt x="1029" y="311"/>
                    </a:lnTo>
                    <a:lnTo>
                      <a:pt x="1029" y="309"/>
                    </a:lnTo>
                    <a:lnTo>
                      <a:pt x="1029" y="307"/>
                    </a:lnTo>
                    <a:lnTo>
                      <a:pt x="1031" y="307"/>
                    </a:lnTo>
                    <a:lnTo>
                      <a:pt x="1029" y="305"/>
                    </a:lnTo>
                    <a:lnTo>
                      <a:pt x="1028" y="305"/>
                    </a:lnTo>
                    <a:lnTo>
                      <a:pt x="1028" y="304"/>
                    </a:lnTo>
                    <a:lnTo>
                      <a:pt x="1026" y="304"/>
                    </a:lnTo>
                    <a:lnTo>
                      <a:pt x="1026" y="305"/>
                    </a:lnTo>
                    <a:lnTo>
                      <a:pt x="1024" y="305"/>
                    </a:lnTo>
                    <a:lnTo>
                      <a:pt x="1022" y="305"/>
                    </a:lnTo>
                    <a:lnTo>
                      <a:pt x="1020" y="305"/>
                    </a:lnTo>
                    <a:lnTo>
                      <a:pt x="1018" y="305"/>
                    </a:lnTo>
                    <a:lnTo>
                      <a:pt x="1016" y="305"/>
                    </a:lnTo>
                    <a:lnTo>
                      <a:pt x="1015" y="307"/>
                    </a:lnTo>
                    <a:lnTo>
                      <a:pt x="1013" y="307"/>
                    </a:lnTo>
                    <a:lnTo>
                      <a:pt x="1011" y="307"/>
                    </a:lnTo>
                    <a:lnTo>
                      <a:pt x="1011" y="309"/>
                    </a:lnTo>
                    <a:lnTo>
                      <a:pt x="1009" y="309"/>
                    </a:lnTo>
                    <a:lnTo>
                      <a:pt x="1007" y="309"/>
                    </a:lnTo>
                    <a:lnTo>
                      <a:pt x="1005" y="309"/>
                    </a:lnTo>
                    <a:lnTo>
                      <a:pt x="1004" y="311"/>
                    </a:lnTo>
                    <a:lnTo>
                      <a:pt x="1002" y="311"/>
                    </a:lnTo>
                    <a:lnTo>
                      <a:pt x="998" y="311"/>
                    </a:lnTo>
                    <a:lnTo>
                      <a:pt x="996" y="311"/>
                    </a:lnTo>
                    <a:lnTo>
                      <a:pt x="996" y="313"/>
                    </a:lnTo>
                    <a:lnTo>
                      <a:pt x="996" y="311"/>
                    </a:lnTo>
                    <a:lnTo>
                      <a:pt x="994" y="311"/>
                    </a:lnTo>
                    <a:lnTo>
                      <a:pt x="994" y="313"/>
                    </a:lnTo>
                    <a:lnTo>
                      <a:pt x="992" y="313"/>
                    </a:lnTo>
                    <a:lnTo>
                      <a:pt x="991" y="313"/>
                    </a:lnTo>
                    <a:lnTo>
                      <a:pt x="987" y="315"/>
                    </a:lnTo>
                    <a:lnTo>
                      <a:pt x="985" y="315"/>
                    </a:lnTo>
                    <a:lnTo>
                      <a:pt x="983" y="315"/>
                    </a:lnTo>
                    <a:lnTo>
                      <a:pt x="981" y="317"/>
                    </a:lnTo>
                    <a:lnTo>
                      <a:pt x="979" y="318"/>
                    </a:lnTo>
                    <a:lnTo>
                      <a:pt x="979" y="320"/>
                    </a:lnTo>
                    <a:lnTo>
                      <a:pt x="978" y="324"/>
                    </a:lnTo>
                    <a:lnTo>
                      <a:pt x="976" y="324"/>
                    </a:lnTo>
                    <a:lnTo>
                      <a:pt x="976" y="326"/>
                    </a:lnTo>
                    <a:lnTo>
                      <a:pt x="976" y="328"/>
                    </a:lnTo>
                    <a:lnTo>
                      <a:pt x="974" y="328"/>
                    </a:lnTo>
                    <a:lnTo>
                      <a:pt x="974" y="330"/>
                    </a:lnTo>
                    <a:lnTo>
                      <a:pt x="976" y="330"/>
                    </a:lnTo>
                    <a:lnTo>
                      <a:pt x="974" y="333"/>
                    </a:lnTo>
                    <a:lnTo>
                      <a:pt x="974" y="335"/>
                    </a:lnTo>
                    <a:lnTo>
                      <a:pt x="974" y="337"/>
                    </a:lnTo>
                    <a:lnTo>
                      <a:pt x="972" y="337"/>
                    </a:lnTo>
                    <a:lnTo>
                      <a:pt x="972" y="339"/>
                    </a:lnTo>
                    <a:lnTo>
                      <a:pt x="974" y="339"/>
                    </a:lnTo>
                    <a:lnTo>
                      <a:pt x="974" y="341"/>
                    </a:lnTo>
                    <a:lnTo>
                      <a:pt x="974" y="342"/>
                    </a:lnTo>
                    <a:lnTo>
                      <a:pt x="974" y="344"/>
                    </a:lnTo>
                    <a:lnTo>
                      <a:pt x="974" y="355"/>
                    </a:lnTo>
                    <a:lnTo>
                      <a:pt x="976" y="355"/>
                    </a:lnTo>
                    <a:lnTo>
                      <a:pt x="976" y="357"/>
                    </a:lnTo>
                    <a:lnTo>
                      <a:pt x="976" y="359"/>
                    </a:lnTo>
                    <a:lnTo>
                      <a:pt x="974" y="359"/>
                    </a:lnTo>
                    <a:lnTo>
                      <a:pt x="974" y="361"/>
                    </a:lnTo>
                    <a:lnTo>
                      <a:pt x="972" y="361"/>
                    </a:lnTo>
                    <a:lnTo>
                      <a:pt x="970" y="363"/>
                    </a:lnTo>
                    <a:lnTo>
                      <a:pt x="970" y="365"/>
                    </a:lnTo>
                    <a:lnTo>
                      <a:pt x="970" y="367"/>
                    </a:lnTo>
                    <a:lnTo>
                      <a:pt x="968" y="367"/>
                    </a:lnTo>
                    <a:lnTo>
                      <a:pt x="968" y="368"/>
                    </a:lnTo>
                    <a:lnTo>
                      <a:pt x="970" y="368"/>
                    </a:lnTo>
                    <a:lnTo>
                      <a:pt x="970" y="370"/>
                    </a:lnTo>
                    <a:lnTo>
                      <a:pt x="968" y="379"/>
                    </a:lnTo>
                    <a:lnTo>
                      <a:pt x="968" y="381"/>
                    </a:lnTo>
                    <a:lnTo>
                      <a:pt x="970" y="381"/>
                    </a:lnTo>
                    <a:lnTo>
                      <a:pt x="970" y="383"/>
                    </a:lnTo>
                    <a:lnTo>
                      <a:pt x="968" y="383"/>
                    </a:lnTo>
                    <a:lnTo>
                      <a:pt x="968" y="385"/>
                    </a:lnTo>
                    <a:lnTo>
                      <a:pt x="970" y="385"/>
                    </a:lnTo>
                    <a:lnTo>
                      <a:pt x="970" y="387"/>
                    </a:lnTo>
                    <a:lnTo>
                      <a:pt x="972" y="398"/>
                    </a:lnTo>
                    <a:lnTo>
                      <a:pt x="974" y="398"/>
                    </a:lnTo>
                    <a:lnTo>
                      <a:pt x="974" y="400"/>
                    </a:lnTo>
                    <a:lnTo>
                      <a:pt x="974" y="404"/>
                    </a:lnTo>
                    <a:lnTo>
                      <a:pt x="974" y="405"/>
                    </a:lnTo>
                    <a:lnTo>
                      <a:pt x="974" y="407"/>
                    </a:lnTo>
                    <a:lnTo>
                      <a:pt x="974" y="409"/>
                    </a:lnTo>
                    <a:lnTo>
                      <a:pt x="974" y="411"/>
                    </a:lnTo>
                    <a:lnTo>
                      <a:pt x="974" y="413"/>
                    </a:lnTo>
                    <a:lnTo>
                      <a:pt x="974" y="418"/>
                    </a:lnTo>
                    <a:lnTo>
                      <a:pt x="974" y="428"/>
                    </a:lnTo>
                    <a:lnTo>
                      <a:pt x="974" y="433"/>
                    </a:lnTo>
                    <a:lnTo>
                      <a:pt x="974" y="435"/>
                    </a:lnTo>
                    <a:lnTo>
                      <a:pt x="974" y="439"/>
                    </a:lnTo>
                    <a:lnTo>
                      <a:pt x="976" y="439"/>
                    </a:lnTo>
                    <a:lnTo>
                      <a:pt x="976" y="441"/>
                    </a:lnTo>
                    <a:lnTo>
                      <a:pt x="974" y="441"/>
                    </a:lnTo>
                    <a:lnTo>
                      <a:pt x="974" y="442"/>
                    </a:lnTo>
                    <a:lnTo>
                      <a:pt x="974" y="444"/>
                    </a:lnTo>
                    <a:lnTo>
                      <a:pt x="974" y="446"/>
                    </a:lnTo>
                    <a:lnTo>
                      <a:pt x="974" y="448"/>
                    </a:lnTo>
                    <a:lnTo>
                      <a:pt x="972" y="450"/>
                    </a:lnTo>
                    <a:lnTo>
                      <a:pt x="972" y="448"/>
                    </a:lnTo>
                    <a:lnTo>
                      <a:pt x="972" y="450"/>
                    </a:lnTo>
                    <a:lnTo>
                      <a:pt x="972" y="452"/>
                    </a:lnTo>
                    <a:lnTo>
                      <a:pt x="972" y="453"/>
                    </a:lnTo>
                    <a:lnTo>
                      <a:pt x="970" y="453"/>
                    </a:lnTo>
                    <a:lnTo>
                      <a:pt x="970" y="455"/>
                    </a:lnTo>
                    <a:lnTo>
                      <a:pt x="972" y="455"/>
                    </a:lnTo>
                    <a:lnTo>
                      <a:pt x="972" y="457"/>
                    </a:lnTo>
                    <a:lnTo>
                      <a:pt x="970" y="466"/>
                    </a:lnTo>
                    <a:lnTo>
                      <a:pt x="970" y="468"/>
                    </a:lnTo>
                    <a:lnTo>
                      <a:pt x="970" y="470"/>
                    </a:lnTo>
                    <a:lnTo>
                      <a:pt x="970" y="472"/>
                    </a:lnTo>
                    <a:lnTo>
                      <a:pt x="968" y="472"/>
                    </a:lnTo>
                    <a:lnTo>
                      <a:pt x="970" y="472"/>
                    </a:lnTo>
                    <a:lnTo>
                      <a:pt x="968" y="472"/>
                    </a:lnTo>
                    <a:lnTo>
                      <a:pt x="967" y="472"/>
                    </a:lnTo>
                    <a:lnTo>
                      <a:pt x="967" y="474"/>
                    </a:lnTo>
                    <a:lnTo>
                      <a:pt x="967" y="476"/>
                    </a:lnTo>
                    <a:lnTo>
                      <a:pt x="968" y="476"/>
                    </a:lnTo>
                    <a:lnTo>
                      <a:pt x="967" y="476"/>
                    </a:lnTo>
                    <a:lnTo>
                      <a:pt x="967" y="477"/>
                    </a:lnTo>
                    <a:lnTo>
                      <a:pt x="965" y="477"/>
                    </a:lnTo>
                    <a:lnTo>
                      <a:pt x="965" y="479"/>
                    </a:lnTo>
                    <a:lnTo>
                      <a:pt x="963" y="479"/>
                    </a:lnTo>
                    <a:lnTo>
                      <a:pt x="963" y="481"/>
                    </a:lnTo>
                    <a:lnTo>
                      <a:pt x="963" y="483"/>
                    </a:lnTo>
                    <a:lnTo>
                      <a:pt x="961" y="483"/>
                    </a:lnTo>
                    <a:lnTo>
                      <a:pt x="963" y="483"/>
                    </a:lnTo>
                    <a:lnTo>
                      <a:pt x="963" y="485"/>
                    </a:lnTo>
                    <a:lnTo>
                      <a:pt x="963" y="487"/>
                    </a:lnTo>
                    <a:lnTo>
                      <a:pt x="963" y="489"/>
                    </a:lnTo>
                    <a:lnTo>
                      <a:pt x="965" y="489"/>
                    </a:lnTo>
                    <a:lnTo>
                      <a:pt x="965" y="490"/>
                    </a:lnTo>
                    <a:lnTo>
                      <a:pt x="965" y="492"/>
                    </a:lnTo>
                    <a:lnTo>
                      <a:pt x="967" y="492"/>
                    </a:lnTo>
                    <a:lnTo>
                      <a:pt x="967" y="494"/>
                    </a:lnTo>
                    <a:lnTo>
                      <a:pt x="967" y="496"/>
                    </a:lnTo>
                    <a:lnTo>
                      <a:pt x="967" y="498"/>
                    </a:lnTo>
                    <a:lnTo>
                      <a:pt x="965" y="500"/>
                    </a:lnTo>
                    <a:lnTo>
                      <a:pt x="963" y="500"/>
                    </a:lnTo>
                    <a:lnTo>
                      <a:pt x="963" y="502"/>
                    </a:lnTo>
                    <a:lnTo>
                      <a:pt x="961" y="502"/>
                    </a:lnTo>
                    <a:lnTo>
                      <a:pt x="959" y="502"/>
                    </a:lnTo>
                    <a:lnTo>
                      <a:pt x="959" y="503"/>
                    </a:lnTo>
                    <a:lnTo>
                      <a:pt x="959" y="505"/>
                    </a:lnTo>
                    <a:lnTo>
                      <a:pt x="957" y="505"/>
                    </a:lnTo>
                    <a:lnTo>
                      <a:pt x="959" y="507"/>
                    </a:lnTo>
                    <a:lnTo>
                      <a:pt x="959" y="509"/>
                    </a:lnTo>
                    <a:lnTo>
                      <a:pt x="959" y="511"/>
                    </a:lnTo>
                    <a:lnTo>
                      <a:pt x="959" y="513"/>
                    </a:lnTo>
                    <a:lnTo>
                      <a:pt x="959" y="514"/>
                    </a:lnTo>
                    <a:lnTo>
                      <a:pt x="959" y="516"/>
                    </a:lnTo>
                    <a:lnTo>
                      <a:pt x="959" y="520"/>
                    </a:lnTo>
                    <a:lnTo>
                      <a:pt x="957" y="524"/>
                    </a:lnTo>
                    <a:lnTo>
                      <a:pt x="955" y="526"/>
                    </a:lnTo>
                    <a:lnTo>
                      <a:pt x="955" y="529"/>
                    </a:lnTo>
                    <a:lnTo>
                      <a:pt x="955" y="531"/>
                    </a:lnTo>
                    <a:lnTo>
                      <a:pt x="957" y="531"/>
                    </a:lnTo>
                    <a:lnTo>
                      <a:pt x="957" y="533"/>
                    </a:lnTo>
                    <a:lnTo>
                      <a:pt x="955" y="535"/>
                    </a:lnTo>
                    <a:lnTo>
                      <a:pt x="955" y="539"/>
                    </a:lnTo>
                    <a:lnTo>
                      <a:pt x="954" y="542"/>
                    </a:lnTo>
                    <a:lnTo>
                      <a:pt x="952" y="544"/>
                    </a:lnTo>
                    <a:lnTo>
                      <a:pt x="950" y="546"/>
                    </a:lnTo>
                    <a:lnTo>
                      <a:pt x="948" y="546"/>
                    </a:lnTo>
                    <a:lnTo>
                      <a:pt x="948" y="548"/>
                    </a:lnTo>
                    <a:lnTo>
                      <a:pt x="946" y="550"/>
                    </a:lnTo>
                    <a:lnTo>
                      <a:pt x="946" y="551"/>
                    </a:lnTo>
                    <a:lnTo>
                      <a:pt x="946" y="553"/>
                    </a:lnTo>
                    <a:lnTo>
                      <a:pt x="944" y="553"/>
                    </a:lnTo>
                    <a:lnTo>
                      <a:pt x="944" y="555"/>
                    </a:lnTo>
                    <a:lnTo>
                      <a:pt x="943" y="555"/>
                    </a:lnTo>
                    <a:lnTo>
                      <a:pt x="943" y="557"/>
                    </a:lnTo>
                    <a:lnTo>
                      <a:pt x="943" y="559"/>
                    </a:lnTo>
                    <a:lnTo>
                      <a:pt x="941" y="559"/>
                    </a:lnTo>
                    <a:lnTo>
                      <a:pt x="941" y="561"/>
                    </a:lnTo>
                    <a:lnTo>
                      <a:pt x="941" y="563"/>
                    </a:lnTo>
                    <a:lnTo>
                      <a:pt x="939" y="563"/>
                    </a:lnTo>
                    <a:lnTo>
                      <a:pt x="939" y="564"/>
                    </a:lnTo>
                    <a:lnTo>
                      <a:pt x="939" y="566"/>
                    </a:lnTo>
                    <a:lnTo>
                      <a:pt x="937" y="566"/>
                    </a:lnTo>
                    <a:lnTo>
                      <a:pt x="937" y="568"/>
                    </a:lnTo>
                    <a:lnTo>
                      <a:pt x="935" y="570"/>
                    </a:lnTo>
                    <a:lnTo>
                      <a:pt x="933" y="570"/>
                    </a:lnTo>
                    <a:lnTo>
                      <a:pt x="933" y="572"/>
                    </a:lnTo>
                    <a:lnTo>
                      <a:pt x="931" y="572"/>
                    </a:lnTo>
                    <a:lnTo>
                      <a:pt x="931" y="574"/>
                    </a:lnTo>
                    <a:lnTo>
                      <a:pt x="930" y="574"/>
                    </a:lnTo>
                    <a:lnTo>
                      <a:pt x="928" y="576"/>
                    </a:lnTo>
                    <a:lnTo>
                      <a:pt x="928" y="577"/>
                    </a:lnTo>
                    <a:lnTo>
                      <a:pt x="926" y="577"/>
                    </a:lnTo>
                    <a:lnTo>
                      <a:pt x="926" y="579"/>
                    </a:lnTo>
                    <a:lnTo>
                      <a:pt x="924" y="581"/>
                    </a:lnTo>
                    <a:lnTo>
                      <a:pt x="922" y="581"/>
                    </a:lnTo>
                    <a:lnTo>
                      <a:pt x="922" y="583"/>
                    </a:lnTo>
                    <a:lnTo>
                      <a:pt x="920" y="583"/>
                    </a:lnTo>
                    <a:lnTo>
                      <a:pt x="920" y="585"/>
                    </a:lnTo>
                    <a:lnTo>
                      <a:pt x="918" y="585"/>
                    </a:lnTo>
                    <a:lnTo>
                      <a:pt x="917" y="585"/>
                    </a:lnTo>
                    <a:lnTo>
                      <a:pt x="917" y="587"/>
                    </a:lnTo>
                    <a:lnTo>
                      <a:pt x="915" y="587"/>
                    </a:lnTo>
                    <a:lnTo>
                      <a:pt x="915" y="588"/>
                    </a:lnTo>
                    <a:lnTo>
                      <a:pt x="913" y="588"/>
                    </a:lnTo>
                    <a:lnTo>
                      <a:pt x="913" y="590"/>
                    </a:lnTo>
                    <a:lnTo>
                      <a:pt x="911" y="590"/>
                    </a:lnTo>
                    <a:lnTo>
                      <a:pt x="909" y="592"/>
                    </a:lnTo>
                    <a:lnTo>
                      <a:pt x="909" y="590"/>
                    </a:lnTo>
                    <a:lnTo>
                      <a:pt x="909" y="592"/>
                    </a:lnTo>
                    <a:lnTo>
                      <a:pt x="907" y="592"/>
                    </a:lnTo>
                    <a:lnTo>
                      <a:pt x="906" y="594"/>
                    </a:lnTo>
                    <a:lnTo>
                      <a:pt x="906" y="596"/>
                    </a:lnTo>
                    <a:lnTo>
                      <a:pt x="906" y="598"/>
                    </a:lnTo>
                    <a:lnTo>
                      <a:pt x="904" y="598"/>
                    </a:lnTo>
                    <a:lnTo>
                      <a:pt x="902" y="600"/>
                    </a:lnTo>
                    <a:lnTo>
                      <a:pt x="902" y="601"/>
                    </a:lnTo>
                    <a:lnTo>
                      <a:pt x="900" y="601"/>
                    </a:lnTo>
                    <a:lnTo>
                      <a:pt x="900" y="603"/>
                    </a:lnTo>
                    <a:lnTo>
                      <a:pt x="898" y="603"/>
                    </a:lnTo>
                    <a:lnTo>
                      <a:pt x="896" y="605"/>
                    </a:lnTo>
                    <a:lnTo>
                      <a:pt x="894" y="605"/>
                    </a:lnTo>
                    <a:lnTo>
                      <a:pt x="894" y="607"/>
                    </a:lnTo>
                    <a:lnTo>
                      <a:pt x="893" y="607"/>
                    </a:lnTo>
                    <a:lnTo>
                      <a:pt x="891" y="609"/>
                    </a:lnTo>
                    <a:lnTo>
                      <a:pt x="891" y="611"/>
                    </a:lnTo>
                    <a:lnTo>
                      <a:pt x="889" y="611"/>
                    </a:lnTo>
                    <a:lnTo>
                      <a:pt x="889" y="613"/>
                    </a:lnTo>
                    <a:lnTo>
                      <a:pt x="889" y="611"/>
                    </a:lnTo>
                    <a:lnTo>
                      <a:pt x="887" y="611"/>
                    </a:lnTo>
                    <a:lnTo>
                      <a:pt x="885" y="613"/>
                    </a:lnTo>
                    <a:lnTo>
                      <a:pt x="883" y="613"/>
                    </a:lnTo>
                    <a:lnTo>
                      <a:pt x="882" y="613"/>
                    </a:lnTo>
                    <a:lnTo>
                      <a:pt x="882" y="614"/>
                    </a:lnTo>
                    <a:lnTo>
                      <a:pt x="880" y="614"/>
                    </a:lnTo>
                    <a:lnTo>
                      <a:pt x="878" y="614"/>
                    </a:lnTo>
                    <a:lnTo>
                      <a:pt x="878" y="616"/>
                    </a:lnTo>
                    <a:lnTo>
                      <a:pt x="876" y="616"/>
                    </a:lnTo>
                    <a:lnTo>
                      <a:pt x="876" y="618"/>
                    </a:lnTo>
                    <a:lnTo>
                      <a:pt x="874" y="618"/>
                    </a:lnTo>
                    <a:lnTo>
                      <a:pt x="874" y="620"/>
                    </a:lnTo>
                    <a:lnTo>
                      <a:pt x="872" y="620"/>
                    </a:lnTo>
                    <a:lnTo>
                      <a:pt x="863" y="618"/>
                    </a:lnTo>
                    <a:lnTo>
                      <a:pt x="861" y="620"/>
                    </a:lnTo>
                    <a:lnTo>
                      <a:pt x="859" y="622"/>
                    </a:lnTo>
                    <a:lnTo>
                      <a:pt x="859" y="620"/>
                    </a:lnTo>
                    <a:lnTo>
                      <a:pt x="857" y="622"/>
                    </a:lnTo>
                    <a:lnTo>
                      <a:pt x="857" y="624"/>
                    </a:lnTo>
                    <a:lnTo>
                      <a:pt x="854" y="624"/>
                    </a:lnTo>
                    <a:lnTo>
                      <a:pt x="854" y="625"/>
                    </a:lnTo>
                    <a:lnTo>
                      <a:pt x="852" y="625"/>
                    </a:lnTo>
                    <a:lnTo>
                      <a:pt x="852" y="627"/>
                    </a:lnTo>
                    <a:lnTo>
                      <a:pt x="850" y="627"/>
                    </a:lnTo>
                    <a:lnTo>
                      <a:pt x="850" y="629"/>
                    </a:lnTo>
                    <a:lnTo>
                      <a:pt x="848" y="631"/>
                    </a:lnTo>
                    <a:lnTo>
                      <a:pt x="846" y="631"/>
                    </a:lnTo>
                    <a:lnTo>
                      <a:pt x="846" y="633"/>
                    </a:lnTo>
                    <a:lnTo>
                      <a:pt x="845" y="635"/>
                    </a:lnTo>
                    <a:lnTo>
                      <a:pt x="845" y="637"/>
                    </a:lnTo>
                    <a:lnTo>
                      <a:pt x="843" y="638"/>
                    </a:lnTo>
                    <a:lnTo>
                      <a:pt x="841" y="638"/>
                    </a:lnTo>
                    <a:lnTo>
                      <a:pt x="841" y="640"/>
                    </a:lnTo>
                    <a:lnTo>
                      <a:pt x="837" y="640"/>
                    </a:lnTo>
                    <a:lnTo>
                      <a:pt x="835" y="640"/>
                    </a:lnTo>
                    <a:lnTo>
                      <a:pt x="833" y="640"/>
                    </a:lnTo>
                    <a:lnTo>
                      <a:pt x="832" y="640"/>
                    </a:lnTo>
                    <a:lnTo>
                      <a:pt x="828" y="642"/>
                    </a:lnTo>
                    <a:lnTo>
                      <a:pt x="826" y="642"/>
                    </a:lnTo>
                    <a:lnTo>
                      <a:pt x="824" y="644"/>
                    </a:lnTo>
                    <a:lnTo>
                      <a:pt x="822" y="644"/>
                    </a:lnTo>
                    <a:lnTo>
                      <a:pt x="821" y="644"/>
                    </a:lnTo>
                    <a:lnTo>
                      <a:pt x="821" y="646"/>
                    </a:lnTo>
                    <a:lnTo>
                      <a:pt x="819" y="646"/>
                    </a:lnTo>
                    <a:lnTo>
                      <a:pt x="817" y="646"/>
                    </a:lnTo>
                    <a:lnTo>
                      <a:pt x="815" y="646"/>
                    </a:lnTo>
                    <a:lnTo>
                      <a:pt x="813" y="648"/>
                    </a:lnTo>
                    <a:lnTo>
                      <a:pt x="808" y="644"/>
                    </a:lnTo>
                    <a:lnTo>
                      <a:pt x="804" y="642"/>
                    </a:lnTo>
                    <a:lnTo>
                      <a:pt x="802" y="642"/>
                    </a:lnTo>
                    <a:lnTo>
                      <a:pt x="802" y="638"/>
                    </a:lnTo>
                    <a:lnTo>
                      <a:pt x="800" y="638"/>
                    </a:lnTo>
                    <a:lnTo>
                      <a:pt x="798" y="637"/>
                    </a:lnTo>
                    <a:lnTo>
                      <a:pt x="796" y="635"/>
                    </a:lnTo>
                    <a:lnTo>
                      <a:pt x="795" y="635"/>
                    </a:lnTo>
                    <a:lnTo>
                      <a:pt x="793" y="635"/>
                    </a:lnTo>
                    <a:lnTo>
                      <a:pt x="793" y="633"/>
                    </a:lnTo>
                    <a:lnTo>
                      <a:pt x="791" y="633"/>
                    </a:lnTo>
                    <a:lnTo>
                      <a:pt x="789" y="633"/>
                    </a:lnTo>
                    <a:lnTo>
                      <a:pt x="789" y="631"/>
                    </a:lnTo>
                    <a:lnTo>
                      <a:pt x="789" y="629"/>
                    </a:lnTo>
                    <a:lnTo>
                      <a:pt x="787" y="629"/>
                    </a:lnTo>
                    <a:lnTo>
                      <a:pt x="785" y="629"/>
                    </a:lnTo>
                    <a:lnTo>
                      <a:pt x="784" y="629"/>
                    </a:lnTo>
                    <a:lnTo>
                      <a:pt x="784" y="627"/>
                    </a:lnTo>
                    <a:lnTo>
                      <a:pt x="782" y="627"/>
                    </a:lnTo>
                    <a:lnTo>
                      <a:pt x="780" y="627"/>
                    </a:lnTo>
                    <a:lnTo>
                      <a:pt x="778" y="627"/>
                    </a:lnTo>
                    <a:lnTo>
                      <a:pt x="776" y="627"/>
                    </a:lnTo>
                    <a:lnTo>
                      <a:pt x="774" y="627"/>
                    </a:lnTo>
                    <a:lnTo>
                      <a:pt x="772" y="627"/>
                    </a:lnTo>
                    <a:lnTo>
                      <a:pt x="771" y="627"/>
                    </a:lnTo>
                    <a:lnTo>
                      <a:pt x="769" y="627"/>
                    </a:lnTo>
                    <a:lnTo>
                      <a:pt x="767" y="627"/>
                    </a:lnTo>
                    <a:lnTo>
                      <a:pt x="767" y="625"/>
                    </a:lnTo>
                    <a:lnTo>
                      <a:pt x="765" y="625"/>
                    </a:lnTo>
                    <a:lnTo>
                      <a:pt x="765" y="624"/>
                    </a:lnTo>
                    <a:lnTo>
                      <a:pt x="763" y="624"/>
                    </a:lnTo>
                    <a:lnTo>
                      <a:pt x="761" y="624"/>
                    </a:lnTo>
                    <a:lnTo>
                      <a:pt x="761" y="622"/>
                    </a:lnTo>
                    <a:lnTo>
                      <a:pt x="760" y="622"/>
                    </a:lnTo>
                    <a:lnTo>
                      <a:pt x="760" y="620"/>
                    </a:lnTo>
                    <a:lnTo>
                      <a:pt x="758" y="620"/>
                    </a:lnTo>
                    <a:lnTo>
                      <a:pt x="758" y="618"/>
                    </a:lnTo>
                    <a:lnTo>
                      <a:pt x="756" y="618"/>
                    </a:lnTo>
                    <a:lnTo>
                      <a:pt x="754" y="618"/>
                    </a:lnTo>
                    <a:lnTo>
                      <a:pt x="743" y="618"/>
                    </a:lnTo>
                    <a:lnTo>
                      <a:pt x="741" y="618"/>
                    </a:lnTo>
                    <a:lnTo>
                      <a:pt x="739" y="620"/>
                    </a:lnTo>
                    <a:lnTo>
                      <a:pt x="737" y="620"/>
                    </a:lnTo>
                    <a:lnTo>
                      <a:pt x="735" y="620"/>
                    </a:lnTo>
                    <a:lnTo>
                      <a:pt x="735" y="622"/>
                    </a:lnTo>
                    <a:lnTo>
                      <a:pt x="734" y="622"/>
                    </a:lnTo>
                    <a:lnTo>
                      <a:pt x="732" y="622"/>
                    </a:lnTo>
                    <a:lnTo>
                      <a:pt x="732" y="624"/>
                    </a:lnTo>
                    <a:lnTo>
                      <a:pt x="724" y="622"/>
                    </a:lnTo>
                    <a:lnTo>
                      <a:pt x="723" y="620"/>
                    </a:lnTo>
                    <a:lnTo>
                      <a:pt x="721" y="616"/>
                    </a:lnTo>
                    <a:lnTo>
                      <a:pt x="719" y="613"/>
                    </a:lnTo>
                    <a:lnTo>
                      <a:pt x="717" y="613"/>
                    </a:lnTo>
                    <a:lnTo>
                      <a:pt x="713" y="611"/>
                    </a:lnTo>
                    <a:lnTo>
                      <a:pt x="711" y="611"/>
                    </a:lnTo>
                    <a:lnTo>
                      <a:pt x="711" y="609"/>
                    </a:lnTo>
                    <a:lnTo>
                      <a:pt x="710" y="609"/>
                    </a:lnTo>
                    <a:lnTo>
                      <a:pt x="710" y="607"/>
                    </a:lnTo>
                    <a:lnTo>
                      <a:pt x="710" y="605"/>
                    </a:lnTo>
                    <a:lnTo>
                      <a:pt x="710" y="603"/>
                    </a:lnTo>
                    <a:lnTo>
                      <a:pt x="710" y="601"/>
                    </a:lnTo>
                    <a:lnTo>
                      <a:pt x="710" y="600"/>
                    </a:lnTo>
                    <a:lnTo>
                      <a:pt x="710" y="598"/>
                    </a:lnTo>
                    <a:lnTo>
                      <a:pt x="708" y="598"/>
                    </a:lnTo>
                    <a:lnTo>
                      <a:pt x="706" y="598"/>
                    </a:lnTo>
                    <a:lnTo>
                      <a:pt x="704" y="598"/>
                    </a:lnTo>
                    <a:lnTo>
                      <a:pt x="702" y="598"/>
                    </a:lnTo>
                    <a:lnTo>
                      <a:pt x="702" y="600"/>
                    </a:lnTo>
                    <a:lnTo>
                      <a:pt x="700" y="600"/>
                    </a:lnTo>
                    <a:lnTo>
                      <a:pt x="699" y="600"/>
                    </a:lnTo>
                    <a:lnTo>
                      <a:pt x="699" y="601"/>
                    </a:lnTo>
                    <a:lnTo>
                      <a:pt x="697" y="601"/>
                    </a:lnTo>
                    <a:lnTo>
                      <a:pt x="695" y="601"/>
                    </a:lnTo>
                    <a:lnTo>
                      <a:pt x="695" y="603"/>
                    </a:lnTo>
                    <a:lnTo>
                      <a:pt x="693" y="603"/>
                    </a:lnTo>
                    <a:lnTo>
                      <a:pt x="693" y="601"/>
                    </a:lnTo>
                    <a:lnTo>
                      <a:pt x="691" y="600"/>
                    </a:lnTo>
                    <a:lnTo>
                      <a:pt x="689" y="598"/>
                    </a:lnTo>
                    <a:lnTo>
                      <a:pt x="687" y="598"/>
                    </a:lnTo>
                    <a:lnTo>
                      <a:pt x="686" y="598"/>
                    </a:lnTo>
                    <a:lnTo>
                      <a:pt x="684" y="598"/>
                    </a:lnTo>
                    <a:lnTo>
                      <a:pt x="684" y="596"/>
                    </a:lnTo>
                    <a:lnTo>
                      <a:pt x="682" y="596"/>
                    </a:lnTo>
                    <a:lnTo>
                      <a:pt x="682" y="594"/>
                    </a:lnTo>
                    <a:lnTo>
                      <a:pt x="680" y="592"/>
                    </a:lnTo>
                    <a:lnTo>
                      <a:pt x="678" y="592"/>
                    </a:lnTo>
                    <a:lnTo>
                      <a:pt x="678" y="590"/>
                    </a:lnTo>
                    <a:lnTo>
                      <a:pt x="676" y="588"/>
                    </a:lnTo>
                    <a:lnTo>
                      <a:pt x="676" y="587"/>
                    </a:lnTo>
                    <a:lnTo>
                      <a:pt x="674" y="587"/>
                    </a:lnTo>
                    <a:lnTo>
                      <a:pt x="673" y="587"/>
                    </a:lnTo>
                    <a:lnTo>
                      <a:pt x="673" y="588"/>
                    </a:lnTo>
                    <a:lnTo>
                      <a:pt x="671" y="588"/>
                    </a:lnTo>
                    <a:lnTo>
                      <a:pt x="669" y="588"/>
                    </a:lnTo>
                    <a:lnTo>
                      <a:pt x="667" y="588"/>
                    </a:lnTo>
                    <a:lnTo>
                      <a:pt x="665" y="587"/>
                    </a:lnTo>
                    <a:lnTo>
                      <a:pt x="663" y="587"/>
                    </a:lnTo>
                    <a:lnTo>
                      <a:pt x="669" y="585"/>
                    </a:lnTo>
                    <a:lnTo>
                      <a:pt x="667" y="583"/>
                    </a:lnTo>
                    <a:lnTo>
                      <a:pt x="665" y="583"/>
                    </a:lnTo>
                    <a:lnTo>
                      <a:pt x="663" y="581"/>
                    </a:lnTo>
                    <a:lnTo>
                      <a:pt x="662" y="579"/>
                    </a:lnTo>
                    <a:lnTo>
                      <a:pt x="662" y="577"/>
                    </a:lnTo>
                    <a:lnTo>
                      <a:pt x="660" y="579"/>
                    </a:lnTo>
                    <a:lnTo>
                      <a:pt x="660" y="581"/>
                    </a:lnTo>
                    <a:lnTo>
                      <a:pt x="658" y="581"/>
                    </a:lnTo>
                    <a:lnTo>
                      <a:pt x="656" y="581"/>
                    </a:lnTo>
                    <a:lnTo>
                      <a:pt x="654" y="581"/>
                    </a:lnTo>
                    <a:lnTo>
                      <a:pt x="652" y="581"/>
                    </a:lnTo>
                    <a:lnTo>
                      <a:pt x="650" y="581"/>
                    </a:lnTo>
                    <a:lnTo>
                      <a:pt x="650" y="583"/>
                    </a:lnTo>
                    <a:lnTo>
                      <a:pt x="649" y="583"/>
                    </a:lnTo>
                    <a:lnTo>
                      <a:pt x="647" y="585"/>
                    </a:lnTo>
                    <a:lnTo>
                      <a:pt x="647" y="587"/>
                    </a:lnTo>
                    <a:lnTo>
                      <a:pt x="647" y="588"/>
                    </a:lnTo>
                    <a:lnTo>
                      <a:pt x="645" y="588"/>
                    </a:lnTo>
                    <a:lnTo>
                      <a:pt x="643" y="588"/>
                    </a:lnTo>
                    <a:lnTo>
                      <a:pt x="643" y="590"/>
                    </a:lnTo>
                    <a:lnTo>
                      <a:pt x="641" y="590"/>
                    </a:lnTo>
                    <a:lnTo>
                      <a:pt x="639" y="590"/>
                    </a:lnTo>
                    <a:lnTo>
                      <a:pt x="639" y="592"/>
                    </a:lnTo>
                    <a:lnTo>
                      <a:pt x="638" y="592"/>
                    </a:lnTo>
                    <a:lnTo>
                      <a:pt x="636" y="590"/>
                    </a:lnTo>
                    <a:lnTo>
                      <a:pt x="636" y="588"/>
                    </a:lnTo>
                    <a:lnTo>
                      <a:pt x="634" y="590"/>
                    </a:lnTo>
                    <a:lnTo>
                      <a:pt x="634" y="588"/>
                    </a:lnTo>
                    <a:lnTo>
                      <a:pt x="632" y="588"/>
                    </a:lnTo>
                    <a:lnTo>
                      <a:pt x="630" y="588"/>
                    </a:lnTo>
                    <a:lnTo>
                      <a:pt x="628" y="588"/>
                    </a:lnTo>
                    <a:lnTo>
                      <a:pt x="626" y="588"/>
                    </a:lnTo>
                    <a:lnTo>
                      <a:pt x="625" y="587"/>
                    </a:lnTo>
                    <a:lnTo>
                      <a:pt x="623" y="587"/>
                    </a:lnTo>
                    <a:lnTo>
                      <a:pt x="623" y="588"/>
                    </a:lnTo>
                    <a:lnTo>
                      <a:pt x="621" y="588"/>
                    </a:lnTo>
                    <a:lnTo>
                      <a:pt x="619" y="588"/>
                    </a:lnTo>
                    <a:lnTo>
                      <a:pt x="617" y="590"/>
                    </a:lnTo>
                    <a:lnTo>
                      <a:pt x="615" y="590"/>
                    </a:lnTo>
                    <a:lnTo>
                      <a:pt x="613" y="590"/>
                    </a:lnTo>
                    <a:lnTo>
                      <a:pt x="612" y="590"/>
                    </a:lnTo>
                    <a:lnTo>
                      <a:pt x="610" y="590"/>
                    </a:lnTo>
                    <a:lnTo>
                      <a:pt x="610" y="588"/>
                    </a:lnTo>
                    <a:lnTo>
                      <a:pt x="608" y="588"/>
                    </a:lnTo>
                    <a:lnTo>
                      <a:pt x="606" y="588"/>
                    </a:lnTo>
                    <a:lnTo>
                      <a:pt x="604" y="588"/>
                    </a:lnTo>
                    <a:lnTo>
                      <a:pt x="602" y="587"/>
                    </a:lnTo>
                    <a:lnTo>
                      <a:pt x="601" y="587"/>
                    </a:lnTo>
                    <a:lnTo>
                      <a:pt x="601" y="585"/>
                    </a:lnTo>
                    <a:lnTo>
                      <a:pt x="599" y="585"/>
                    </a:lnTo>
                    <a:lnTo>
                      <a:pt x="597" y="585"/>
                    </a:lnTo>
                    <a:lnTo>
                      <a:pt x="595" y="585"/>
                    </a:lnTo>
                    <a:lnTo>
                      <a:pt x="595" y="583"/>
                    </a:lnTo>
                    <a:lnTo>
                      <a:pt x="593" y="583"/>
                    </a:lnTo>
                    <a:lnTo>
                      <a:pt x="591" y="583"/>
                    </a:lnTo>
                    <a:lnTo>
                      <a:pt x="591" y="581"/>
                    </a:lnTo>
                    <a:lnTo>
                      <a:pt x="589" y="581"/>
                    </a:lnTo>
                    <a:lnTo>
                      <a:pt x="588" y="581"/>
                    </a:lnTo>
                    <a:lnTo>
                      <a:pt x="588" y="579"/>
                    </a:lnTo>
                    <a:lnTo>
                      <a:pt x="586" y="579"/>
                    </a:lnTo>
                    <a:lnTo>
                      <a:pt x="584" y="579"/>
                    </a:lnTo>
                    <a:lnTo>
                      <a:pt x="584" y="577"/>
                    </a:lnTo>
                    <a:lnTo>
                      <a:pt x="584" y="579"/>
                    </a:lnTo>
                    <a:lnTo>
                      <a:pt x="582" y="579"/>
                    </a:lnTo>
                    <a:lnTo>
                      <a:pt x="582" y="577"/>
                    </a:lnTo>
                    <a:lnTo>
                      <a:pt x="582" y="576"/>
                    </a:lnTo>
                    <a:lnTo>
                      <a:pt x="580" y="576"/>
                    </a:lnTo>
                    <a:lnTo>
                      <a:pt x="578" y="576"/>
                    </a:lnTo>
                    <a:lnTo>
                      <a:pt x="578" y="574"/>
                    </a:lnTo>
                    <a:lnTo>
                      <a:pt x="577" y="574"/>
                    </a:lnTo>
                    <a:lnTo>
                      <a:pt x="577" y="572"/>
                    </a:lnTo>
                    <a:lnTo>
                      <a:pt x="575" y="572"/>
                    </a:lnTo>
                    <a:lnTo>
                      <a:pt x="573" y="572"/>
                    </a:lnTo>
                    <a:lnTo>
                      <a:pt x="573" y="570"/>
                    </a:lnTo>
                    <a:lnTo>
                      <a:pt x="571" y="570"/>
                    </a:lnTo>
                    <a:lnTo>
                      <a:pt x="571" y="568"/>
                    </a:lnTo>
                    <a:lnTo>
                      <a:pt x="569" y="568"/>
                    </a:lnTo>
                    <a:lnTo>
                      <a:pt x="567" y="568"/>
                    </a:lnTo>
                    <a:lnTo>
                      <a:pt x="567" y="566"/>
                    </a:lnTo>
                    <a:lnTo>
                      <a:pt x="567" y="564"/>
                    </a:lnTo>
                    <a:lnTo>
                      <a:pt x="567" y="563"/>
                    </a:lnTo>
                    <a:lnTo>
                      <a:pt x="569" y="563"/>
                    </a:lnTo>
                    <a:lnTo>
                      <a:pt x="569" y="561"/>
                    </a:lnTo>
                    <a:lnTo>
                      <a:pt x="569" y="559"/>
                    </a:lnTo>
                    <a:lnTo>
                      <a:pt x="571" y="559"/>
                    </a:lnTo>
                    <a:lnTo>
                      <a:pt x="571" y="557"/>
                    </a:lnTo>
                    <a:lnTo>
                      <a:pt x="573" y="557"/>
                    </a:lnTo>
                    <a:lnTo>
                      <a:pt x="573" y="555"/>
                    </a:lnTo>
                    <a:lnTo>
                      <a:pt x="575" y="555"/>
                    </a:lnTo>
                    <a:lnTo>
                      <a:pt x="577" y="553"/>
                    </a:lnTo>
                    <a:lnTo>
                      <a:pt x="578" y="553"/>
                    </a:lnTo>
                    <a:lnTo>
                      <a:pt x="578" y="551"/>
                    </a:lnTo>
                    <a:lnTo>
                      <a:pt x="580" y="551"/>
                    </a:lnTo>
                    <a:lnTo>
                      <a:pt x="582" y="551"/>
                    </a:lnTo>
                    <a:lnTo>
                      <a:pt x="582" y="550"/>
                    </a:lnTo>
                    <a:lnTo>
                      <a:pt x="582" y="548"/>
                    </a:lnTo>
                    <a:lnTo>
                      <a:pt x="584" y="548"/>
                    </a:lnTo>
                    <a:lnTo>
                      <a:pt x="584" y="546"/>
                    </a:lnTo>
                    <a:lnTo>
                      <a:pt x="584" y="544"/>
                    </a:lnTo>
                    <a:lnTo>
                      <a:pt x="586" y="544"/>
                    </a:lnTo>
                    <a:lnTo>
                      <a:pt x="588" y="542"/>
                    </a:lnTo>
                    <a:lnTo>
                      <a:pt x="588" y="540"/>
                    </a:lnTo>
                    <a:lnTo>
                      <a:pt x="589" y="540"/>
                    </a:lnTo>
                    <a:lnTo>
                      <a:pt x="589" y="539"/>
                    </a:lnTo>
                    <a:lnTo>
                      <a:pt x="588" y="539"/>
                    </a:lnTo>
                    <a:lnTo>
                      <a:pt x="588" y="537"/>
                    </a:lnTo>
                    <a:lnTo>
                      <a:pt x="588" y="535"/>
                    </a:lnTo>
                    <a:lnTo>
                      <a:pt x="589" y="535"/>
                    </a:lnTo>
                    <a:lnTo>
                      <a:pt x="591" y="535"/>
                    </a:lnTo>
                    <a:lnTo>
                      <a:pt x="591" y="533"/>
                    </a:lnTo>
                    <a:lnTo>
                      <a:pt x="591" y="531"/>
                    </a:lnTo>
                    <a:lnTo>
                      <a:pt x="589" y="531"/>
                    </a:lnTo>
                    <a:lnTo>
                      <a:pt x="589" y="529"/>
                    </a:lnTo>
                    <a:lnTo>
                      <a:pt x="589" y="527"/>
                    </a:lnTo>
                    <a:lnTo>
                      <a:pt x="588" y="527"/>
                    </a:lnTo>
                    <a:lnTo>
                      <a:pt x="588" y="526"/>
                    </a:lnTo>
                    <a:lnTo>
                      <a:pt x="586" y="526"/>
                    </a:lnTo>
                    <a:lnTo>
                      <a:pt x="586" y="524"/>
                    </a:lnTo>
                    <a:lnTo>
                      <a:pt x="586" y="522"/>
                    </a:lnTo>
                    <a:lnTo>
                      <a:pt x="584" y="522"/>
                    </a:lnTo>
                    <a:lnTo>
                      <a:pt x="584" y="520"/>
                    </a:lnTo>
                    <a:lnTo>
                      <a:pt x="582" y="520"/>
                    </a:lnTo>
                    <a:lnTo>
                      <a:pt x="580" y="520"/>
                    </a:lnTo>
                    <a:lnTo>
                      <a:pt x="580" y="518"/>
                    </a:lnTo>
                    <a:lnTo>
                      <a:pt x="582" y="518"/>
                    </a:lnTo>
                    <a:lnTo>
                      <a:pt x="580" y="518"/>
                    </a:lnTo>
                    <a:lnTo>
                      <a:pt x="580" y="516"/>
                    </a:lnTo>
                    <a:lnTo>
                      <a:pt x="580" y="514"/>
                    </a:lnTo>
                    <a:lnTo>
                      <a:pt x="580" y="513"/>
                    </a:lnTo>
                    <a:lnTo>
                      <a:pt x="580" y="511"/>
                    </a:lnTo>
                    <a:lnTo>
                      <a:pt x="580" y="509"/>
                    </a:lnTo>
                    <a:lnTo>
                      <a:pt x="582" y="509"/>
                    </a:lnTo>
                    <a:lnTo>
                      <a:pt x="582" y="507"/>
                    </a:lnTo>
                    <a:lnTo>
                      <a:pt x="582" y="505"/>
                    </a:lnTo>
                    <a:lnTo>
                      <a:pt x="582" y="503"/>
                    </a:lnTo>
                    <a:lnTo>
                      <a:pt x="582" y="502"/>
                    </a:lnTo>
                    <a:lnTo>
                      <a:pt x="580" y="502"/>
                    </a:lnTo>
                    <a:lnTo>
                      <a:pt x="580" y="500"/>
                    </a:lnTo>
                    <a:lnTo>
                      <a:pt x="580" y="498"/>
                    </a:lnTo>
                    <a:lnTo>
                      <a:pt x="578" y="498"/>
                    </a:lnTo>
                    <a:lnTo>
                      <a:pt x="578" y="496"/>
                    </a:lnTo>
                    <a:lnTo>
                      <a:pt x="578" y="494"/>
                    </a:lnTo>
                    <a:lnTo>
                      <a:pt x="577" y="494"/>
                    </a:lnTo>
                    <a:lnTo>
                      <a:pt x="577" y="492"/>
                    </a:lnTo>
                    <a:lnTo>
                      <a:pt x="577" y="490"/>
                    </a:lnTo>
                    <a:lnTo>
                      <a:pt x="577" y="489"/>
                    </a:lnTo>
                    <a:lnTo>
                      <a:pt x="577" y="487"/>
                    </a:lnTo>
                    <a:lnTo>
                      <a:pt x="577" y="485"/>
                    </a:lnTo>
                    <a:lnTo>
                      <a:pt x="577" y="483"/>
                    </a:lnTo>
                    <a:lnTo>
                      <a:pt x="575" y="483"/>
                    </a:lnTo>
                    <a:lnTo>
                      <a:pt x="575" y="481"/>
                    </a:lnTo>
                    <a:lnTo>
                      <a:pt x="575" y="479"/>
                    </a:lnTo>
                    <a:lnTo>
                      <a:pt x="575" y="477"/>
                    </a:lnTo>
                    <a:lnTo>
                      <a:pt x="573" y="477"/>
                    </a:lnTo>
                    <a:lnTo>
                      <a:pt x="571" y="477"/>
                    </a:lnTo>
                    <a:lnTo>
                      <a:pt x="571" y="476"/>
                    </a:lnTo>
                    <a:lnTo>
                      <a:pt x="571" y="474"/>
                    </a:lnTo>
                    <a:lnTo>
                      <a:pt x="573" y="474"/>
                    </a:lnTo>
                    <a:lnTo>
                      <a:pt x="573" y="472"/>
                    </a:lnTo>
                    <a:lnTo>
                      <a:pt x="575" y="472"/>
                    </a:lnTo>
                    <a:lnTo>
                      <a:pt x="575" y="474"/>
                    </a:lnTo>
                    <a:lnTo>
                      <a:pt x="575" y="472"/>
                    </a:lnTo>
                    <a:lnTo>
                      <a:pt x="577" y="472"/>
                    </a:lnTo>
                    <a:lnTo>
                      <a:pt x="577" y="470"/>
                    </a:lnTo>
                    <a:lnTo>
                      <a:pt x="578" y="470"/>
                    </a:lnTo>
                    <a:lnTo>
                      <a:pt x="578" y="468"/>
                    </a:lnTo>
                    <a:lnTo>
                      <a:pt x="580" y="468"/>
                    </a:lnTo>
                    <a:lnTo>
                      <a:pt x="582" y="468"/>
                    </a:lnTo>
                    <a:lnTo>
                      <a:pt x="582" y="466"/>
                    </a:lnTo>
                    <a:lnTo>
                      <a:pt x="584" y="466"/>
                    </a:lnTo>
                    <a:lnTo>
                      <a:pt x="584" y="465"/>
                    </a:lnTo>
                    <a:lnTo>
                      <a:pt x="586" y="465"/>
                    </a:lnTo>
                    <a:lnTo>
                      <a:pt x="586" y="466"/>
                    </a:lnTo>
                    <a:lnTo>
                      <a:pt x="586" y="465"/>
                    </a:lnTo>
                    <a:lnTo>
                      <a:pt x="588" y="465"/>
                    </a:lnTo>
                    <a:lnTo>
                      <a:pt x="588" y="466"/>
                    </a:lnTo>
                    <a:lnTo>
                      <a:pt x="588" y="465"/>
                    </a:lnTo>
                    <a:lnTo>
                      <a:pt x="588" y="463"/>
                    </a:lnTo>
                    <a:lnTo>
                      <a:pt x="589" y="463"/>
                    </a:lnTo>
                    <a:lnTo>
                      <a:pt x="591" y="463"/>
                    </a:lnTo>
                    <a:lnTo>
                      <a:pt x="591" y="461"/>
                    </a:lnTo>
                    <a:lnTo>
                      <a:pt x="593" y="461"/>
                    </a:lnTo>
                    <a:lnTo>
                      <a:pt x="591" y="461"/>
                    </a:lnTo>
                    <a:lnTo>
                      <a:pt x="593" y="459"/>
                    </a:lnTo>
                    <a:lnTo>
                      <a:pt x="593" y="461"/>
                    </a:lnTo>
                    <a:lnTo>
                      <a:pt x="593" y="459"/>
                    </a:lnTo>
                    <a:lnTo>
                      <a:pt x="595" y="459"/>
                    </a:lnTo>
                    <a:lnTo>
                      <a:pt x="597" y="459"/>
                    </a:lnTo>
                    <a:lnTo>
                      <a:pt x="597" y="457"/>
                    </a:lnTo>
                    <a:lnTo>
                      <a:pt x="599" y="457"/>
                    </a:lnTo>
                    <a:lnTo>
                      <a:pt x="601" y="457"/>
                    </a:lnTo>
                    <a:lnTo>
                      <a:pt x="601" y="455"/>
                    </a:lnTo>
                    <a:lnTo>
                      <a:pt x="602" y="455"/>
                    </a:lnTo>
                    <a:lnTo>
                      <a:pt x="602" y="453"/>
                    </a:lnTo>
                    <a:lnTo>
                      <a:pt x="602" y="452"/>
                    </a:lnTo>
                    <a:lnTo>
                      <a:pt x="601" y="452"/>
                    </a:lnTo>
                    <a:lnTo>
                      <a:pt x="602" y="452"/>
                    </a:lnTo>
                    <a:lnTo>
                      <a:pt x="601" y="450"/>
                    </a:lnTo>
                    <a:lnTo>
                      <a:pt x="601" y="448"/>
                    </a:lnTo>
                    <a:lnTo>
                      <a:pt x="599" y="448"/>
                    </a:lnTo>
                    <a:lnTo>
                      <a:pt x="599" y="446"/>
                    </a:lnTo>
                    <a:lnTo>
                      <a:pt x="599" y="444"/>
                    </a:lnTo>
                    <a:lnTo>
                      <a:pt x="597" y="444"/>
                    </a:lnTo>
                    <a:lnTo>
                      <a:pt x="597" y="442"/>
                    </a:lnTo>
                    <a:lnTo>
                      <a:pt x="595" y="442"/>
                    </a:lnTo>
                    <a:lnTo>
                      <a:pt x="595" y="441"/>
                    </a:lnTo>
                    <a:lnTo>
                      <a:pt x="593" y="441"/>
                    </a:lnTo>
                    <a:lnTo>
                      <a:pt x="593" y="439"/>
                    </a:lnTo>
                    <a:lnTo>
                      <a:pt x="593" y="437"/>
                    </a:lnTo>
                    <a:lnTo>
                      <a:pt x="591" y="437"/>
                    </a:lnTo>
                    <a:lnTo>
                      <a:pt x="591" y="435"/>
                    </a:lnTo>
                    <a:lnTo>
                      <a:pt x="591" y="433"/>
                    </a:lnTo>
                    <a:lnTo>
                      <a:pt x="589" y="433"/>
                    </a:lnTo>
                    <a:lnTo>
                      <a:pt x="589" y="431"/>
                    </a:lnTo>
                    <a:lnTo>
                      <a:pt x="588" y="431"/>
                    </a:lnTo>
                    <a:lnTo>
                      <a:pt x="586" y="429"/>
                    </a:lnTo>
                    <a:lnTo>
                      <a:pt x="586" y="431"/>
                    </a:lnTo>
                    <a:lnTo>
                      <a:pt x="584" y="431"/>
                    </a:lnTo>
                    <a:lnTo>
                      <a:pt x="584" y="433"/>
                    </a:lnTo>
                    <a:lnTo>
                      <a:pt x="582" y="433"/>
                    </a:lnTo>
                    <a:lnTo>
                      <a:pt x="580" y="433"/>
                    </a:lnTo>
                    <a:lnTo>
                      <a:pt x="578" y="433"/>
                    </a:lnTo>
                    <a:lnTo>
                      <a:pt x="577" y="433"/>
                    </a:lnTo>
                    <a:lnTo>
                      <a:pt x="577" y="435"/>
                    </a:lnTo>
                    <a:lnTo>
                      <a:pt x="577" y="433"/>
                    </a:lnTo>
                    <a:lnTo>
                      <a:pt x="577" y="435"/>
                    </a:lnTo>
                    <a:lnTo>
                      <a:pt x="575" y="435"/>
                    </a:lnTo>
                    <a:lnTo>
                      <a:pt x="575" y="437"/>
                    </a:lnTo>
                    <a:lnTo>
                      <a:pt x="573" y="437"/>
                    </a:lnTo>
                    <a:lnTo>
                      <a:pt x="571" y="435"/>
                    </a:lnTo>
                    <a:lnTo>
                      <a:pt x="569" y="435"/>
                    </a:lnTo>
                    <a:lnTo>
                      <a:pt x="569" y="437"/>
                    </a:lnTo>
                    <a:lnTo>
                      <a:pt x="567" y="437"/>
                    </a:lnTo>
                    <a:lnTo>
                      <a:pt x="567" y="439"/>
                    </a:lnTo>
                    <a:lnTo>
                      <a:pt x="565" y="439"/>
                    </a:lnTo>
                    <a:lnTo>
                      <a:pt x="564" y="439"/>
                    </a:lnTo>
                    <a:lnTo>
                      <a:pt x="564" y="437"/>
                    </a:lnTo>
                    <a:lnTo>
                      <a:pt x="564" y="435"/>
                    </a:lnTo>
                    <a:lnTo>
                      <a:pt x="564" y="433"/>
                    </a:lnTo>
                    <a:lnTo>
                      <a:pt x="562" y="433"/>
                    </a:lnTo>
                    <a:lnTo>
                      <a:pt x="560" y="431"/>
                    </a:lnTo>
                    <a:lnTo>
                      <a:pt x="560" y="429"/>
                    </a:lnTo>
                    <a:lnTo>
                      <a:pt x="560" y="428"/>
                    </a:lnTo>
                    <a:lnTo>
                      <a:pt x="558" y="428"/>
                    </a:lnTo>
                    <a:lnTo>
                      <a:pt x="558" y="426"/>
                    </a:lnTo>
                    <a:lnTo>
                      <a:pt x="556" y="426"/>
                    </a:lnTo>
                    <a:lnTo>
                      <a:pt x="556" y="424"/>
                    </a:lnTo>
                    <a:lnTo>
                      <a:pt x="554" y="424"/>
                    </a:lnTo>
                    <a:lnTo>
                      <a:pt x="554" y="422"/>
                    </a:lnTo>
                    <a:lnTo>
                      <a:pt x="552" y="422"/>
                    </a:lnTo>
                    <a:lnTo>
                      <a:pt x="554" y="422"/>
                    </a:lnTo>
                    <a:lnTo>
                      <a:pt x="554" y="420"/>
                    </a:lnTo>
                    <a:lnTo>
                      <a:pt x="556" y="420"/>
                    </a:lnTo>
                    <a:lnTo>
                      <a:pt x="556" y="418"/>
                    </a:lnTo>
                    <a:lnTo>
                      <a:pt x="556" y="416"/>
                    </a:lnTo>
                    <a:lnTo>
                      <a:pt x="558" y="416"/>
                    </a:lnTo>
                    <a:lnTo>
                      <a:pt x="558" y="413"/>
                    </a:lnTo>
                    <a:lnTo>
                      <a:pt x="560" y="409"/>
                    </a:lnTo>
                    <a:lnTo>
                      <a:pt x="562" y="409"/>
                    </a:lnTo>
                    <a:lnTo>
                      <a:pt x="562" y="407"/>
                    </a:lnTo>
                    <a:lnTo>
                      <a:pt x="564" y="407"/>
                    </a:lnTo>
                    <a:lnTo>
                      <a:pt x="565" y="405"/>
                    </a:lnTo>
                    <a:lnTo>
                      <a:pt x="564" y="405"/>
                    </a:lnTo>
                    <a:lnTo>
                      <a:pt x="564" y="404"/>
                    </a:lnTo>
                    <a:lnTo>
                      <a:pt x="562" y="404"/>
                    </a:lnTo>
                    <a:lnTo>
                      <a:pt x="562" y="402"/>
                    </a:lnTo>
                    <a:lnTo>
                      <a:pt x="562" y="404"/>
                    </a:lnTo>
                    <a:lnTo>
                      <a:pt x="560" y="404"/>
                    </a:lnTo>
                    <a:lnTo>
                      <a:pt x="560" y="405"/>
                    </a:lnTo>
                    <a:lnTo>
                      <a:pt x="558" y="405"/>
                    </a:lnTo>
                    <a:lnTo>
                      <a:pt x="556" y="407"/>
                    </a:lnTo>
                    <a:lnTo>
                      <a:pt x="554" y="407"/>
                    </a:lnTo>
                    <a:lnTo>
                      <a:pt x="554" y="409"/>
                    </a:lnTo>
                    <a:lnTo>
                      <a:pt x="552" y="409"/>
                    </a:lnTo>
                    <a:lnTo>
                      <a:pt x="551" y="409"/>
                    </a:lnTo>
                    <a:lnTo>
                      <a:pt x="551" y="411"/>
                    </a:lnTo>
                    <a:lnTo>
                      <a:pt x="549" y="411"/>
                    </a:lnTo>
                    <a:lnTo>
                      <a:pt x="549" y="409"/>
                    </a:lnTo>
                    <a:lnTo>
                      <a:pt x="549" y="407"/>
                    </a:lnTo>
                    <a:lnTo>
                      <a:pt x="549" y="405"/>
                    </a:lnTo>
                    <a:lnTo>
                      <a:pt x="549" y="404"/>
                    </a:lnTo>
                    <a:lnTo>
                      <a:pt x="547" y="404"/>
                    </a:lnTo>
                    <a:lnTo>
                      <a:pt x="547" y="402"/>
                    </a:lnTo>
                    <a:lnTo>
                      <a:pt x="547" y="400"/>
                    </a:lnTo>
                    <a:lnTo>
                      <a:pt x="545" y="398"/>
                    </a:lnTo>
                    <a:lnTo>
                      <a:pt x="545" y="396"/>
                    </a:lnTo>
                    <a:lnTo>
                      <a:pt x="545" y="394"/>
                    </a:lnTo>
                    <a:lnTo>
                      <a:pt x="543" y="394"/>
                    </a:lnTo>
                    <a:lnTo>
                      <a:pt x="543" y="392"/>
                    </a:lnTo>
                    <a:lnTo>
                      <a:pt x="541" y="392"/>
                    </a:lnTo>
                    <a:lnTo>
                      <a:pt x="543" y="392"/>
                    </a:lnTo>
                    <a:lnTo>
                      <a:pt x="545" y="392"/>
                    </a:lnTo>
                    <a:lnTo>
                      <a:pt x="547" y="392"/>
                    </a:lnTo>
                    <a:lnTo>
                      <a:pt x="549" y="392"/>
                    </a:lnTo>
                    <a:lnTo>
                      <a:pt x="551" y="392"/>
                    </a:lnTo>
                    <a:lnTo>
                      <a:pt x="551" y="394"/>
                    </a:lnTo>
                    <a:lnTo>
                      <a:pt x="552" y="394"/>
                    </a:lnTo>
                    <a:lnTo>
                      <a:pt x="554" y="394"/>
                    </a:lnTo>
                    <a:lnTo>
                      <a:pt x="554" y="392"/>
                    </a:lnTo>
                    <a:lnTo>
                      <a:pt x="554" y="394"/>
                    </a:lnTo>
                    <a:lnTo>
                      <a:pt x="554" y="392"/>
                    </a:lnTo>
                    <a:lnTo>
                      <a:pt x="556" y="392"/>
                    </a:lnTo>
                    <a:lnTo>
                      <a:pt x="558" y="392"/>
                    </a:lnTo>
                    <a:lnTo>
                      <a:pt x="560" y="392"/>
                    </a:lnTo>
                    <a:lnTo>
                      <a:pt x="567" y="391"/>
                    </a:lnTo>
                    <a:lnTo>
                      <a:pt x="569" y="391"/>
                    </a:lnTo>
                    <a:lnTo>
                      <a:pt x="569" y="389"/>
                    </a:lnTo>
                    <a:lnTo>
                      <a:pt x="571" y="389"/>
                    </a:lnTo>
                    <a:lnTo>
                      <a:pt x="571" y="387"/>
                    </a:lnTo>
                    <a:lnTo>
                      <a:pt x="573" y="387"/>
                    </a:lnTo>
                    <a:lnTo>
                      <a:pt x="573" y="385"/>
                    </a:lnTo>
                    <a:lnTo>
                      <a:pt x="573" y="383"/>
                    </a:lnTo>
                    <a:lnTo>
                      <a:pt x="573" y="381"/>
                    </a:lnTo>
                    <a:lnTo>
                      <a:pt x="573" y="379"/>
                    </a:lnTo>
                    <a:lnTo>
                      <a:pt x="575" y="379"/>
                    </a:lnTo>
                    <a:lnTo>
                      <a:pt x="575" y="378"/>
                    </a:lnTo>
                    <a:lnTo>
                      <a:pt x="577" y="378"/>
                    </a:lnTo>
                    <a:lnTo>
                      <a:pt x="577" y="376"/>
                    </a:lnTo>
                    <a:lnTo>
                      <a:pt x="578" y="376"/>
                    </a:lnTo>
                    <a:lnTo>
                      <a:pt x="578" y="374"/>
                    </a:lnTo>
                    <a:lnTo>
                      <a:pt x="580" y="372"/>
                    </a:lnTo>
                    <a:lnTo>
                      <a:pt x="580" y="370"/>
                    </a:lnTo>
                    <a:lnTo>
                      <a:pt x="582" y="370"/>
                    </a:lnTo>
                    <a:lnTo>
                      <a:pt x="584" y="370"/>
                    </a:lnTo>
                    <a:lnTo>
                      <a:pt x="584" y="368"/>
                    </a:lnTo>
                    <a:lnTo>
                      <a:pt x="582" y="368"/>
                    </a:lnTo>
                    <a:lnTo>
                      <a:pt x="584" y="368"/>
                    </a:lnTo>
                    <a:lnTo>
                      <a:pt x="584" y="367"/>
                    </a:lnTo>
                    <a:lnTo>
                      <a:pt x="582" y="367"/>
                    </a:lnTo>
                    <a:lnTo>
                      <a:pt x="582" y="365"/>
                    </a:lnTo>
                    <a:lnTo>
                      <a:pt x="582" y="363"/>
                    </a:lnTo>
                    <a:lnTo>
                      <a:pt x="582" y="361"/>
                    </a:lnTo>
                    <a:lnTo>
                      <a:pt x="584" y="361"/>
                    </a:lnTo>
                    <a:lnTo>
                      <a:pt x="584" y="359"/>
                    </a:lnTo>
                    <a:lnTo>
                      <a:pt x="584" y="357"/>
                    </a:lnTo>
                    <a:lnTo>
                      <a:pt x="582" y="357"/>
                    </a:lnTo>
                    <a:lnTo>
                      <a:pt x="582" y="355"/>
                    </a:lnTo>
                    <a:lnTo>
                      <a:pt x="582" y="354"/>
                    </a:lnTo>
                    <a:lnTo>
                      <a:pt x="580" y="352"/>
                    </a:lnTo>
                    <a:lnTo>
                      <a:pt x="582" y="352"/>
                    </a:lnTo>
                    <a:lnTo>
                      <a:pt x="580" y="352"/>
                    </a:lnTo>
                    <a:lnTo>
                      <a:pt x="580" y="350"/>
                    </a:lnTo>
                    <a:lnTo>
                      <a:pt x="580" y="348"/>
                    </a:lnTo>
                    <a:lnTo>
                      <a:pt x="580" y="346"/>
                    </a:lnTo>
                    <a:lnTo>
                      <a:pt x="580" y="344"/>
                    </a:lnTo>
                    <a:lnTo>
                      <a:pt x="582" y="344"/>
                    </a:lnTo>
                    <a:lnTo>
                      <a:pt x="582" y="342"/>
                    </a:lnTo>
                    <a:lnTo>
                      <a:pt x="584" y="342"/>
                    </a:lnTo>
                    <a:lnTo>
                      <a:pt x="584" y="341"/>
                    </a:lnTo>
                    <a:lnTo>
                      <a:pt x="586" y="341"/>
                    </a:lnTo>
                    <a:lnTo>
                      <a:pt x="588" y="342"/>
                    </a:lnTo>
                    <a:lnTo>
                      <a:pt x="589" y="341"/>
                    </a:lnTo>
                    <a:lnTo>
                      <a:pt x="591" y="341"/>
                    </a:lnTo>
                    <a:lnTo>
                      <a:pt x="593" y="341"/>
                    </a:lnTo>
                    <a:lnTo>
                      <a:pt x="595" y="341"/>
                    </a:lnTo>
                    <a:lnTo>
                      <a:pt x="597" y="341"/>
                    </a:lnTo>
                    <a:lnTo>
                      <a:pt x="597" y="339"/>
                    </a:lnTo>
                    <a:lnTo>
                      <a:pt x="595" y="339"/>
                    </a:lnTo>
                    <a:lnTo>
                      <a:pt x="597" y="339"/>
                    </a:lnTo>
                    <a:lnTo>
                      <a:pt x="599" y="339"/>
                    </a:lnTo>
                    <a:lnTo>
                      <a:pt x="599" y="337"/>
                    </a:lnTo>
                    <a:lnTo>
                      <a:pt x="599" y="335"/>
                    </a:lnTo>
                    <a:lnTo>
                      <a:pt x="599" y="333"/>
                    </a:lnTo>
                    <a:lnTo>
                      <a:pt x="599" y="331"/>
                    </a:lnTo>
                    <a:lnTo>
                      <a:pt x="599" y="330"/>
                    </a:lnTo>
                    <a:lnTo>
                      <a:pt x="599" y="328"/>
                    </a:lnTo>
                    <a:lnTo>
                      <a:pt x="597" y="328"/>
                    </a:lnTo>
                    <a:lnTo>
                      <a:pt x="597" y="326"/>
                    </a:lnTo>
                    <a:lnTo>
                      <a:pt x="599" y="326"/>
                    </a:lnTo>
                    <a:lnTo>
                      <a:pt x="597" y="326"/>
                    </a:lnTo>
                    <a:lnTo>
                      <a:pt x="597" y="324"/>
                    </a:lnTo>
                    <a:lnTo>
                      <a:pt x="597" y="322"/>
                    </a:lnTo>
                    <a:lnTo>
                      <a:pt x="595" y="322"/>
                    </a:lnTo>
                    <a:lnTo>
                      <a:pt x="595" y="320"/>
                    </a:lnTo>
                    <a:lnTo>
                      <a:pt x="597" y="320"/>
                    </a:lnTo>
                    <a:lnTo>
                      <a:pt x="597" y="318"/>
                    </a:lnTo>
                    <a:lnTo>
                      <a:pt x="599" y="318"/>
                    </a:lnTo>
                    <a:lnTo>
                      <a:pt x="599" y="320"/>
                    </a:lnTo>
                    <a:lnTo>
                      <a:pt x="599" y="322"/>
                    </a:lnTo>
                    <a:lnTo>
                      <a:pt x="601" y="322"/>
                    </a:lnTo>
                    <a:lnTo>
                      <a:pt x="601" y="320"/>
                    </a:lnTo>
                    <a:lnTo>
                      <a:pt x="602" y="320"/>
                    </a:lnTo>
                    <a:lnTo>
                      <a:pt x="602" y="322"/>
                    </a:lnTo>
                    <a:lnTo>
                      <a:pt x="604" y="322"/>
                    </a:lnTo>
                    <a:lnTo>
                      <a:pt x="606" y="320"/>
                    </a:lnTo>
                    <a:lnTo>
                      <a:pt x="608" y="320"/>
                    </a:lnTo>
                    <a:lnTo>
                      <a:pt x="610" y="318"/>
                    </a:lnTo>
                    <a:lnTo>
                      <a:pt x="610" y="317"/>
                    </a:lnTo>
                    <a:lnTo>
                      <a:pt x="612" y="317"/>
                    </a:lnTo>
                    <a:lnTo>
                      <a:pt x="612" y="318"/>
                    </a:lnTo>
                    <a:lnTo>
                      <a:pt x="612" y="317"/>
                    </a:lnTo>
                    <a:lnTo>
                      <a:pt x="613" y="317"/>
                    </a:lnTo>
                    <a:lnTo>
                      <a:pt x="613" y="315"/>
                    </a:lnTo>
                    <a:lnTo>
                      <a:pt x="615" y="315"/>
                    </a:lnTo>
                    <a:lnTo>
                      <a:pt x="615" y="317"/>
                    </a:lnTo>
                    <a:lnTo>
                      <a:pt x="617" y="317"/>
                    </a:lnTo>
                    <a:lnTo>
                      <a:pt x="619" y="317"/>
                    </a:lnTo>
                    <a:lnTo>
                      <a:pt x="621" y="317"/>
                    </a:lnTo>
                    <a:lnTo>
                      <a:pt x="621" y="315"/>
                    </a:lnTo>
                    <a:lnTo>
                      <a:pt x="623" y="315"/>
                    </a:lnTo>
                    <a:lnTo>
                      <a:pt x="623" y="313"/>
                    </a:lnTo>
                    <a:lnTo>
                      <a:pt x="625" y="313"/>
                    </a:lnTo>
                    <a:lnTo>
                      <a:pt x="626" y="313"/>
                    </a:lnTo>
                    <a:lnTo>
                      <a:pt x="628" y="313"/>
                    </a:lnTo>
                    <a:lnTo>
                      <a:pt x="630" y="313"/>
                    </a:lnTo>
                    <a:lnTo>
                      <a:pt x="630" y="311"/>
                    </a:lnTo>
                    <a:lnTo>
                      <a:pt x="630" y="313"/>
                    </a:lnTo>
                    <a:lnTo>
                      <a:pt x="632" y="313"/>
                    </a:lnTo>
                    <a:lnTo>
                      <a:pt x="632" y="315"/>
                    </a:lnTo>
                    <a:lnTo>
                      <a:pt x="632" y="317"/>
                    </a:lnTo>
                    <a:lnTo>
                      <a:pt x="634" y="317"/>
                    </a:lnTo>
                    <a:lnTo>
                      <a:pt x="636" y="315"/>
                    </a:lnTo>
                    <a:lnTo>
                      <a:pt x="638" y="315"/>
                    </a:lnTo>
                    <a:lnTo>
                      <a:pt x="638" y="313"/>
                    </a:lnTo>
                    <a:lnTo>
                      <a:pt x="638" y="315"/>
                    </a:lnTo>
                    <a:lnTo>
                      <a:pt x="638" y="313"/>
                    </a:lnTo>
                    <a:lnTo>
                      <a:pt x="639" y="313"/>
                    </a:lnTo>
                    <a:lnTo>
                      <a:pt x="641" y="313"/>
                    </a:lnTo>
                    <a:lnTo>
                      <a:pt x="641" y="311"/>
                    </a:lnTo>
                    <a:lnTo>
                      <a:pt x="643" y="311"/>
                    </a:lnTo>
                    <a:lnTo>
                      <a:pt x="645" y="311"/>
                    </a:lnTo>
                    <a:lnTo>
                      <a:pt x="645" y="313"/>
                    </a:lnTo>
                    <a:lnTo>
                      <a:pt x="647" y="315"/>
                    </a:lnTo>
                    <a:lnTo>
                      <a:pt x="649" y="315"/>
                    </a:lnTo>
                    <a:lnTo>
                      <a:pt x="650" y="313"/>
                    </a:lnTo>
                    <a:lnTo>
                      <a:pt x="652" y="311"/>
                    </a:lnTo>
                    <a:lnTo>
                      <a:pt x="654" y="311"/>
                    </a:lnTo>
                    <a:lnTo>
                      <a:pt x="656" y="313"/>
                    </a:lnTo>
                    <a:lnTo>
                      <a:pt x="658" y="313"/>
                    </a:lnTo>
                    <a:lnTo>
                      <a:pt x="660" y="313"/>
                    </a:lnTo>
                    <a:lnTo>
                      <a:pt x="662" y="313"/>
                    </a:lnTo>
                    <a:lnTo>
                      <a:pt x="662" y="315"/>
                    </a:lnTo>
                    <a:lnTo>
                      <a:pt x="663" y="317"/>
                    </a:lnTo>
                    <a:lnTo>
                      <a:pt x="665" y="317"/>
                    </a:lnTo>
                    <a:lnTo>
                      <a:pt x="667" y="317"/>
                    </a:lnTo>
                    <a:lnTo>
                      <a:pt x="669" y="315"/>
                    </a:lnTo>
                    <a:lnTo>
                      <a:pt x="669" y="317"/>
                    </a:lnTo>
                    <a:lnTo>
                      <a:pt x="671" y="317"/>
                    </a:lnTo>
                    <a:lnTo>
                      <a:pt x="673" y="317"/>
                    </a:lnTo>
                    <a:lnTo>
                      <a:pt x="674" y="317"/>
                    </a:lnTo>
                    <a:lnTo>
                      <a:pt x="676" y="317"/>
                    </a:lnTo>
                    <a:lnTo>
                      <a:pt x="678" y="317"/>
                    </a:lnTo>
                    <a:lnTo>
                      <a:pt x="678" y="318"/>
                    </a:lnTo>
                    <a:lnTo>
                      <a:pt x="680" y="318"/>
                    </a:lnTo>
                    <a:lnTo>
                      <a:pt x="682" y="318"/>
                    </a:lnTo>
                    <a:lnTo>
                      <a:pt x="684" y="318"/>
                    </a:lnTo>
                    <a:lnTo>
                      <a:pt x="684" y="320"/>
                    </a:lnTo>
                    <a:lnTo>
                      <a:pt x="686" y="318"/>
                    </a:lnTo>
                    <a:lnTo>
                      <a:pt x="684" y="320"/>
                    </a:lnTo>
                    <a:lnTo>
                      <a:pt x="686" y="320"/>
                    </a:lnTo>
                    <a:lnTo>
                      <a:pt x="687" y="320"/>
                    </a:lnTo>
                    <a:lnTo>
                      <a:pt x="689" y="320"/>
                    </a:lnTo>
                    <a:lnTo>
                      <a:pt x="693" y="322"/>
                    </a:lnTo>
                    <a:lnTo>
                      <a:pt x="695" y="322"/>
                    </a:lnTo>
                    <a:lnTo>
                      <a:pt x="697" y="322"/>
                    </a:lnTo>
                    <a:lnTo>
                      <a:pt x="699" y="320"/>
                    </a:lnTo>
                    <a:lnTo>
                      <a:pt x="700" y="320"/>
                    </a:lnTo>
                    <a:lnTo>
                      <a:pt x="702" y="320"/>
                    </a:lnTo>
                    <a:lnTo>
                      <a:pt x="702" y="318"/>
                    </a:lnTo>
                    <a:lnTo>
                      <a:pt x="704" y="318"/>
                    </a:lnTo>
                    <a:lnTo>
                      <a:pt x="706" y="318"/>
                    </a:lnTo>
                    <a:lnTo>
                      <a:pt x="708" y="318"/>
                    </a:lnTo>
                    <a:lnTo>
                      <a:pt x="710" y="318"/>
                    </a:lnTo>
                    <a:lnTo>
                      <a:pt x="711" y="317"/>
                    </a:lnTo>
                    <a:lnTo>
                      <a:pt x="713" y="317"/>
                    </a:lnTo>
                    <a:lnTo>
                      <a:pt x="715" y="317"/>
                    </a:lnTo>
                    <a:lnTo>
                      <a:pt x="717" y="317"/>
                    </a:lnTo>
                    <a:lnTo>
                      <a:pt x="719" y="317"/>
                    </a:lnTo>
                    <a:lnTo>
                      <a:pt x="719" y="315"/>
                    </a:lnTo>
                    <a:lnTo>
                      <a:pt x="721" y="315"/>
                    </a:lnTo>
                    <a:lnTo>
                      <a:pt x="721" y="313"/>
                    </a:lnTo>
                    <a:lnTo>
                      <a:pt x="723" y="313"/>
                    </a:lnTo>
                    <a:lnTo>
                      <a:pt x="723" y="311"/>
                    </a:lnTo>
                    <a:lnTo>
                      <a:pt x="724" y="311"/>
                    </a:lnTo>
                    <a:lnTo>
                      <a:pt x="726" y="311"/>
                    </a:lnTo>
                    <a:lnTo>
                      <a:pt x="726" y="309"/>
                    </a:lnTo>
                    <a:lnTo>
                      <a:pt x="728" y="309"/>
                    </a:lnTo>
                    <a:lnTo>
                      <a:pt x="730" y="309"/>
                    </a:lnTo>
                    <a:lnTo>
                      <a:pt x="732" y="309"/>
                    </a:lnTo>
                    <a:lnTo>
                      <a:pt x="734" y="309"/>
                    </a:lnTo>
                    <a:lnTo>
                      <a:pt x="735" y="309"/>
                    </a:lnTo>
                    <a:lnTo>
                      <a:pt x="735" y="311"/>
                    </a:lnTo>
                    <a:lnTo>
                      <a:pt x="735" y="313"/>
                    </a:lnTo>
                    <a:lnTo>
                      <a:pt x="737" y="313"/>
                    </a:lnTo>
                    <a:lnTo>
                      <a:pt x="737" y="311"/>
                    </a:lnTo>
                    <a:lnTo>
                      <a:pt x="739" y="311"/>
                    </a:lnTo>
                    <a:lnTo>
                      <a:pt x="739" y="313"/>
                    </a:lnTo>
                    <a:lnTo>
                      <a:pt x="741" y="313"/>
                    </a:lnTo>
                    <a:lnTo>
                      <a:pt x="743" y="311"/>
                    </a:lnTo>
                    <a:lnTo>
                      <a:pt x="745" y="311"/>
                    </a:lnTo>
                    <a:lnTo>
                      <a:pt x="747" y="311"/>
                    </a:lnTo>
                    <a:lnTo>
                      <a:pt x="748" y="311"/>
                    </a:lnTo>
                    <a:lnTo>
                      <a:pt x="750" y="311"/>
                    </a:lnTo>
                    <a:lnTo>
                      <a:pt x="752" y="311"/>
                    </a:lnTo>
                    <a:lnTo>
                      <a:pt x="752" y="309"/>
                    </a:lnTo>
                    <a:lnTo>
                      <a:pt x="754" y="309"/>
                    </a:lnTo>
                    <a:lnTo>
                      <a:pt x="756" y="309"/>
                    </a:lnTo>
                    <a:lnTo>
                      <a:pt x="756" y="307"/>
                    </a:lnTo>
                    <a:lnTo>
                      <a:pt x="758" y="307"/>
                    </a:lnTo>
                    <a:lnTo>
                      <a:pt x="760" y="307"/>
                    </a:lnTo>
                    <a:lnTo>
                      <a:pt x="761" y="307"/>
                    </a:lnTo>
                    <a:lnTo>
                      <a:pt x="761" y="305"/>
                    </a:lnTo>
                    <a:lnTo>
                      <a:pt x="763" y="305"/>
                    </a:lnTo>
                    <a:lnTo>
                      <a:pt x="765" y="304"/>
                    </a:lnTo>
                    <a:lnTo>
                      <a:pt x="767" y="304"/>
                    </a:lnTo>
                    <a:lnTo>
                      <a:pt x="767" y="305"/>
                    </a:lnTo>
                    <a:lnTo>
                      <a:pt x="769" y="305"/>
                    </a:lnTo>
                    <a:lnTo>
                      <a:pt x="771" y="305"/>
                    </a:lnTo>
                    <a:lnTo>
                      <a:pt x="772" y="305"/>
                    </a:lnTo>
                    <a:lnTo>
                      <a:pt x="772" y="304"/>
                    </a:lnTo>
                    <a:lnTo>
                      <a:pt x="774" y="304"/>
                    </a:lnTo>
                    <a:lnTo>
                      <a:pt x="774" y="302"/>
                    </a:lnTo>
                    <a:lnTo>
                      <a:pt x="776" y="302"/>
                    </a:lnTo>
                    <a:lnTo>
                      <a:pt x="778" y="302"/>
                    </a:lnTo>
                    <a:lnTo>
                      <a:pt x="778" y="300"/>
                    </a:lnTo>
                    <a:lnTo>
                      <a:pt x="780" y="302"/>
                    </a:lnTo>
                    <a:lnTo>
                      <a:pt x="780" y="300"/>
                    </a:lnTo>
                    <a:lnTo>
                      <a:pt x="782" y="300"/>
                    </a:lnTo>
                    <a:lnTo>
                      <a:pt x="784" y="300"/>
                    </a:lnTo>
                    <a:lnTo>
                      <a:pt x="784" y="298"/>
                    </a:lnTo>
                    <a:lnTo>
                      <a:pt x="785" y="298"/>
                    </a:lnTo>
                    <a:lnTo>
                      <a:pt x="785" y="296"/>
                    </a:lnTo>
                    <a:lnTo>
                      <a:pt x="787" y="296"/>
                    </a:lnTo>
                    <a:lnTo>
                      <a:pt x="787" y="294"/>
                    </a:lnTo>
                    <a:lnTo>
                      <a:pt x="789" y="294"/>
                    </a:lnTo>
                    <a:lnTo>
                      <a:pt x="791" y="294"/>
                    </a:lnTo>
                    <a:lnTo>
                      <a:pt x="791" y="296"/>
                    </a:lnTo>
                    <a:lnTo>
                      <a:pt x="793" y="294"/>
                    </a:lnTo>
                    <a:lnTo>
                      <a:pt x="795" y="294"/>
                    </a:lnTo>
                    <a:lnTo>
                      <a:pt x="796" y="294"/>
                    </a:lnTo>
                    <a:lnTo>
                      <a:pt x="798" y="294"/>
                    </a:lnTo>
                    <a:lnTo>
                      <a:pt x="800" y="294"/>
                    </a:lnTo>
                    <a:lnTo>
                      <a:pt x="800" y="296"/>
                    </a:lnTo>
                    <a:lnTo>
                      <a:pt x="802" y="296"/>
                    </a:lnTo>
                    <a:lnTo>
                      <a:pt x="804" y="296"/>
                    </a:lnTo>
                    <a:lnTo>
                      <a:pt x="806" y="296"/>
                    </a:lnTo>
                    <a:lnTo>
                      <a:pt x="808" y="296"/>
                    </a:lnTo>
                    <a:lnTo>
                      <a:pt x="808" y="298"/>
                    </a:lnTo>
                    <a:lnTo>
                      <a:pt x="809" y="298"/>
                    </a:lnTo>
                    <a:lnTo>
                      <a:pt x="811" y="298"/>
                    </a:lnTo>
                    <a:lnTo>
                      <a:pt x="813" y="298"/>
                    </a:lnTo>
                    <a:lnTo>
                      <a:pt x="813" y="300"/>
                    </a:lnTo>
                    <a:lnTo>
                      <a:pt x="815" y="300"/>
                    </a:lnTo>
                    <a:lnTo>
                      <a:pt x="815" y="302"/>
                    </a:lnTo>
                    <a:lnTo>
                      <a:pt x="815" y="304"/>
                    </a:lnTo>
                    <a:lnTo>
                      <a:pt x="817" y="304"/>
                    </a:lnTo>
                    <a:lnTo>
                      <a:pt x="817" y="305"/>
                    </a:lnTo>
                    <a:lnTo>
                      <a:pt x="819" y="305"/>
                    </a:lnTo>
                    <a:lnTo>
                      <a:pt x="819" y="307"/>
                    </a:lnTo>
                    <a:lnTo>
                      <a:pt x="821" y="307"/>
                    </a:lnTo>
                    <a:lnTo>
                      <a:pt x="822" y="307"/>
                    </a:lnTo>
                    <a:lnTo>
                      <a:pt x="824" y="307"/>
                    </a:lnTo>
                    <a:lnTo>
                      <a:pt x="826" y="307"/>
                    </a:lnTo>
                    <a:lnTo>
                      <a:pt x="826" y="305"/>
                    </a:lnTo>
                    <a:lnTo>
                      <a:pt x="828" y="305"/>
                    </a:lnTo>
                    <a:lnTo>
                      <a:pt x="828" y="307"/>
                    </a:lnTo>
                    <a:lnTo>
                      <a:pt x="830" y="307"/>
                    </a:lnTo>
                    <a:lnTo>
                      <a:pt x="832" y="307"/>
                    </a:lnTo>
                    <a:lnTo>
                      <a:pt x="833" y="307"/>
                    </a:lnTo>
                    <a:lnTo>
                      <a:pt x="835" y="305"/>
                    </a:lnTo>
                    <a:lnTo>
                      <a:pt x="837" y="304"/>
                    </a:lnTo>
                    <a:lnTo>
                      <a:pt x="839" y="304"/>
                    </a:lnTo>
                    <a:lnTo>
                      <a:pt x="841" y="304"/>
                    </a:lnTo>
                    <a:lnTo>
                      <a:pt x="843" y="304"/>
                    </a:lnTo>
                    <a:lnTo>
                      <a:pt x="843" y="302"/>
                    </a:lnTo>
                    <a:lnTo>
                      <a:pt x="845" y="302"/>
                    </a:lnTo>
                    <a:lnTo>
                      <a:pt x="845" y="300"/>
                    </a:lnTo>
                    <a:lnTo>
                      <a:pt x="846" y="300"/>
                    </a:lnTo>
                    <a:lnTo>
                      <a:pt x="846" y="298"/>
                    </a:lnTo>
                    <a:lnTo>
                      <a:pt x="848" y="298"/>
                    </a:lnTo>
                    <a:lnTo>
                      <a:pt x="850" y="298"/>
                    </a:lnTo>
                    <a:lnTo>
                      <a:pt x="852" y="298"/>
                    </a:lnTo>
                    <a:lnTo>
                      <a:pt x="854" y="296"/>
                    </a:lnTo>
                    <a:lnTo>
                      <a:pt x="856" y="296"/>
                    </a:lnTo>
                    <a:lnTo>
                      <a:pt x="857" y="296"/>
                    </a:lnTo>
                    <a:lnTo>
                      <a:pt x="859" y="296"/>
                    </a:lnTo>
                    <a:lnTo>
                      <a:pt x="861" y="294"/>
                    </a:lnTo>
                    <a:lnTo>
                      <a:pt x="863" y="294"/>
                    </a:lnTo>
                    <a:lnTo>
                      <a:pt x="865" y="293"/>
                    </a:lnTo>
                    <a:lnTo>
                      <a:pt x="867" y="291"/>
                    </a:lnTo>
                    <a:lnTo>
                      <a:pt x="870" y="289"/>
                    </a:lnTo>
                    <a:lnTo>
                      <a:pt x="870" y="287"/>
                    </a:lnTo>
                    <a:lnTo>
                      <a:pt x="869" y="287"/>
                    </a:lnTo>
                    <a:lnTo>
                      <a:pt x="867" y="287"/>
                    </a:lnTo>
                    <a:lnTo>
                      <a:pt x="867" y="285"/>
                    </a:lnTo>
                    <a:lnTo>
                      <a:pt x="869" y="283"/>
                    </a:lnTo>
                    <a:lnTo>
                      <a:pt x="869" y="281"/>
                    </a:lnTo>
                    <a:lnTo>
                      <a:pt x="870" y="283"/>
                    </a:lnTo>
                    <a:lnTo>
                      <a:pt x="870" y="285"/>
                    </a:lnTo>
                    <a:lnTo>
                      <a:pt x="872" y="283"/>
                    </a:lnTo>
                    <a:lnTo>
                      <a:pt x="872" y="281"/>
                    </a:lnTo>
                    <a:lnTo>
                      <a:pt x="874" y="281"/>
                    </a:lnTo>
                    <a:lnTo>
                      <a:pt x="874" y="280"/>
                    </a:lnTo>
                    <a:lnTo>
                      <a:pt x="872" y="280"/>
                    </a:lnTo>
                    <a:lnTo>
                      <a:pt x="872" y="278"/>
                    </a:lnTo>
                    <a:lnTo>
                      <a:pt x="872" y="276"/>
                    </a:lnTo>
                    <a:lnTo>
                      <a:pt x="872" y="274"/>
                    </a:lnTo>
                    <a:lnTo>
                      <a:pt x="870" y="274"/>
                    </a:lnTo>
                    <a:lnTo>
                      <a:pt x="870" y="272"/>
                    </a:lnTo>
                    <a:lnTo>
                      <a:pt x="870" y="270"/>
                    </a:lnTo>
                    <a:lnTo>
                      <a:pt x="872" y="270"/>
                    </a:lnTo>
                    <a:lnTo>
                      <a:pt x="874" y="270"/>
                    </a:lnTo>
                    <a:lnTo>
                      <a:pt x="874" y="268"/>
                    </a:lnTo>
                    <a:lnTo>
                      <a:pt x="874" y="267"/>
                    </a:lnTo>
                    <a:lnTo>
                      <a:pt x="876" y="267"/>
                    </a:lnTo>
                    <a:lnTo>
                      <a:pt x="874" y="267"/>
                    </a:lnTo>
                    <a:lnTo>
                      <a:pt x="874" y="265"/>
                    </a:lnTo>
                    <a:lnTo>
                      <a:pt x="876" y="265"/>
                    </a:lnTo>
                    <a:lnTo>
                      <a:pt x="876" y="263"/>
                    </a:lnTo>
                    <a:lnTo>
                      <a:pt x="876" y="261"/>
                    </a:lnTo>
                    <a:lnTo>
                      <a:pt x="876" y="259"/>
                    </a:lnTo>
                    <a:lnTo>
                      <a:pt x="876" y="257"/>
                    </a:lnTo>
                    <a:lnTo>
                      <a:pt x="876" y="256"/>
                    </a:lnTo>
                    <a:lnTo>
                      <a:pt x="876" y="254"/>
                    </a:lnTo>
                    <a:lnTo>
                      <a:pt x="876" y="252"/>
                    </a:lnTo>
                    <a:lnTo>
                      <a:pt x="874" y="252"/>
                    </a:lnTo>
                    <a:lnTo>
                      <a:pt x="874" y="250"/>
                    </a:lnTo>
                    <a:lnTo>
                      <a:pt x="874" y="248"/>
                    </a:lnTo>
                    <a:lnTo>
                      <a:pt x="872" y="248"/>
                    </a:lnTo>
                    <a:lnTo>
                      <a:pt x="872" y="246"/>
                    </a:lnTo>
                    <a:lnTo>
                      <a:pt x="874" y="246"/>
                    </a:lnTo>
                    <a:lnTo>
                      <a:pt x="874" y="244"/>
                    </a:lnTo>
                    <a:lnTo>
                      <a:pt x="874" y="243"/>
                    </a:lnTo>
                    <a:lnTo>
                      <a:pt x="876" y="243"/>
                    </a:lnTo>
                    <a:lnTo>
                      <a:pt x="876" y="241"/>
                    </a:lnTo>
                    <a:lnTo>
                      <a:pt x="876" y="239"/>
                    </a:lnTo>
                    <a:lnTo>
                      <a:pt x="876" y="237"/>
                    </a:lnTo>
                    <a:lnTo>
                      <a:pt x="878" y="237"/>
                    </a:lnTo>
                    <a:lnTo>
                      <a:pt x="880" y="237"/>
                    </a:lnTo>
                    <a:lnTo>
                      <a:pt x="882" y="237"/>
                    </a:lnTo>
                    <a:lnTo>
                      <a:pt x="882" y="239"/>
                    </a:lnTo>
                    <a:lnTo>
                      <a:pt x="883" y="239"/>
                    </a:lnTo>
                    <a:lnTo>
                      <a:pt x="885" y="239"/>
                    </a:lnTo>
                    <a:lnTo>
                      <a:pt x="887" y="239"/>
                    </a:lnTo>
                    <a:lnTo>
                      <a:pt x="889" y="239"/>
                    </a:lnTo>
                    <a:lnTo>
                      <a:pt x="891" y="239"/>
                    </a:lnTo>
                    <a:lnTo>
                      <a:pt x="893" y="239"/>
                    </a:lnTo>
                    <a:lnTo>
                      <a:pt x="893" y="241"/>
                    </a:lnTo>
                    <a:lnTo>
                      <a:pt x="894" y="241"/>
                    </a:lnTo>
                    <a:lnTo>
                      <a:pt x="894" y="243"/>
                    </a:lnTo>
                    <a:lnTo>
                      <a:pt x="896" y="243"/>
                    </a:lnTo>
                    <a:lnTo>
                      <a:pt x="896" y="244"/>
                    </a:lnTo>
                    <a:lnTo>
                      <a:pt x="898" y="244"/>
                    </a:lnTo>
                    <a:lnTo>
                      <a:pt x="900" y="244"/>
                    </a:lnTo>
                    <a:lnTo>
                      <a:pt x="900" y="243"/>
                    </a:lnTo>
                    <a:lnTo>
                      <a:pt x="902" y="243"/>
                    </a:lnTo>
                    <a:lnTo>
                      <a:pt x="900" y="243"/>
                    </a:lnTo>
                    <a:lnTo>
                      <a:pt x="900" y="241"/>
                    </a:lnTo>
                    <a:lnTo>
                      <a:pt x="902" y="241"/>
                    </a:lnTo>
                    <a:lnTo>
                      <a:pt x="904" y="241"/>
                    </a:lnTo>
                    <a:lnTo>
                      <a:pt x="904" y="239"/>
                    </a:lnTo>
                    <a:lnTo>
                      <a:pt x="906" y="239"/>
                    </a:lnTo>
                    <a:lnTo>
                      <a:pt x="907" y="239"/>
                    </a:lnTo>
                    <a:lnTo>
                      <a:pt x="907" y="237"/>
                    </a:lnTo>
                    <a:lnTo>
                      <a:pt x="909" y="237"/>
                    </a:lnTo>
                    <a:lnTo>
                      <a:pt x="911" y="237"/>
                    </a:lnTo>
                    <a:lnTo>
                      <a:pt x="913" y="235"/>
                    </a:lnTo>
                    <a:lnTo>
                      <a:pt x="915" y="235"/>
                    </a:lnTo>
                    <a:lnTo>
                      <a:pt x="917" y="235"/>
                    </a:lnTo>
                    <a:lnTo>
                      <a:pt x="917" y="233"/>
                    </a:lnTo>
                    <a:lnTo>
                      <a:pt x="918" y="233"/>
                    </a:lnTo>
                    <a:lnTo>
                      <a:pt x="918" y="231"/>
                    </a:lnTo>
                    <a:lnTo>
                      <a:pt x="920" y="231"/>
                    </a:lnTo>
                    <a:lnTo>
                      <a:pt x="920" y="230"/>
                    </a:lnTo>
                    <a:lnTo>
                      <a:pt x="922" y="230"/>
                    </a:lnTo>
                    <a:lnTo>
                      <a:pt x="922" y="228"/>
                    </a:lnTo>
                    <a:lnTo>
                      <a:pt x="924" y="228"/>
                    </a:lnTo>
                    <a:lnTo>
                      <a:pt x="926" y="228"/>
                    </a:lnTo>
                    <a:lnTo>
                      <a:pt x="928" y="228"/>
                    </a:lnTo>
                    <a:lnTo>
                      <a:pt x="930" y="228"/>
                    </a:lnTo>
                    <a:lnTo>
                      <a:pt x="931" y="228"/>
                    </a:lnTo>
                    <a:lnTo>
                      <a:pt x="933" y="228"/>
                    </a:lnTo>
                    <a:lnTo>
                      <a:pt x="933" y="226"/>
                    </a:lnTo>
                    <a:lnTo>
                      <a:pt x="935" y="226"/>
                    </a:lnTo>
                    <a:lnTo>
                      <a:pt x="937" y="226"/>
                    </a:lnTo>
                    <a:lnTo>
                      <a:pt x="939" y="226"/>
                    </a:lnTo>
                    <a:lnTo>
                      <a:pt x="941" y="226"/>
                    </a:lnTo>
                    <a:lnTo>
                      <a:pt x="943" y="226"/>
                    </a:lnTo>
                    <a:lnTo>
                      <a:pt x="943" y="224"/>
                    </a:lnTo>
                    <a:lnTo>
                      <a:pt x="944" y="224"/>
                    </a:lnTo>
                    <a:lnTo>
                      <a:pt x="944" y="222"/>
                    </a:lnTo>
                    <a:lnTo>
                      <a:pt x="946" y="222"/>
                    </a:lnTo>
                    <a:lnTo>
                      <a:pt x="948" y="222"/>
                    </a:lnTo>
                    <a:lnTo>
                      <a:pt x="954" y="220"/>
                    </a:lnTo>
                    <a:lnTo>
                      <a:pt x="955" y="220"/>
                    </a:lnTo>
                    <a:lnTo>
                      <a:pt x="957" y="219"/>
                    </a:lnTo>
                    <a:lnTo>
                      <a:pt x="959" y="219"/>
                    </a:lnTo>
                    <a:lnTo>
                      <a:pt x="961" y="219"/>
                    </a:lnTo>
                    <a:lnTo>
                      <a:pt x="963" y="217"/>
                    </a:lnTo>
                    <a:lnTo>
                      <a:pt x="965" y="217"/>
                    </a:lnTo>
                    <a:lnTo>
                      <a:pt x="965" y="215"/>
                    </a:lnTo>
                    <a:lnTo>
                      <a:pt x="968" y="215"/>
                    </a:lnTo>
                    <a:lnTo>
                      <a:pt x="970" y="213"/>
                    </a:lnTo>
                    <a:lnTo>
                      <a:pt x="970" y="211"/>
                    </a:lnTo>
                    <a:lnTo>
                      <a:pt x="972" y="211"/>
                    </a:lnTo>
                    <a:lnTo>
                      <a:pt x="972" y="209"/>
                    </a:lnTo>
                    <a:lnTo>
                      <a:pt x="972" y="211"/>
                    </a:lnTo>
                    <a:lnTo>
                      <a:pt x="972" y="209"/>
                    </a:lnTo>
                    <a:lnTo>
                      <a:pt x="974" y="209"/>
                    </a:lnTo>
                    <a:lnTo>
                      <a:pt x="974" y="207"/>
                    </a:lnTo>
                    <a:lnTo>
                      <a:pt x="976" y="207"/>
                    </a:lnTo>
                    <a:lnTo>
                      <a:pt x="976" y="206"/>
                    </a:lnTo>
                    <a:lnTo>
                      <a:pt x="976" y="207"/>
                    </a:lnTo>
                    <a:lnTo>
                      <a:pt x="976" y="206"/>
                    </a:lnTo>
                    <a:lnTo>
                      <a:pt x="978" y="206"/>
                    </a:lnTo>
                    <a:lnTo>
                      <a:pt x="976" y="206"/>
                    </a:lnTo>
                    <a:lnTo>
                      <a:pt x="978" y="206"/>
                    </a:lnTo>
                    <a:lnTo>
                      <a:pt x="978" y="204"/>
                    </a:lnTo>
                    <a:lnTo>
                      <a:pt x="979" y="204"/>
                    </a:lnTo>
                    <a:lnTo>
                      <a:pt x="981" y="204"/>
                    </a:lnTo>
                    <a:lnTo>
                      <a:pt x="983" y="204"/>
                    </a:lnTo>
                    <a:lnTo>
                      <a:pt x="985" y="204"/>
                    </a:lnTo>
                    <a:lnTo>
                      <a:pt x="987" y="204"/>
                    </a:lnTo>
                    <a:lnTo>
                      <a:pt x="987" y="202"/>
                    </a:lnTo>
                    <a:lnTo>
                      <a:pt x="989" y="202"/>
                    </a:lnTo>
                    <a:lnTo>
                      <a:pt x="989" y="200"/>
                    </a:lnTo>
                    <a:lnTo>
                      <a:pt x="991" y="200"/>
                    </a:lnTo>
                    <a:lnTo>
                      <a:pt x="992" y="200"/>
                    </a:lnTo>
                    <a:lnTo>
                      <a:pt x="992" y="198"/>
                    </a:lnTo>
                    <a:lnTo>
                      <a:pt x="992" y="200"/>
                    </a:lnTo>
                    <a:lnTo>
                      <a:pt x="994" y="200"/>
                    </a:lnTo>
                    <a:lnTo>
                      <a:pt x="996" y="200"/>
                    </a:lnTo>
                    <a:lnTo>
                      <a:pt x="998" y="200"/>
                    </a:lnTo>
                    <a:lnTo>
                      <a:pt x="998" y="198"/>
                    </a:lnTo>
                    <a:lnTo>
                      <a:pt x="1000" y="198"/>
                    </a:lnTo>
                    <a:lnTo>
                      <a:pt x="1000" y="196"/>
                    </a:lnTo>
                    <a:lnTo>
                      <a:pt x="1002" y="196"/>
                    </a:lnTo>
                    <a:lnTo>
                      <a:pt x="1004" y="194"/>
                    </a:lnTo>
                    <a:lnTo>
                      <a:pt x="1005" y="194"/>
                    </a:lnTo>
                    <a:lnTo>
                      <a:pt x="1007" y="194"/>
                    </a:lnTo>
                    <a:lnTo>
                      <a:pt x="1007" y="193"/>
                    </a:lnTo>
                    <a:lnTo>
                      <a:pt x="1005" y="193"/>
                    </a:lnTo>
                    <a:lnTo>
                      <a:pt x="1004" y="191"/>
                    </a:lnTo>
                    <a:lnTo>
                      <a:pt x="1004" y="189"/>
                    </a:lnTo>
                    <a:lnTo>
                      <a:pt x="1002" y="189"/>
                    </a:lnTo>
                    <a:lnTo>
                      <a:pt x="1002" y="187"/>
                    </a:lnTo>
                    <a:lnTo>
                      <a:pt x="1002" y="185"/>
                    </a:lnTo>
                    <a:lnTo>
                      <a:pt x="1002" y="183"/>
                    </a:lnTo>
                    <a:lnTo>
                      <a:pt x="1002" y="182"/>
                    </a:lnTo>
                    <a:lnTo>
                      <a:pt x="1000" y="182"/>
                    </a:lnTo>
                    <a:lnTo>
                      <a:pt x="1002" y="182"/>
                    </a:lnTo>
                    <a:lnTo>
                      <a:pt x="1000" y="182"/>
                    </a:lnTo>
                    <a:lnTo>
                      <a:pt x="1000" y="180"/>
                    </a:lnTo>
                    <a:lnTo>
                      <a:pt x="1000" y="178"/>
                    </a:lnTo>
                    <a:lnTo>
                      <a:pt x="1002" y="178"/>
                    </a:lnTo>
                    <a:lnTo>
                      <a:pt x="1002" y="176"/>
                    </a:lnTo>
                    <a:lnTo>
                      <a:pt x="1004" y="174"/>
                    </a:lnTo>
                    <a:lnTo>
                      <a:pt x="1004" y="172"/>
                    </a:lnTo>
                    <a:lnTo>
                      <a:pt x="1005" y="172"/>
                    </a:lnTo>
                    <a:lnTo>
                      <a:pt x="1005" y="170"/>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81" name="Freeform 218"/>
              <p:cNvSpPr>
                <a:spLocks/>
              </p:cNvSpPr>
              <p:nvPr/>
            </p:nvSpPr>
            <p:spPr bwMode="auto">
              <a:xfrm>
                <a:off x="8555037" y="1143000"/>
                <a:ext cx="11113" cy="14288"/>
              </a:xfrm>
              <a:custGeom>
                <a:avLst/>
                <a:gdLst>
                  <a:gd name="T0" fmla="*/ 1 w 7"/>
                  <a:gd name="T1" fmla="*/ 0 h 9"/>
                  <a:gd name="T2" fmla="*/ 5 w 7"/>
                  <a:gd name="T3" fmla="*/ 0 h 9"/>
                  <a:gd name="T4" fmla="*/ 7 w 7"/>
                  <a:gd name="T5" fmla="*/ 3 h 9"/>
                  <a:gd name="T6" fmla="*/ 7 w 7"/>
                  <a:gd name="T7" fmla="*/ 3 h 9"/>
                  <a:gd name="T8" fmla="*/ 7 w 7"/>
                  <a:gd name="T9" fmla="*/ 3 h 9"/>
                  <a:gd name="T10" fmla="*/ 7 w 7"/>
                  <a:gd name="T11" fmla="*/ 3 h 9"/>
                  <a:gd name="T12" fmla="*/ 7 w 7"/>
                  <a:gd name="T13" fmla="*/ 3 h 9"/>
                  <a:gd name="T14" fmla="*/ 7 w 7"/>
                  <a:gd name="T15" fmla="*/ 5 h 9"/>
                  <a:gd name="T16" fmla="*/ 7 w 7"/>
                  <a:gd name="T17" fmla="*/ 5 h 9"/>
                  <a:gd name="T18" fmla="*/ 7 w 7"/>
                  <a:gd name="T19" fmla="*/ 5 h 9"/>
                  <a:gd name="T20" fmla="*/ 7 w 7"/>
                  <a:gd name="T21" fmla="*/ 5 h 9"/>
                  <a:gd name="T22" fmla="*/ 7 w 7"/>
                  <a:gd name="T23" fmla="*/ 5 h 9"/>
                  <a:gd name="T24" fmla="*/ 7 w 7"/>
                  <a:gd name="T25" fmla="*/ 5 h 9"/>
                  <a:gd name="T26" fmla="*/ 7 w 7"/>
                  <a:gd name="T27" fmla="*/ 5 h 9"/>
                  <a:gd name="T28" fmla="*/ 7 w 7"/>
                  <a:gd name="T29" fmla="*/ 5 h 9"/>
                  <a:gd name="T30" fmla="*/ 7 w 7"/>
                  <a:gd name="T31" fmla="*/ 5 h 9"/>
                  <a:gd name="T32" fmla="*/ 7 w 7"/>
                  <a:gd name="T33" fmla="*/ 5 h 9"/>
                  <a:gd name="T34" fmla="*/ 7 w 7"/>
                  <a:gd name="T35" fmla="*/ 5 h 9"/>
                  <a:gd name="T36" fmla="*/ 7 w 7"/>
                  <a:gd name="T37" fmla="*/ 5 h 9"/>
                  <a:gd name="T38" fmla="*/ 7 w 7"/>
                  <a:gd name="T39" fmla="*/ 7 h 9"/>
                  <a:gd name="T40" fmla="*/ 7 w 7"/>
                  <a:gd name="T41" fmla="*/ 7 h 9"/>
                  <a:gd name="T42" fmla="*/ 7 w 7"/>
                  <a:gd name="T43" fmla="*/ 7 h 9"/>
                  <a:gd name="T44" fmla="*/ 7 w 7"/>
                  <a:gd name="T45" fmla="*/ 7 h 9"/>
                  <a:gd name="T46" fmla="*/ 7 w 7"/>
                  <a:gd name="T47" fmla="*/ 7 h 9"/>
                  <a:gd name="T48" fmla="*/ 7 w 7"/>
                  <a:gd name="T49" fmla="*/ 7 h 9"/>
                  <a:gd name="T50" fmla="*/ 7 w 7"/>
                  <a:gd name="T51" fmla="*/ 7 h 9"/>
                  <a:gd name="T52" fmla="*/ 1 w 7"/>
                  <a:gd name="T53" fmla="*/ 5 h 9"/>
                  <a:gd name="T54" fmla="*/ 1 w 7"/>
                  <a:gd name="T55" fmla="*/ 5 h 9"/>
                  <a:gd name="T56" fmla="*/ 1 w 7"/>
                  <a:gd name="T57" fmla="*/ 5 h 9"/>
                  <a:gd name="T58" fmla="*/ 1 w 7"/>
                  <a:gd name="T59" fmla="*/ 5 h 9"/>
                  <a:gd name="T60" fmla="*/ 1 w 7"/>
                  <a:gd name="T61" fmla="*/ 5 h 9"/>
                  <a:gd name="T62" fmla="*/ 1 w 7"/>
                  <a:gd name="T63" fmla="*/ 5 h 9"/>
                  <a:gd name="T64" fmla="*/ 1 w 7"/>
                  <a:gd name="T65" fmla="*/ 3 h 9"/>
                  <a:gd name="T66" fmla="*/ 1 w 7"/>
                  <a:gd name="T67" fmla="*/ 3 h 9"/>
                  <a:gd name="T68" fmla="*/ 1 w 7"/>
                  <a:gd name="T69" fmla="*/ 3 h 9"/>
                  <a:gd name="T70" fmla="*/ 1 w 7"/>
                  <a:gd name="T71" fmla="*/ 3 h 9"/>
                  <a:gd name="T72" fmla="*/ 1 w 7"/>
                  <a:gd name="T73" fmla="*/ 3 h 9"/>
                  <a:gd name="T74" fmla="*/ 1 w 7"/>
                  <a:gd name="T75" fmla="*/ 3 h 9"/>
                  <a:gd name="T76" fmla="*/ 1 w 7"/>
                  <a:gd name="T77" fmla="*/ 3 h 9"/>
                  <a:gd name="T78" fmla="*/ 1 w 7"/>
                  <a:gd name="T79" fmla="*/ 3 h 9"/>
                  <a:gd name="T80" fmla="*/ 1 w 7"/>
                  <a:gd name="T81" fmla="*/ 3 h 9"/>
                  <a:gd name="T82" fmla="*/ 0 w 7"/>
                  <a:gd name="T83" fmla="*/ 3 h 9"/>
                  <a:gd name="T84" fmla="*/ 0 w 7"/>
                  <a:gd name="T85" fmla="*/ 2 h 9"/>
                  <a:gd name="T86" fmla="*/ 0 w 7"/>
                  <a:gd name="T87" fmla="*/ 2 h 9"/>
                  <a:gd name="T88" fmla="*/ 0 w 7"/>
                  <a:gd name="T89" fmla="*/ 2 h 9"/>
                  <a:gd name="T90" fmla="*/ 0 w 7"/>
                  <a:gd name="T91" fmla="*/ 2 h 9"/>
                  <a:gd name="T92" fmla="*/ 0 w 7"/>
                  <a:gd name="T93" fmla="*/ 2 h 9"/>
                  <a:gd name="T94" fmla="*/ 0 w 7"/>
                  <a:gd name="T95" fmla="*/ 2 h 9"/>
                  <a:gd name="T96" fmla="*/ 0 w 7"/>
                  <a:gd name="T97" fmla="*/ 2 h 9"/>
                  <a:gd name="T98" fmla="*/ 0 w 7"/>
                  <a:gd name="T99" fmla="*/ 2 h 9"/>
                  <a:gd name="T100" fmla="*/ 0 w 7"/>
                  <a:gd name="T101" fmla="*/ 2 h 9"/>
                  <a:gd name="T102" fmla="*/ 0 w 7"/>
                  <a:gd name="T103" fmla="*/ 2 h 9"/>
                  <a:gd name="T104" fmla="*/ 0 w 7"/>
                  <a:gd name="T105" fmla="*/ 2 h 9"/>
                  <a:gd name="T106" fmla="*/ 0 w 7"/>
                  <a:gd name="T107" fmla="*/ 2 h 9"/>
                  <a:gd name="T108" fmla="*/ 0 w 7"/>
                  <a:gd name="T109" fmla="*/ 2 h 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7" h="9">
                    <a:moveTo>
                      <a:pt x="0" y="2"/>
                    </a:moveTo>
                    <a:lnTo>
                      <a:pt x="1" y="0"/>
                    </a:lnTo>
                    <a:lnTo>
                      <a:pt x="3" y="0"/>
                    </a:lnTo>
                    <a:lnTo>
                      <a:pt x="5" y="0"/>
                    </a:lnTo>
                    <a:lnTo>
                      <a:pt x="3" y="2"/>
                    </a:lnTo>
                    <a:lnTo>
                      <a:pt x="7" y="3"/>
                    </a:lnTo>
                    <a:lnTo>
                      <a:pt x="7" y="3"/>
                    </a:lnTo>
                    <a:lnTo>
                      <a:pt x="7" y="3"/>
                    </a:lnTo>
                    <a:lnTo>
                      <a:pt x="7" y="3"/>
                    </a:lnTo>
                    <a:lnTo>
                      <a:pt x="7" y="3"/>
                    </a:lnTo>
                    <a:lnTo>
                      <a:pt x="7" y="3"/>
                    </a:lnTo>
                    <a:lnTo>
                      <a:pt x="7" y="3"/>
                    </a:lnTo>
                    <a:lnTo>
                      <a:pt x="7" y="3"/>
                    </a:lnTo>
                    <a:lnTo>
                      <a:pt x="7" y="3"/>
                    </a:lnTo>
                    <a:lnTo>
                      <a:pt x="7" y="3"/>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5"/>
                    </a:lnTo>
                    <a:lnTo>
                      <a:pt x="7" y="7"/>
                    </a:lnTo>
                    <a:lnTo>
                      <a:pt x="7" y="7"/>
                    </a:lnTo>
                    <a:lnTo>
                      <a:pt x="7" y="7"/>
                    </a:lnTo>
                    <a:lnTo>
                      <a:pt x="7" y="7"/>
                    </a:lnTo>
                    <a:lnTo>
                      <a:pt x="7" y="7"/>
                    </a:lnTo>
                    <a:lnTo>
                      <a:pt x="7" y="7"/>
                    </a:lnTo>
                    <a:lnTo>
                      <a:pt x="7" y="7"/>
                    </a:lnTo>
                    <a:lnTo>
                      <a:pt x="7" y="7"/>
                    </a:lnTo>
                    <a:lnTo>
                      <a:pt x="7" y="7"/>
                    </a:lnTo>
                    <a:lnTo>
                      <a:pt x="7" y="7"/>
                    </a:lnTo>
                    <a:lnTo>
                      <a:pt x="7" y="7"/>
                    </a:lnTo>
                    <a:lnTo>
                      <a:pt x="7" y="7"/>
                    </a:lnTo>
                    <a:lnTo>
                      <a:pt x="7" y="7"/>
                    </a:lnTo>
                    <a:lnTo>
                      <a:pt x="7" y="9"/>
                    </a:lnTo>
                    <a:lnTo>
                      <a:pt x="1" y="5"/>
                    </a:lnTo>
                    <a:lnTo>
                      <a:pt x="1" y="5"/>
                    </a:lnTo>
                    <a:lnTo>
                      <a:pt x="1" y="5"/>
                    </a:lnTo>
                    <a:lnTo>
                      <a:pt x="1" y="5"/>
                    </a:lnTo>
                    <a:lnTo>
                      <a:pt x="1" y="5"/>
                    </a:lnTo>
                    <a:lnTo>
                      <a:pt x="1" y="5"/>
                    </a:lnTo>
                    <a:lnTo>
                      <a:pt x="1" y="5"/>
                    </a:lnTo>
                    <a:lnTo>
                      <a:pt x="1" y="5"/>
                    </a:lnTo>
                    <a:lnTo>
                      <a:pt x="1" y="5"/>
                    </a:lnTo>
                    <a:lnTo>
                      <a:pt x="1" y="5"/>
                    </a:lnTo>
                    <a:lnTo>
                      <a:pt x="1" y="5"/>
                    </a:lnTo>
                    <a:lnTo>
                      <a:pt x="1" y="5"/>
                    </a:lnTo>
                    <a:lnTo>
                      <a:pt x="1" y="3"/>
                    </a:lnTo>
                    <a:lnTo>
                      <a:pt x="1" y="3"/>
                    </a:lnTo>
                    <a:lnTo>
                      <a:pt x="1" y="3"/>
                    </a:lnTo>
                    <a:lnTo>
                      <a:pt x="1" y="3"/>
                    </a:lnTo>
                    <a:lnTo>
                      <a:pt x="1" y="3"/>
                    </a:lnTo>
                    <a:lnTo>
                      <a:pt x="1" y="3"/>
                    </a:lnTo>
                    <a:lnTo>
                      <a:pt x="1" y="3"/>
                    </a:lnTo>
                    <a:lnTo>
                      <a:pt x="1" y="3"/>
                    </a:lnTo>
                    <a:lnTo>
                      <a:pt x="1" y="3"/>
                    </a:lnTo>
                    <a:lnTo>
                      <a:pt x="1" y="3"/>
                    </a:lnTo>
                    <a:lnTo>
                      <a:pt x="1" y="3"/>
                    </a:lnTo>
                    <a:lnTo>
                      <a:pt x="1" y="3"/>
                    </a:lnTo>
                    <a:lnTo>
                      <a:pt x="1" y="3"/>
                    </a:lnTo>
                    <a:lnTo>
                      <a:pt x="1" y="3"/>
                    </a:lnTo>
                    <a:lnTo>
                      <a:pt x="1" y="3"/>
                    </a:lnTo>
                    <a:lnTo>
                      <a:pt x="1" y="3"/>
                    </a:lnTo>
                    <a:lnTo>
                      <a:pt x="1" y="3"/>
                    </a:lnTo>
                    <a:lnTo>
                      <a:pt x="0" y="3"/>
                    </a:lnTo>
                    <a:lnTo>
                      <a:pt x="0" y="3"/>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lnTo>
                      <a:pt x="0" y="2"/>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grpSp>
          <p:nvGrpSpPr>
            <p:cNvPr id="82" name="Gruppieren 81"/>
            <p:cNvGrpSpPr/>
            <p:nvPr/>
          </p:nvGrpSpPr>
          <p:grpSpPr>
            <a:xfrm>
              <a:off x="3132500" y="2856735"/>
              <a:ext cx="2319495" cy="2166252"/>
              <a:chOff x="3087687" y="1731962"/>
              <a:chExt cx="3532188" cy="3298826"/>
            </a:xfrm>
            <a:solidFill>
              <a:srgbClr val="FFFF00">
                <a:alpha val="60000"/>
              </a:srgbClr>
            </a:solidFill>
          </p:grpSpPr>
          <p:sp>
            <p:nvSpPr>
              <p:cNvPr id="83" name="Freeform 173"/>
              <p:cNvSpPr>
                <a:spLocks/>
              </p:cNvSpPr>
              <p:nvPr/>
            </p:nvSpPr>
            <p:spPr bwMode="auto">
              <a:xfrm>
                <a:off x="4554537" y="1731962"/>
                <a:ext cx="100013" cy="79375"/>
              </a:xfrm>
              <a:custGeom>
                <a:avLst/>
                <a:gdLst>
                  <a:gd name="T0" fmla="*/ 35 w 63"/>
                  <a:gd name="T1" fmla="*/ 2 h 50"/>
                  <a:gd name="T2" fmla="*/ 41 w 63"/>
                  <a:gd name="T3" fmla="*/ 4 h 50"/>
                  <a:gd name="T4" fmla="*/ 42 w 63"/>
                  <a:gd name="T5" fmla="*/ 8 h 50"/>
                  <a:gd name="T6" fmla="*/ 44 w 63"/>
                  <a:gd name="T7" fmla="*/ 6 h 50"/>
                  <a:gd name="T8" fmla="*/ 48 w 63"/>
                  <a:gd name="T9" fmla="*/ 10 h 50"/>
                  <a:gd name="T10" fmla="*/ 50 w 63"/>
                  <a:gd name="T11" fmla="*/ 12 h 50"/>
                  <a:gd name="T12" fmla="*/ 50 w 63"/>
                  <a:gd name="T13" fmla="*/ 15 h 50"/>
                  <a:gd name="T14" fmla="*/ 52 w 63"/>
                  <a:gd name="T15" fmla="*/ 19 h 50"/>
                  <a:gd name="T16" fmla="*/ 54 w 63"/>
                  <a:gd name="T17" fmla="*/ 21 h 50"/>
                  <a:gd name="T18" fmla="*/ 54 w 63"/>
                  <a:gd name="T19" fmla="*/ 21 h 50"/>
                  <a:gd name="T20" fmla="*/ 54 w 63"/>
                  <a:gd name="T21" fmla="*/ 23 h 50"/>
                  <a:gd name="T22" fmla="*/ 59 w 63"/>
                  <a:gd name="T23" fmla="*/ 28 h 50"/>
                  <a:gd name="T24" fmla="*/ 61 w 63"/>
                  <a:gd name="T25" fmla="*/ 34 h 50"/>
                  <a:gd name="T26" fmla="*/ 63 w 63"/>
                  <a:gd name="T27" fmla="*/ 36 h 50"/>
                  <a:gd name="T28" fmla="*/ 61 w 63"/>
                  <a:gd name="T29" fmla="*/ 37 h 50"/>
                  <a:gd name="T30" fmla="*/ 59 w 63"/>
                  <a:gd name="T31" fmla="*/ 41 h 50"/>
                  <a:gd name="T32" fmla="*/ 57 w 63"/>
                  <a:gd name="T33" fmla="*/ 43 h 50"/>
                  <a:gd name="T34" fmla="*/ 57 w 63"/>
                  <a:gd name="T35" fmla="*/ 45 h 50"/>
                  <a:gd name="T36" fmla="*/ 54 w 63"/>
                  <a:gd name="T37" fmla="*/ 47 h 50"/>
                  <a:gd name="T38" fmla="*/ 54 w 63"/>
                  <a:gd name="T39" fmla="*/ 47 h 50"/>
                  <a:gd name="T40" fmla="*/ 48 w 63"/>
                  <a:gd name="T41" fmla="*/ 49 h 50"/>
                  <a:gd name="T42" fmla="*/ 42 w 63"/>
                  <a:gd name="T43" fmla="*/ 49 h 50"/>
                  <a:gd name="T44" fmla="*/ 35 w 63"/>
                  <a:gd name="T45" fmla="*/ 47 h 50"/>
                  <a:gd name="T46" fmla="*/ 30 w 63"/>
                  <a:gd name="T47" fmla="*/ 49 h 50"/>
                  <a:gd name="T48" fmla="*/ 22 w 63"/>
                  <a:gd name="T49" fmla="*/ 50 h 50"/>
                  <a:gd name="T50" fmla="*/ 13 w 63"/>
                  <a:gd name="T51" fmla="*/ 50 h 50"/>
                  <a:gd name="T52" fmla="*/ 9 w 63"/>
                  <a:gd name="T53" fmla="*/ 50 h 50"/>
                  <a:gd name="T54" fmla="*/ 5 w 63"/>
                  <a:gd name="T55" fmla="*/ 50 h 50"/>
                  <a:gd name="T56" fmla="*/ 2 w 63"/>
                  <a:gd name="T57" fmla="*/ 49 h 50"/>
                  <a:gd name="T58" fmla="*/ 0 w 63"/>
                  <a:gd name="T59" fmla="*/ 47 h 50"/>
                  <a:gd name="T60" fmla="*/ 4 w 63"/>
                  <a:gd name="T61" fmla="*/ 37 h 50"/>
                  <a:gd name="T62" fmla="*/ 5 w 63"/>
                  <a:gd name="T63" fmla="*/ 32 h 50"/>
                  <a:gd name="T64" fmla="*/ 7 w 63"/>
                  <a:gd name="T65" fmla="*/ 32 h 50"/>
                  <a:gd name="T66" fmla="*/ 7 w 63"/>
                  <a:gd name="T67" fmla="*/ 32 h 50"/>
                  <a:gd name="T68" fmla="*/ 7 w 63"/>
                  <a:gd name="T69" fmla="*/ 30 h 50"/>
                  <a:gd name="T70" fmla="*/ 9 w 63"/>
                  <a:gd name="T71" fmla="*/ 30 h 50"/>
                  <a:gd name="T72" fmla="*/ 9 w 63"/>
                  <a:gd name="T73" fmla="*/ 30 h 50"/>
                  <a:gd name="T74" fmla="*/ 9 w 63"/>
                  <a:gd name="T75" fmla="*/ 28 h 50"/>
                  <a:gd name="T76" fmla="*/ 9 w 63"/>
                  <a:gd name="T77" fmla="*/ 28 h 50"/>
                  <a:gd name="T78" fmla="*/ 9 w 63"/>
                  <a:gd name="T79" fmla="*/ 26 h 50"/>
                  <a:gd name="T80" fmla="*/ 9 w 63"/>
                  <a:gd name="T81" fmla="*/ 26 h 50"/>
                  <a:gd name="T82" fmla="*/ 9 w 63"/>
                  <a:gd name="T83" fmla="*/ 24 h 50"/>
                  <a:gd name="T84" fmla="*/ 11 w 63"/>
                  <a:gd name="T85" fmla="*/ 23 h 50"/>
                  <a:gd name="T86" fmla="*/ 15 w 63"/>
                  <a:gd name="T87" fmla="*/ 19 h 50"/>
                  <a:gd name="T88" fmla="*/ 18 w 63"/>
                  <a:gd name="T89" fmla="*/ 17 h 50"/>
                  <a:gd name="T90" fmla="*/ 20 w 63"/>
                  <a:gd name="T91" fmla="*/ 17 h 50"/>
                  <a:gd name="T92" fmla="*/ 24 w 63"/>
                  <a:gd name="T93" fmla="*/ 13 h 50"/>
                  <a:gd name="T94" fmla="*/ 30 w 63"/>
                  <a:gd name="T95" fmla="*/ 12 h 50"/>
                  <a:gd name="T96" fmla="*/ 31 w 63"/>
                  <a:gd name="T97" fmla="*/ 10 h 50"/>
                  <a:gd name="T98" fmla="*/ 31 w 63"/>
                  <a:gd name="T99" fmla="*/ 6 h 50"/>
                  <a:gd name="T100" fmla="*/ 33 w 63"/>
                  <a:gd name="T101" fmla="*/ 4 h 50"/>
                  <a:gd name="T102" fmla="*/ 35 w 63"/>
                  <a:gd name="T103" fmla="*/ 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63" h="50">
                    <a:moveTo>
                      <a:pt x="35" y="0"/>
                    </a:moveTo>
                    <a:lnTo>
                      <a:pt x="35" y="2"/>
                    </a:lnTo>
                    <a:lnTo>
                      <a:pt x="35" y="2"/>
                    </a:lnTo>
                    <a:lnTo>
                      <a:pt x="37" y="2"/>
                    </a:lnTo>
                    <a:lnTo>
                      <a:pt x="41" y="4"/>
                    </a:lnTo>
                    <a:lnTo>
                      <a:pt x="41" y="4"/>
                    </a:lnTo>
                    <a:lnTo>
                      <a:pt x="41" y="6"/>
                    </a:lnTo>
                    <a:lnTo>
                      <a:pt x="41" y="8"/>
                    </a:lnTo>
                    <a:lnTo>
                      <a:pt x="42" y="8"/>
                    </a:lnTo>
                    <a:lnTo>
                      <a:pt x="44" y="8"/>
                    </a:lnTo>
                    <a:lnTo>
                      <a:pt x="44" y="6"/>
                    </a:lnTo>
                    <a:lnTo>
                      <a:pt x="44" y="6"/>
                    </a:lnTo>
                    <a:lnTo>
                      <a:pt x="46" y="6"/>
                    </a:lnTo>
                    <a:lnTo>
                      <a:pt x="46" y="8"/>
                    </a:lnTo>
                    <a:lnTo>
                      <a:pt x="48" y="10"/>
                    </a:lnTo>
                    <a:lnTo>
                      <a:pt x="48" y="10"/>
                    </a:lnTo>
                    <a:lnTo>
                      <a:pt x="48" y="10"/>
                    </a:lnTo>
                    <a:lnTo>
                      <a:pt x="50" y="12"/>
                    </a:lnTo>
                    <a:lnTo>
                      <a:pt x="50" y="12"/>
                    </a:lnTo>
                    <a:lnTo>
                      <a:pt x="50" y="13"/>
                    </a:lnTo>
                    <a:lnTo>
                      <a:pt x="50" y="15"/>
                    </a:lnTo>
                    <a:lnTo>
                      <a:pt x="50" y="15"/>
                    </a:lnTo>
                    <a:lnTo>
                      <a:pt x="52" y="17"/>
                    </a:lnTo>
                    <a:lnTo>
                      <a:pt x="52" y="19"/>
                    </a:lnTo>
                    <a:lnTo>
                      <a:pt x="54" y="21"/>
                    </a:lnTo>
                    <a:lnTo>
                      <a:pt x="54" y="21"/>
                    </a:lnTo>
                    <a:lnTo>
                      <a:pt x="54" y="21"/>
                    </a:lnTo>
                    <a:lnTo>
                      <a:pt x="54" y="21"/>
                    </a:lnTo>
                    <a:lnTo>
                      <a:pt x="54" y="21"/>
                    </a:lnTo>
                    <a:lnTo>
                      <a:pt x="54" y="21"/>
                    </a:lnTo>
                    <a:lnTo>
                      <a:pt x="54" y="21"/>
                    </a:lnTo>
                    <a:lnTo>
                      <a:pt x="54" y="21"/>
                    </a:lnTo>
                    <a:lnTo>
                      <a:pt x="54" y="23"/>
                    </a:lnTo>
                    <a:lnTo>
                      <a:pt x="55" y="24"/>
                    </a:lnTo>
                    <a:lnTo>
                      <a:pt x="57" y="26"/>
                    </a:lnTo>
                    <a:lnTo>
                      <a:pt x="59" y="28"/>
                    </a:lnTo>
                    <a:lnTo>
                      <a:pt x="61" y="32"/>
                    </a:lnTo>
                    <a:lnTo>
                      <a:pt x="61" y="32"/>
                    </a:lnTo>
                    <a:lnTo>
                      <a:pt x="61" y="34"/>
                    </a:lnTo>
                    <a:lnTo>
                      <a:pt x="63" y="34"/>
                    </a:lnTo>
                    <a:lnTo>
                      <a:pt x="63" y="36"/>
                    </a:lnTo>
                    <a:lnTo>
                      <a:pt x="63" y="36"/>
                    </a:lnTo>
                    <a:lnTo>
                      <a:pt x="61" y="37"/>
                    </a:lnTo>
                    <a:lnTo>
                      <a:pt x="61" y="37"/>
                    </a:lnTo>
                    <a:lnTo>
                      <a:pt x="61" y="37"/>
                    </a:lnTo>
                    <a:lnTo>
                      <a:pt x="61" y="39"/>
                    </a:lnTo>
                    <a:lnTo>
                      <a:pt x="61" y="39"/>
                    </a:lnTo>
                    <a:lnTo>
                      <a:pt x="59" y="41"/>
                    </a:lnTo>
                    <a:lnTo>
                      <a:pt x="59" y="43"/>
                    </a:lnTo>
                    <a:lnTo>
                      <a:pt x="57" y="43"/>
                    </a:lnTo>
                    <a:lnTo>
                      <a:pt x="57" y="43"/>
                    </a:lnTo>
                    <a:lnTo>
                      <a:pt x="57" y="43"/>
                    </a:lnTo>
                    <a:lnTo>
                      <a:pt x="57" y="45"/>
                    </a:lnTo>
                    <a:lnTo>
                      <a:pt x="57" y="45"/>
                    </a:lnTo>
                    <a:lnTo>
                      <a:pt x="55" y="45"/>
                    </a:lnTo>
                    <a:lnTo>
                      <a:pt x="55" y="45"/>
                    </a:lnTo>
                    <a:lnTo>
                      <a:pt x="54" y="47"/>
                    </a:lnTo>
                    <a:lnTo>
                      <a:pt x="54" y="47"/>
                    </a:lnTo>
                    <a:lnTo>
                      <a:pt x="54" y="47"/>
                    </a:lnTo>
                    <a:lnTo>
                      <a:pt x="54" y="47"/>
                    </a:lnTo>
                    <a:lnTo>
                      <a:pt x="50" y="49"/>
                    </a:lnTo>
                    <a:lnTo>
                      <a:pt x="50" y="49"/>
                    </a:lnTo>
                    <a:lnTo>
                      <a:pt x="48" y="49"/>
                    </a:lnTo>
                    <a:lnTo>
                      <a:pt x="48" y="50"/>
                    </a:lnTo>
                    <a:lnTo>
                      <a:pt x="48" y="50"/>
                    </a:lnTo>
                    <a:lnTo>
                      <a:pt x="42" y="49"/>
                    </a:lnTo>
                    <a:lnTo>
                      <a:pt x="41" y="47"/>
                    </a:lnTo>
                    <a:lnTo>
                      <a:pt x="37" y="47"/>
                    </a:lnTo>
                    <a:lnTo>
                      <a:pt x="35" y="47"/>
                    </a:lnTo>
                    <a:lnTo>
                      <a:pt x="35" y="47"/>
                    </a:lnTo>
                    <a:lnTo>
                      <a:pt x="31" y="49"/>
                    </a:lnTo>
                    <a:lnTo>
                      <a:pt x="30" y="49"/>
                    </a:lnTo>
                    <a:lnTo>
                      <a:pt x="28" y="50"/>
                    </a:lnTo>
                    <a:lnTo>
                      <a:pt x="26" y="50"/>
                    </a:lnTo>
                    <a:lnTo>
                      <a:pt x="22" y="50"/>
                    </a:lnTo>
                    <a:lnTo>
                      <a:pt x="20" y="50"/>
                    </a:lnTo>
                    <a:lnTo>
                      <a:pt x="15" y="50"/>
                    </a:lnTo>
                    <a:lnTo>
                      <a:pt x="13" y="50"/>
                    </a:lnTo>
                    <a:lnTo>
                      <a:pt x="13" y="50"/>
                    </a:lnTo>
                    <a:lnTo>
                      <a:pt x="9" y="50"/>
                    </a:lnTo>
                    <a:lnTo>
                      <a:pt x="9" y="50"/>
                    </a:lnTo>
                    <a:lnTo>
                      <a:pt x="7" y="50"/>
                    </a:lnTo>
                    <a:lnTo>
                      <a:pt x="7" y="50"/>
                    </a:lnTo>
                    <a:lnTo>
                      <a:pt x="5" y="50"/>
                    </a:lnTo>
                    <a:lnTo>
                      <a:pt x="4" y="49"/>
                    </a:lnTo>
                    <a:lnTo>
                      <a:pt x="4" y="49"/>
                    </a:lnTo>
                    <a:lnTo>
                      <a:pt x="2" y="49"/>
                    </a:lnTo>
                    <a:lnTo>
                      <a:pt x="2" y="47"/>
                    </a:lnTo>
                    <a:lnTo>
                      <a:pt x="2" y="47"/>
                    </a:lnTo>
                    <a:lnTo>
                      <a:pt x="0" y="47"/>
                    </a:lnTo>
                    <a:lnTo>
                      <a:pt x="2" y="43"/>
                    </a:lnTo>
                    <a:lnTo>
                      <a:pt x="4" y="39"/>
                    </a:lnTo>
                    <a:lnTo>
                      <a:pt x="4" y="37"/>
                    </a:lnTo>
                    <a:lnTo>
                      <a:pt x="5" y="36"/>
                    </a:lnTo>
                    <a:lnTo>
                      <a:pt x="5" y="34"/>
                    </a:lnTo>
                    <a:lnTo>
                      <a:pt x="5" y="32"/>
                    </a:lnTo>
                    <a:lnTo>
                      <a:pt x="7" y="32"/>
                    </a:lnTo>
                    <a:lnTo>
                      <a:pt x="7" y="32"/>
                    </a:lnTo>
                    <a:lnTo>
                      <a:pt x="7" y="32"/>
                    </a:lnTo>
                    <a:lnTo>
                      <a:pt x="7" y="32"/>
                    </a:lnTo>
                    <a:lnTo>
                      <a:pt x="7" y="32"/>
                    </a:lnTo>
                    <a:lnTo>
                      <a:pt x="7" y="32"/>
                    </a:lnTo>
                    <a:lnTo>
                      <a:pt x="7" y="32"/>
                    </a:lnTo>
                    <a:lnTo>
                      <a:pt x="7" y="30"/>
                    </a:lnTo>
                    <a:lnTo>
                      <a:pt x="7" y="30"/>
                    </a:lnTo>
                    <a:lnTo>
                      <a:pt x="7" y="30"/>
                    </a:lnTo>
                    <a:lnTo>
                      <a:pt x="9" y="30"/>
                    </a:lnTo>
                    <a:lnTo>
                      <a:pt x="9" y="30"/>
                    </a:lnTo>
                    <a:lnTo>
                      <a:pt x="9" y="30"/>
                    </a:lnTo>
                    <a:lnTo>
                      <a:pt x="9" y="30"/>
                    </a:lnTo>
                    <a:lnTo>
                      <a:pt x="9" y="30"/>
                    </a:lnTo>
                    <a:lnTo>
                      <a:pt x="9" y="28"/>
                    </a:lnTo>
                    <a:lnTo>
                      <a:pt x="9" y="28"/>
                    </a:lnTo>
                    <a:lnTo>
                      <a:pt x="9" y="28"/>
                    </a:lnTo>
                    <a:lnTo>
                      <a:pt x="9" y="28"/>
                    </a:lnTo>
                    <a:lnTo>
                      <a:pt x="9" y="28"/>
                    </a:lnTo>
                    <a:lnTo>
                      <a:pt x="9" y="28"/>
                    </a:lnTo>
                    <a:lnTo>
                      <a:pt x="9" y="28"/>
                    </a:lnTo>
                    <a:lnTo>
                      <a:pt x="9" y="26"/>
                    </a:lnTo>
                    <a:lnTo>
                      <a:pt x="9" y="26"/>
                    </a:lnTo>
                    <a:lnTo>
                      <a:pt x="9" y="26"/>
                    </a:lnTo>
                    <a:lnTo>
                      <a:pt x="9" y="26"/>
                    </a:lnTo>
                    <a:lnTo>
                      <a:pt x="9" y="26"/>
                    </a:lnTo>
                    <a:lnTo>
                      <a:pt x="9" y="26"/>
                    </a:lnTo>
                    <a:lnTo>
                      <a:pt x="9" y="26"/>
                    </a:lnTo>
                    <a:lnTo>
                      <a:pt x="9" y="24"/>
                    </a:lnTo>
                    <a:lnTo>
                      <a:pt x="9" y="24"/>
                    </a:lnTo>
                    <a:lnTo>
                      <a:pt x="9" y="23"/>
                    </a:lnTo>
                    <a:lnTo>
                      <a:pt x="11" y="23"/>
                    </a:lnTo>
                    <a:lnTo>
                      <a:pt x="13" y="21"/>
                    </a:lnTo>
                    <a:lnTo>
                      <a:pt x="13" y="21"/>
                    </a:lnTo>
                    <a:lnTo>
                      <a:pt x="15" y="19"/>
                    </a:lnTo>
                    <a:lnTo>
                      <a:pt x="17" y="19"/>
                    </a:lnTo>
                    <a:lnTo>
                      <a:pt x="17" y="19"/>
                    </a:lnTo>
                    <a:lnTo>
                      <a:pt x="18" y="17"/>
                    </a:lnTo>
                    <a:lnTo>
                      <a:pt x="18" y="17"/>
                    </a:lnTo>
                    <a:lnTo>
                      <a:pt x="18" y="17"/>
                    </a:lnTo>
                    <a:lnTo>
                      <a:pt x="20" y="17"/>
                    </a:lnTo>
                    <a:lnTo>
                      <a:pt x="20" y="15"/>
                    </a:lnTo>
                    <a:lnTo>
                      <a:pt x="22" y="15"/>
                    </a:lnTo>
                    <a:lnTo>
                      <a:pt x="24" y="13"/>
                    </a:lnTo>
                    <a:lnTo>
                      <a:pt x="24" y="13"/>
                    </a:lnTo>
                    <a:lnTo>
                      <a:pt x="28" y="12"/>
                    </a:lnTo>
                    <a:lnTo>
                      <a:pt x="30" y="12"/>
                    </a:lnTo>
                    <a:lnTo>
                      <a:pt x="30" y="10"/>
                    </a:lnTo>
                    <a:lnTo>
                      <a:pt x="31" y="10"/>
                    </a:lnTo>
                    <a:lnTo>
                      <a:pt x="31" y="10"/>
                    </a:lnTo>
                    <a:lnTo>
                      <a:pt x="31" y="10"/>
                    </a:lnTo>
                    <a:lnTo>
                      <a:pt x="31" y="8"/>
                    </a:lnTo>
                    <a:lnTo>
                      <a:pt x="31" y="6"/>
                    </a:lnTo>
                    <a:lnTo>
                      <a:pt x="31" y="6"/>
                    </a:lnTo>
                    <a:lnTo>
                      <a:pt x="33" y="4"/>
                    </a:lnTo>
                    <a:lnTo>
                      <a:pt x="33" y="4"/>
                    </a:lnTo>
                    <a:lnTo>
                      <a:pt x="33" y="2"/>
                    </a:lnTo>
                    <a:lnTo>
                      <a:pt x="33" y="2"/>
                    </a:lnTo>
                    <a:lnTo>
                      <a:pt x="35" y="2"/>
                    </a:lnTo>
                    <a:lnTo>
                      <a:pt x="35" y="0"/>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84" name="Freeform 184"/>
              <p:cNvSpPr>
                <a:spLocks noEditPoints="1"/>
              </p:cNvSpPr>
              <p:nvPr/>
            </p:nvSpPr>
            <p:spPr bwMode="auto">
              <a:xfrm>
                <a:off x="3087687" y="1809750"/>
                <a:ext cx="3532188" cy="3221038"/>
              </a:xfrm>
              <a:custGeom>
                <a:avLst/>
                <a:gdLst>
                  <a:gd name="T0" fmla="*/ 1009 w 2225"/>
                  <a:gd name="T1" fmla="*/ 349 h 2029"/>
                  <a:gd name="T2" fmla="*/ 1120 w 2225"/>
                  <a:gd name="T3" fmla="*/ 257 h 2029"/>
                  <a:gd name="T4" fmla="*/ 1022 w 2225"/>
                  <a:gd name="T5" fmla="*/ 135 h 2029"/>
                  <a:gd name="T6" fmla="*/ 1161 w 2225"/>
                  <a:gd name="T7" fmla="*/ 70 h 2029"/>
                  <a:gd name="T8" fmla="*/ 1331 w 2225"/>
                  <a:gd name="T9" fmla="*/ 118 h 2029"/>
                  <a:gd name="T10" fmla="*/ 1357 w 2225"/>
                  <a:gd name="T11" fmla="*/ 201 h 2029"/>
                  <a:gd name="T12" fmla="*/ 1414 w 2225"/>
                  <a:gd name="T13" fmla="*/ 294 h 2029"/>
                  <a:gd name="T14" fmla="*/ 1399 w 2225"/>
                  <a:gd name="T15" fmla="*/ 406 h 2029"/>
                  <a:gd name="T16" fmla="*/ 1405 w 2225"/>
                  <a:gd name="T17" fmla="*/ 532 h 2029"/>
                  <a:gd name="T18" fmla="*/ 1449 w 2225"/>
                  <a:gd name="T19" fmla="*/ 641 h 2029"/>
                  <a:gd name="T20" fmla="*/ 1506 w 2225"/>
                  <a:gd name="T21" fmla="*/ 714 h 2029"/>
                  <a:gd name="T22" fmla="*/ 1416 w 2225"/>
                  <a:gd name="T23" fmla="*/ 802 h 2029"/>
                  <a:gd name="T24" fmla="*/ 1397 w 2225"/>
                  <a:gd name="T25" fmla="*/ 926 h 2029"/>
                  <a:gd name="T26" fmla="*/ 1571 w 2225"/>
                  <a:gd name="T27" fmla="*/ 1109 h 2029"/>
                  <a:gd name="T28" fmla="*/ 1723 w 2225"/>
                  <a:gd name="T29" fmla="*/ 1104 h 2029"/>
                  <a:gd name="T30" fmla="*/ 1894 w 2225"/>
                  <a:gd name="T31" fmla="*/ 1132 h 2029"/>
                  <a:gd name="T32" fmla="*/ 2098 w 2225"/>
                  <a:gd name="T33" fmla="*/ 1083 h 2029"/>
                  <a:gd name="T34" fmla="*/ 2209 w 2225"/>
                  <a:gd name="T35" fmla="*/ 1145 h 2029"/>
                  <a:gd name="T36" fmla="*/ 2211 w 2225"/>
                  <a:gd name="T37" fmla="*/ 1285 h 2029"/>
                  <a:gd name="T38" fmla="*/ 2142 w 2225"/>
                  <a:gd name="T39" fmla="*/ 1370 h 2029"/>
                  <a:gd name="T40" fmla="*/ 2101 w 2225"/>
                  <a:gd name="T41" fmla="*/ 1500 h 2029"/>
                  <a:gd name="T42" fmla="*/ 1946 w 2225"/>
                  <a:gd name="T43" fmla="*/ 1609 h 2029"/>
                  <a:gd name="T44" fmla="*/ 1804 w 2225"/>
                  <a:gd name="T45" fmla="*/ 1605 h 2029"/>
                  <a:gd name="T46" fmla="*/ 1660 w 2225"/>
                  <a:gd name="T47" fmla="*/ 1557 h 2029"/>
                  <a:gd name="T48" fmla="*/ 1543 w 2225"/>
                  <a:gd name="T49" fmla="*/ 1607 h 2029"/>
                  <a:gd name="T50" fmla="*/ 1453 w 2225"/>
                  <a:gd name="T51" fmla="*/ 1705 h 2029"/>
                  <a:gd name="T52" fmla="*/ 1281 w 2225"/>
                  <a:gd name="T53" fmla="*/ 1783 h 2029"/>
                  <a:gd name="T54" fmla="*/ 1138 w 2225"/>
                  <a:gd name="T55" fmla="*/ 1820 h 2029"/>
                  <a:gd name="T56" fmla="*/ 970 w 2225"/>
                  <a:gd name="T57" fmla="*/ 1851 h 2029"/>
                  <a:gd name="T58" fmla="*/ 922 w 2225"/>
                  <a:gd name="T59" fmla="*/ 1931 h 2029"/>
                  <a:gd name="T60" fmla="*/ 804 w 2225"/>
                  <a:gd name="T61" fmla="*/ 1910 h 2029"/>
                  <a:gd name="T62" fmla="*/ 682 w 2225"/>
                  <a:gd name="T63" fmla="*/ 1979 h 2029"/>
                  <a:gd name="T64" fmla="*/ 551 w 2225"/>
                  <a:gd name="T65" fmla="*/ 1982 h 2029"/>
                  <a:gd name="T66" fmla="*/ 475 w 2225"/>
                  <a:gd name="T67" fmla="*/ 1920 h 2029"/>
                  <a:gd name="T68" fmla="*/ 508 w 2225"/>
                  <a:gd name="T69" fmla="*/ 1766 h 2029"/>
                  <a:gd name="T70" fmla="*/ 534 w 2225"/>
                  <a:gd name="T71" fmla="*/ 1635 h 2029"/>
                  <a:gd name="T72" fmla="*/ 599 w 2225"/>
                  <a:gd name="T73" fmla="*/ 1511 h 2029"/>
                  <a:gd name="T74" fmla="*/ 684 w 2225"/>
                  <a:gd name="T75" fmla="*/ 1387 h 2029"/>
                  <a:gd name="T76" fmla="*/ 669 w 2225"/>
                  <a:gd name="T77" fmla="*/ 1241 h 2029"/>
                  <a:gd name="T78" fmla="*/ 613 w 2225"/>
                  <a:gd name="T79" fmla="*/ 1096 h 2029"/>
                  <a:gd name="T80" fmla="*/ 624 w 2225"/>
                  <a:gd name="T81" fmla="*/ 945 h 2029"/>
                  <a:gd name="T82" fmla="*/ 645 w 2225"/>
                  <a:gd name="T83" fmla="*/ 873 h 2029"/>
                  <a:gd name="T84" fmla="*/ 462 w 2225"/>
                  <a:gd name="T85" fmla="*/ 852 h 2029"/>
                  <a:gd name="T86" fmla="*/ 480 w 2225"/>
                  <a:gd name="T87" fmla="*/ 739 h 2029"/>
                  <a:gd name="T88" fmla="*/ 482 w 2225"/>
                  <a:gd name="T89" fmla="*/ 647 h 2029"/>
                  <a:gd name="T90" fmla="*/ 288 w 2225"/>
                  <a:gd name="T91" fmla="*/ 558 h 2029"/>
                  <a:gd name="T92" fmla="*/ 210 w 2225"/>
                  <a:gd name="T93" fmla="*/ 403 h 2029"/>
                  <a:gd name="T94" fmla="*/ 31 w 2225"/>
                  <a:gd name="T95" fmla="*/ 468 h 2029"/>
                  <a:gd name="T96" fmla="*/ 74 w 2225"/>
                  <a:gd name="T97" fmla="*/ 321 h 2029"/>
                  <a:gd name="T98" fmla="*/ 260 w 2225"/>
                  <a:gd name="T99" fmla="*/ 190 h 2029"/>
                  <a:gd name="T100" fmla="*/ 377 w 2225"/>
                  <a:gd name="T101" fmla="*/ 157 h 2029"/>
                  <a:gd name="T102" fmla="*/ 425 w 2225"/>
                  <a:gd name="T103" fmla="*/ 74 h 2029"/>
                  <a:gd name="T104" fmla="*/ 573 w 2225"/>
                  <a:gd name="T105" fmla="*/ 75 h 2029"/>
                  <a:gd name="T106" fmla="*/ 726 w 2225"/>
                  <a:gd name="T107" fmla="*/ 16 h 2029"/>
                  <a:gd name="T108" fmla="*/ 878 w 2225"/>
                  <a:gd name="T109" fmla="*/ 38 h 2029"/>
                  <a:gd name="T110" fmla="*/ 905 w 2225"/>
                  <a:gd name="T111" fmla="*/ 61 h 2029"/>
                  <a:gd name="T112" fmla="*/ 785 w 2225"/>
                  <a:gd name="T113" fmla="*/ 135 h 2029"/>
                  <a:gd name="T114" fmla="*/ 697 w 2225"/>
                  <a:gd name="T115" fmla="*/ 262 h 2029"/>
                  <a:gd name="T116" fmla="*/ 850 w 2225"/>
                  <a:gd name="T117" fmla="*/ 268 h 2029"/>
                  <a:gd name="T118" fmla="*/ 802 w 2225"/>
                  <a:gd name="T119" fmla="*/ 362 h 2029"/>
                  <a:gd name="T120" fmla="*/ 713 w 2225"/>
                  <a:gd name="T121" fmla="*/ 432 h 2029"/>
                  <a:gd name="T122" fmla="*/ 819 w 2225"/>
                  <a:gd name="T123" fmla="*/ 503 h 2029"/>
                  <a:gd name="T124" fmla="*/ 508 w 2225"/>
                  <a:gd name="T125" fmla="*/ 802 h 2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25" h="2029">
                    <a:moveTo>
                      <a:pt x="893" y="406"/>
                    </a:moveTo>
                    <a:lnTo>
                      <a:pt x="900" y="401"/>
                    </a:lnTo>
                    <a:lnTo>
                      <a:pt x="900" y="399"/>
                    </a:lnTo>
                    <a:lnTo>
                      <a:pt x="905" y="392"/>
                    </a:lnTo>
                    <a:lnTo>
                      <a:pt x="905" y="390"/>
                    </a:lnTo>
                    <a:lnTo>
                      <a:pt x="905" y="384"/>
                    </a:lnTo>
                    <a:lnTo>
                      <a:pt x="907" y="381"/>
                    </a:lnTo>
                    <a:lnTo>
                      <a:pt x="909" y="377"/>
                    </a:lnTo>
                    <a:lnTo>
                      <a:pt x="909" y="375"/>
                    </a:lnTo>
                    <a:lnTo>
                      <a:pt x="911" y="373"/>
                    </a:lnTo>
                    <a:lnTo>
                      <a:pt x="913" y="369"/>
                    </a:lnTo>
                    <a:lnTo>
                      <a:pt x="918" y="366"/>
                    </a:lnTo>
                    <a:lnTo>
                      <a:pt x="918" y="358"/>
                    </a:lnTo>
                    <a:lnTo>
                      <a:pt x="922" y="355"/>
                    </a:lnTo>
                    <a:lnTo>
                      <a:pt x="928" y="353"/>
                    </a:lnTo>
                    <a:lnTo>
                      <a:pt x="928" y="351"/>
                    </a:lnTo>
                    <a:lnTo>
                      <a:pt x="928" y="349"/>
                    </a:lnTo>
                    <a:lnTo>
                      <a:pt x="926" y="347"/>
                    </a:lnTo>
                    <a:lnTo>
                      <a:pt x="926" y="345"/>
                    </a:lnTo>
                    <a:lnTo>
                      <a:pt x="924" y="345"/>
                    </a:lnTo>
                    <a:lnTo>
                      <a:pt x="922" y="344"/>
                    </a:lnTo>
                    <a:lnTo>
                      <a:pt x="922" y="342"/>
                    </a:lnTo>
                    <a:lnTo>
                      <a:pt x="920" y="344"/>
                    </a:lnTo>
                    <a:lnTo>
                      <a:pt x="920" y="342"/>
                    </a:lnTo>
                    <a:lnTo>
                      <a:pt x="918" y="338"/>
                    </a:lnTo>
                    <a:lnTo>
                      <a:pt x="918" y="336"/>
                    </a:lnTo>
                    <a:lnTo>
                      <a:pt x="918" y="334"/>
                    </a:lnTo>
                    <a:lnTo>
                      <a:pt x="917" y="332"/>
                    </a:lnTo>
                    <a:lnTo>
                      <a:pt x="915" y="332"/>
                    </a:lnTo>
                    <a:lnTo>
                      <a:pt x="915" y="331"/>
                    </a:lnTo>
                    <a:lnTo>
                      <a:pt x="917" y="331"/>
                    </a:lnTo>
                    <a:lnTo>
                      <a:pt x="918" y="331"/>
                    </a:lnTo>
                    <a:lnTo>
                      <a:pt x="918" y="329"/>
                    </a:lnTo>
                    <a:lnTo>
                      <a:pt x="922" y="327"/>
                    </a:lnTo>
                    <a:lnTo>
                      <a:pt x="922" y="325"/>
                    </a:lnTo>
                    <a:lnTo>
                      <a:pt x="924" y="325"/>
                    </a:lnTo>
                    <a:lnTo>
                      <a:pt x="929" y="323"/>
                    </a:lnTo>
                    <a:lnTo>
                      <a:pt x="931" y="323"/>
                    </a:lnTo>
                    <a:lnTo>
                      <a:pt x="931" y="321"/>
                    </a:lnTo>
                    <a:lnTo>
                      <a:pt x="933" y="321"/>
                    </a:lnTo>
                    <a:lnTo>
                      <a:pt x="935" y="321"/>
                    </a:lnTo>
                    <a:lnTo>
                      <a:pt x="935" y="325"/>
                    </a:lnTo>
                    <a:lnTo>
                      <a:pt x="937" y="325"/>
                    </a:lnTo>
                    <a:lnTo>
                      <a:pt x="941" y="323"/>
                    </a:lnTo>
                    <a:lnTo>
                      <a:pt x="942" y="323"/>
                    </a:lnTo>
                    <a:lnTo>
                      <a:pt x="944" y="325"/>
                    </a:lnTo>
                    <a:lnTo>
                      <a:pt x="946" y="327"/>
                    </a:lnTo>
                    <a:lnTo>
                      <a:pt x="948" y="329"/>
                    </a:lnTo>
                    <a:lnTo>
                      <a:pt x="950" y="329"/>
                    </a:lnTo>
                    <a:lnTo>
                      <a:pt x="952" y="329"/>
                    </a:lnTo>
                    <a:lnTo>
                      <a:pt x="952" y="327"/>
                    </a:lnTo>
                    <a:lnTo>
                      <a:pt x="954" y="327"/>
                    </a:lnTo>
                    <a:lnTo>
                      <a:pt x="954" y="325"/>
                    </a:lnTo>
                    <a:lnTo>
                      <a:pt x="955" y="325"/>
                    </a:lnTo>
                    <a:lnTo>
                      <a:pt x="955" y="323"/>
                    </a:lnTo>
                    <a:lnTo>
                      <a:pt x="957" y="321"/>
                    </a:lnTo>
                    <a:lnTo>
                      <a:pt x="959" y="320"/>
                    </a:lnTo>
                    <a:lnTo>
                      <a:pt x="961" y="320"/>
                    </a:lnTo>
                    <a:lnTo>
                      <a:pt x="963" y="320"/>
                    </a:lnTo>
                    <a:lnTo>
                      <a:pt x="963" y="318"/>
                    </a:lnTo>
                    <a:lnTo>
                      <a:pt x="965" y="318"/>
                    </a:lnTo>
                    <a:lnTo>
                      <a:pt x="965" y="316"/>
                    </a:lnTo>
                    <a:lnTo>
                      <a:pt x="966" y="316"/>
                    </a:lnTo>
                    <a:lnTo>
                      <a:pt x="966" y="314"/>
                    </a:lnTo>
                    <a:lnTo>
                      <a:pt x="968" y="314"/>
                    </a:lnTo>
                    <a:lnTo>
                      <a:pt x="974" y="312"/>
                    </a:lnTo>
                    <a:lnTo>
                      <a:pt x="976" y="318"/>
                    </a:lnTo>
                    <a:lnTo>
                      <a:pt x="978" y="318"/>
                    </a:lnTo>
                    <a:lnTo>
                      <a:pt x="978" y="320"/>
                    </a:lnTo>
                    <a:lnTo>
                      <a:pt x="978" y="321"/>
                    </a:lnTo>
                    <a:lnTo>
                      <a:pt x="979" y="321"/>
                    </a:lnTo>
                    <a:lnTo>
                      <a:pt x="979" y="323"/>
                    </a:lnTo>
                    <a:lnTo>
                      <a:pt x="981" y="323"/>
                    </a:lnTo>
                    <a:lnTo>
                      <a:pt x="981" y="325"/>
                    </a:lnTo>
                    <a:lnTo>
                      <a:pt x="983" y="325"/>
                    </a:lnTo>
                    <a:lnTo>
                      <a:pt x="983" y="323"/>
                    </a:lnTo>
                    <a:lnTo>
                      <a:pt x="990" y="321"/>
                    </a:lnTo>
                    <a:lnTo>
                      <a:pt x="994" y="327"/>
                    </a:lnTo>
                    <a:lnTo>
                      <a:pt x="998" y="331"/>
                    </a:lnTo>
                    <a:lnTo>
                      <a:pt x="998" y="329"/>
                    </a:lnTo>
                    <a:lnTo>
                      <a:pt x="1000" y="329"/>
                    </a:lnTo>
                    <a:lnTo>
                      <a:pt x="1000" y="332"/>
                    </a:lnTo>
                    <a:lnTo>
                      <a:pt x="1000" y="334"/>
                    </a:lnTo>
                    <a:lnTo>
                      <a:pt x="1000" y="332"/>
                    </a:lnTo>
                    <a:lnTo>
                      <a:pt x="1000" y="338"/>
                    </a:lnTo>
                    <a:lnTo>
                      <a:pt x="1002" y="338"/>
                    </a:lnTo>
                    <a:lnTo>
                      <a:pt x="1002" y="340"/>
                    </a:lnTo>
                    <a:lnTo>
                      <a:pt x="1003" y="340"/>
                    </a:lnTo>
                    <a:lnTo>
                      <a:pt x="1002" y="340"/>
                    </a:lnTo>
                    <a:lnTo>
                      <a:pt x="1003" y="344"/>
                    </a:lnTo>
                    <a:lnTo>
                      <a:pt x="1005" y="349"/>
                    </a:lnTo>
                    <a:lnTo>
                      <a:pt x="1005" y="355"/>
                    </a:lnTo>
                    <a:lnTo>
                      <a:pt x="1009" y="349"/>
                    </a:lnTo>
                    <a:lnTo>
                      <a:pt x="1011" y="347"/>
                    </a:lnTo>
                    <a:lnTo>
                      <a:pt x="1013" y="345"/>
                    </a:lnTo>
                    <a:lnTo>
                      <a:pt x="1015" y="345"/>
                    </a:lnTo>
                    <a:lnTo>
                      <a:pt x="1022" y="347"/>
                    </a:lnTo>
                    <a:lnTo>
                      <a:pt x="1031" y="345"/>
                    </a:lnTo>
                    <a:lnTo>
                      <a:pt x="1033" y="345"/>
                    </a:lnTo>
                    <a:lnTo>
                      <a:pt x="1037" y="344"/>
                    </a:lnTo>
                    <a:lnTo>
                      <a:pt x="1040" y="342"/>
                    </a:lnTo>
                    <a:lnTo>
                      <a:pt x="1042" y="342"/>
                    </a:lnTo>
                    <a:lnTo>
                      <a:pt x="1046" y="342"/>
                    </a:lnTo>
                    <a:lnTo>
                      <a:pt x="1046" y="340"/>
                    </a:lnTo>
                    <a:lnTo>
                      <a:pt x="1046" y="338"/>
                    </a:lnTo>
                    <a:lnTo>
                      <a:pt x="1048" y="338"/>
                    </a:lnTo>
                    <a:lnTo>
                      <a:pt x="1048" y="336"/>
                    </a:lnTo>
                    <a:lnTo>
                      <a:pt x="1048" y="338"/>
                    </a:lnTo>
                    <a:lnTo>
                      <a:pt x="1050" y="340"/>
                    </a:lnTo>
                    <a:lnTo>
                      <a:pt x="1051" y="342"/>
                    </a:lnTo>
                    <a:lnTo>
                      <a:pt x="1053" y="342"/>
                    </a:lnTo>
                    <a:lnTo>
                      <a:pt x="1055" y="344"/>
                    </a:lnTo>
                    <a:lnTo>
                      <a:pt x="1057" y="344"/>
                    </a:lnTo>
                    <a:lnTo>
                      <a:pt x="1059" y="345"/>
                    </a:lnTo>
                    <a:lnTo>
                      <a:pt x="1064" y="344"/>
                    </a:lnTo>
                    <a:lnTo>
                      <a:pt x="1066" y="345"/>
                    </a:lnTo>
                    <a:lnTo>
                      <a:pt x="1068" y="342"/>
                    </a:lnTo>
                    <a:lnTo>
                      <a:pt x="1070" y="344"/>
                    </a:lnTo>
                    <a:lnTo>
                      <a:pt x="1072" y="344"/>
                    </a:lnTo>
                    <a:lnTo>
                      <a:pt x="1074" y="344"/>
                    </a:lnTo>
                    <a:lnTo>
                      <a:pt x="1076" y="345"/>
                    </a:lnTo>
                    <a:lnTo>
                      <a:pt x="1079" y="344"/>
                    </a:lnTo>
                    <a:lnTo>
                      <a:pt x="1081" y="344"/>
                    </a:lnTo>
                    <a:lnTo>
                      <a:pt x="1083" y="345"/>
                    </a:lnTo>
                    <a:lnTo>
                      <a:pt x="1083" y="347"/>
                    </a:lnTo>
                    <a:lnTo>
                      <a:pt x="1085" y="349"/>
                    </a:lnTo>
                    <a:lnTo>
                      <a:pt x="1085" y="351"/>
                    </a:lnTo>
                    <a:lnTo>
                      <a:pt x="1088" y="353"/>
                    </a:lnTo>
                    <a:lnTo>
                      <a:pt x="1088" y="351"/>
                    </a:lnTo>
                    <a:lnTo>
                      <a:pt x="1090" y="351"/>
                    </a:lnTo>
                    <a:lnTo>
                      <a:pt x="1092" y="351"/>
                    </a:lnTo>
                    <a:lnTo>
                      <a:pt x="1096" y="351"/>
                    </a:lnTo>
                    <a:lnTo>
                      <a:pt x="1096" y="349"/>
                    </a:lnTo>
                    <a:lnTo>
                      <a:pt x="1098" y="349"/>
                    </a:lnTo>
                    <a:lnTo>
                      <a:pt x="1098" y="347"/>
                    </a:lnTo>
                    <a:lnTo>
                      <a:pt x="1100" y="345"/>
                    </a:lnTo>
                    <a:lnTo>
                      <a:pt x="1098" y="345"/>
                    </a:lnTo>
                    <a:lnTo>
                      <a:pt x="1098" y="342"/>
                    </a:lnTo>
                    <a:lnTo>
                      <a:pt x="1098" y="338"/>
                    </a:lnTo>
                    <a:lnTo>
                      <a:pt x="1096" y="338"/>
                    </a:lnTo>
                    <a:lnTo>
                      <a:pt x="1096" y="334"/>
                    </a:lnTo>
                    <a:lnTo>
                      <a:pt x="1100" y="329"/>
                    </a:lnTo>
                    <a:lnTo>
                      <a:pt x="1100" y="327"/>
                    </a:lnTo>
                    <a:lnTo>
                      <a:pt x="1098" y="327"/>
                    </a:lnTo>
                    <a:lnTo>
                      <a:pt x="1098" y="325"/>
                    </a:lnTo>
                    <a:lnTo>
                      <a:pt x="1100" y="325"/>
                    </a:lnTo>
                    <a:lnTo>
                      <a:pt x="1101" y="323"/>
                    </a:lnTo>
                    <a:lnTo>
                      <a:pt x="1105" y="318"/>
                    </a:lnTo>
                    <a:lnTo>
                      <a:pt x="1109" y="312"/>
                    </a:lnTo>
                    <a:lnTo>
                      <a:pt x="1111" y="314"/>
                    </a:lnTo>
                    <a:lnTo>
                      <a:pt x="1113" y="312"/>
                    </a:lnTo>
                    <a:lnTo>
                      <a:pt x="1114" y="312"/>
                    </a:lnTo>
                    <a:lnTo>
                      <a:pt x="1116" y="312"/>
                    </a:lnTo>
                    <a:lnTo>
                      <a:pt x="1125" y="312"/>
                    </a:lnTo>
                    <a:lnTo>
                      <a:pt x="1127" y="312"/>
                    </a:lnTo>
                    <a:lnTo>
                      <a:pt x="1127" y="305"/>
                    </a:lnTo>
                    <a:lnTo>
                      <a:pt x="1127" y="301"/>
                    </a:lnTo>
                    <a:lnTo>
                      <a:pt x="1127" y="299"/>
                    </a:lnTo>
                    <a:lnTo>
                      <a:pt x="1129" y="299"/>
                    </a:lnTo>
                    <a:lnTo>
                      <a:pt x="1129" y="297"/>
                    </a:lnTo>
                    <a:lnTo>
                      <a:pt x="1131" y="297"/>
                    </a:lnTo>
                    <a:lnTo>
                      <a:pt x="1131" y="296"/>
                    </a:lnTo>
                    <a:lnTo>
                      <a:pt x="1131" y="294"/>
                    </a:lnTo>
                    <a:lnTo>
                      <a:pt x="1133" y="284"/>
                    </a:lnTo>
                    <a:lnTo>
                      <a:pt x="1133" y="283"/>
                    </a:lnTo>
                    <a:lnTo>
                      <a:pt x="1129" y="283"/>
                    </a:lnTo>
                    <a:lnTo>
                      <a:pt x="1131" y="281"/>
                    </a:lnTo>
                    <a:lnTo>
                      <a:pt x="1129" y="281"/>
                    </a:lnTo>
                    <a:lnTo>
                      <a:pt x="1127" y="281"/>
                    </a:lnTo>
                    <a:lnTo>
                      <a:pt x="1125" y="283"/>
                    </a:lnTo>
                    <a:lnTo>
                      <a:pt x="1124" y="279"/>
                    </a:lnTo>
                    <a:lnTo>
                      <a:pt x="1124" y="277"/>
                    </a:lnTo>
                    <a:lnTo>
                      <a:pt x="1125" y="275"/>
                    </a:lnTo>
                    <a:lnTo>
                      <a:pt x="1127" y="273"/>
                    </a:lnTo>
                    <a:lnTo>
                      <a:pt x="1129" y="270"/>
                    </a:lnTo>
                    <a:lnTo>
                      <a:pt x="1129" y="268"/>
                    </a:lnTo>
                    <a:lnTo>
                      <a:pt x="1129" y="266"/>
                    </a:lnTo>
                    <a:lnTo>
                      <a:pt x="1127" y="264"/>
                    </a:lnTo>
                    <a:lnTo>
                      <a:pt x="1125" y="264"/>
                    </a:lnTo>
                    <a:lnTo>
                      <a:pt x="1124" y="262"/>
                    </a:lnTo>
                    <a:lnTo>
                      <a:pt x="1125" y="260"/>
                    </a:lnTo>
                    <a:lnTo>
                      <a:pt x="1125" y="259"/>
                    </a:lnTo>
                    <a:lnTo>
                      <a:pt x="1124" y="259"/>
                    </a:lnTo>
                    <a:lnTo>
                      <a:pt x="1122" y="260"/>
                    </a:lnTo>
                    <a:lnTo>
                      <a:pt x="1122" y="259"/>
                    </a:lnTo>
                    <a:lnTo>
                      <a:pt x="1120" y="257"/>
                    </a:lnTo>
                    <a:lnTo>
                      <a:pt x="1118" y="257"/>
                    </a:lnTo>
                    <a:lnTo>
                      <a:pt x="1116" y="251"/>
                    </a:lnTo>
                    <a:lnTo>
                      <a:pt x="1116" y="253"/>
                    </a:lnTo>
                    <a:lnTo>
                      <a:pt x="1114" y="253"/>
                    </a:lnTo>
                    <a:lnTo>
                      <a:pt x="1113" y="251"/>
                    </a:lnTo>
                    <a:lnTo>
                      <a:pt x="1113" y="249"/>
                    </a:lnTo>
                    <a:lnTo>
                      <a:pt x="1113" y="246"/>
                    </a:lnTo>
                    <a:lnTo>
                      <a:pt x="1109" y="246"/>
                    </a:lnTo>
                    <a:lnTo>
                      <a:pt x="1105" y="247"/>
                    </a:lnTo>
                    <a:lnTo>
                      <a:pt x="1103" y="246"/>
                    </a:lnTo>
                    <a:lnTo>
                      <a:pt x="1101" y="246"/>
                    </a:lnTo>
                    <a:lnTo>
                      <a:pt x="1090" y="244"/>
                    </a:lnTo>
                    <a:lnTo>
                      <a:pt x="1094" y="240"/>
                    </a:lnTo>
                    <a:lnTo>
                      <a:pt x="1096" y="234"/>
                    </a:lnTo>
                    <a:lnTo>
                      <a:pt x="1096" y="233"/>
                    </a:lnTo>
                    <a:lnTo>
                      <a:pt x="1094" y="227"/>
                    </a:lnTo>
                    <a:lnTo>
                      <a:pt x="1092" y="225"/>
                    </a:lnTo>
                    <a:lnTo>
                      <a:pt x="1092" y="223"/>
                    </a:lnTo>
                    <a:lnTo>
                      <a:pt x="1092" y="222"/>
                    </a:lnTo>
                    <a:lnTo>
                      <a:pt x="1090" y="222"/>
                    </a:lnTo>
                    <a:lnTo>
                      <a:pt x="1090" y="220"/>
                    </a:lnTo>
                    <a:lnTo>
                      <a:pt x="1088" y="218"/>
                    </a:lnTo>
                    <a:lnTo>
                      <a:pt x="1088" y="216"/>
                    </a:lnTo>
                    <a:lnTo>
                      <a:pt x="1088" y="214"/>
                    </a:lnTo>
                    <a:lnTo>
                      <a:pt x="1090" y="212"/>
                    </a:lnTo>
                    <a:lnTo>
                      <a:pt x="1090" y="210"/>
                    </a:lnTo>
                    <a:lnTo>
                      <a:pt x="1092" y="210"/>
                    </a:lnTo>
                    <a:lnTo>
                      <a:pt x="1092" y="209"/>
                    </a:lnTo>
                    <a:lnTo>
                      <a:pt x="1090" y="209"/>
                    </a:lnTo>
                    <a:lnTo>
                      <a:pt x="1088" y="209"/>
                    </a:lnTo>
                    <a:lnTo>
                      <a:pt x="1088" y="207"/>
                    </a:lnTo>
                    <a:lnTo>
                      <a:pt x="1087" y="207"/>
                    </a:lnTo>
                    <a:lnTo>
                      <a:pt x="1085" y="207"/>
                    </a:lnTo>
                    <a:lnTo>
                      <a:pt x="1085" y="205"/>
                    </a:lnTo>
                    <a:lnTo>
                      <a:pt x="1083" y="205"/>
                    </a:lnTo>
                    <a:lnTo>
                      <a:pt x="1081" y="205"/>
                    </a:lnTo>
                    <a:lnTo>
                      <a:pt x="1081" y="203"/>
                    </a:lnTo>
                    <a:lnTo>
                      <a:pt x="1079" y="201"/>
                    </a:lnTo>
                    <a:lnTo>
                      <a:pt x="1087" y="196"/>
                    </a:lnTo>
                    <a:lnTo>
                      <a:pt x="1081" y="188"/>
                    </a:lnTo>
                    <a:lnTo>
                      <a:pt x="1079" y="188"/>
                    </a:lnTo>
                    <a:lnTo>
                      <a:pt x="1076" y="192"/>
                    </a:lnTo>
                    <a:lnTo>
                      <a:pt x="1074" y="192"/>
                    </a:lnTo>
                    <a:lnTo>
                      <a:pt x="1072" y="190"/>
                    </a:lnTo>
                    <a:lnTo>
                      <a:pt x="1068" y="194"/>
                    </a:lnTo>
                    <a:lnTo>
                      <a:pt x="1066" y="190"/>
                    </a:lnTo>
                    <a:lnTo>
                      <a:pt x="1061" y="194"/>
                    </a:lnTo>
                    <a:lnTo>
                      <a:pt x="1059" y="192"/>
                    </a:lnTo>
                    <a:lnTo>
                      <a:pt x="1059" y="190"/>
                    </a:lnTo>
                    <a:lnTo>
                      <a:pt x="1057" y="188"/>
                    </a:lnTo>
                    <a:lnTo>
                      <a:pt x="1055" y="190"/>
                    </a:lnTo>
                    <a:lnTo>
                      <a:pt x="1053" y="190"/>
                    </a:lnTo>
                    <a:lnTo>
                      <a:pt x="1053" y="188"/>
                    </a:lnTo>
                    <a:lnTo>
                      <a:pt x="1051" y="188"/>
                    </a:lnTo>
                    <a:lnTo>
                      <a:pt x="1050" y="185"/>
                    </a:lnTo>
                    <a:lnTo>
                      <a:pt x="1048" y="181"/>
                    </a:lnTo>
                    <a:lnTo>
                      <a:pt x="1048" y="179"/>
                    </a:lnTo>
                    <a:lnTo>
                      <a:pt x="1050" y="179"/>
                    </a:lnTo>
                    <a:lnTo>
                      <a:pt x="1048" y="179"/>
                    </a:lnTo>
                    <a:lnTo>
                      <a:pt x="1046" y="179"/>
                    </a:lnTo>
                    <a:lnTo>
                      <a:pt x="1046" y="177"/>
                    </a:lnTo>
                    <a:lnTo>
                      <a:pt x="1044" y="177"/>
                    </a:lnTo>
                    <a:lnTo>
                      <a:pt x="1044" y="175"/>
                    </a:lnTo>
                    <a:lnTo>
                      <a:pt x="1044" y="173"/>
                    </a:lnTo>
                    <a:lnTo>
                      <a:pt x="1042" y="172"/>
                    </a:lnTo>
                    <a:lnTo>
                      <a:pt x="1040" y="170"/>
                    </a:lnTo>
                    <a:lnTo>
                      <a:pt x="1039" y="170"/>
                    </a:lnTo>
                    <a:lnTo>
                      <a:pt x="1037" y="170"/>
                    </a:lnTo>
                    <a:lnTo>
                      <a:pt x="1037" y="168"/>
                    </a:lnTo>
                    <a:lnTo>
                      <a:pt x="1039" y="168"/>
                    </a:lnTo>
                    <a:lnTo>
                      <a:pt x="1037" y="168"/>
                    </a:lnTo>
                    <a:lnTo>
                      <a:pt x="1033" y="168"/>
                    </a:lnTo>
                    <a:lnTo>
                      <a:pt x="1033" y="166"/>
                    </a:lnTo>
                    <a:lnTo>
                      <a:pt x="1033" y="164"/>
                    </a:lnTo>
                    <a:lnTo>
                      <a:pt x="1033" y="162"/>
                    </a:lnTo>
                    <a:lnTo>
                      <a:pt x="1031" y="162"/>
                    </a:lnTo>
                    <a:lnTo>
                      <a:pt x="1031" y="160"/>
                    </a:lnTo>
                    <a:lnTo>
                      <a:pt x="1031" y="162"/>
                    </a:lnTo>
                    <a:lnTo>
                      <a:pt x="1029" y="162"/>
                    </a:lnTo>
                    <a:lnTo>
                      <a:pt x="1027" y="162"/>
                    </a:lnTo>
                    <a:lnTo>
                      <a:pt x="1027" y="160"/>
                    </a:lnTo>
                    <a:lnTo>
                      <a:pt x="1026" y="159"/>
                    </a:lnTo>
                    <a:lnTo>
                      <a:pt x="1024" y="157"/>
                    </a:lnTo>
                    <a:lnTo>
                      <a:pt x="1022" y="157"/>
                    </a:lnTo>
                    <a:lnTo>
                      <a:pt x="1022" y="155"/>
                    </a:lnTo>
                    <a:lnTo>
                      <a:pt x="1022" y="157"/>
                    </a:lnTo>
                    <a:lnTo>
                      <a:pt x="1020" y="157"/>
                    </a:lnTo>
                    <a:lnTo>
                      <a:pt x="1020" y="155"/>
                    </a:lnTo>
                    <a:lnTo>
                      <a:pt x="1020" y="146"/>
                    </a:lnTo>
                    <a:lnTo>
                      <a:pt x="1022" y="142"/>
                    </a:lnTo>
                    <a:lnTo>
                      <a:pt x="1022" y="138"/>
                    </a:lnTo>
                    <a:lnTo>
                      <a:pt x="1022" y="136"/>
                    </a:lnTo>
                    <a:lnTo>
                      <a:pt x="1022" y="135"/>
                    </a:lnTo>
                    <a:lnTo>
                      <a:pt x="1022" y="133"/>
                    </a:lnTo>
                    <a:lnTo>
                      <a:pt x="1020" y="131"/>
                    </a:lnTo>
                    <a:lnTo>
                      <a:pt x="1020" y="129"/>
                    </a:lnTo>
                    <a:lnTo>
                      <a:pt x="1020" y="127"/>
                    </a:lnTo>
                    <a:lnTo>
                      <a:pt x="1020" y="125"/>
                    </a:lnTo>
                    <a:lnTo>
                      <a:pt x="1020" y="123"/>
                    </a:lnTo>
                    <a:lnTo>
                      <a:pt x="1018" y="122"/>
                    </a:lnTo>
                    <a:lnTo>
                      <a:pt x="1018" y="118"/>
                    </a:lnTo>
                    <a:lnTo>
                      <a:pt x="1016" y="112"/>
                    </a:lnTo>
                    <a:lnTo>
                      <a:pt x="1007" y="107"/>
                    </a:lnTo>
                    <a:lnTo>
                      <a:pt x="1003" y="101"/>
                    </a:lnTo>
                    <a:lnTo>
                      <a:pt x="1000" y="98"/>
                    </a:lnTo>
                    <a:lnTo>
                      <a:pt x="998" y="92"/>
                    </a:lnTo>
                    <a:lnTo>
                      <a:pt x="1003" y="92"/>
                    </a:lnTo>
                    <a:lnTo>
                      <a:pt x="1011" y="90"/>
                    </a:lnTo>
                    <a:lnTo>
                      <a:pt x="1018" y="88"/>
                    </a:lnTo>
                    <a:lnTo>
                      <a:pt x="1026" y="86"/>
                    </a:lnTo>
                    <a:lnTo>
                      <a:pt x="1035" y="85"/>
                    </a:lnTo>
                    <a:lnTo>
                      <a:pt x="1042" y="83"/>
                    </a:lnTo>
                    <a:lnTo>
                      <a:pt x="1044" y="83"/>
                    </a:lnTo>
                    <a:lnTo>
                      <a:pt x="1048" y="83"/>
                    </a:lnTo>
                    <a:lnTo>
                      <a:pt x="1051" y="83"/>
                    </a:lnTo>
                    <a:lnTo>
                      <a:pt x="1053" y="83"/>
                    </a:lnTo>
                    <a:lnTo>
                      <a:pt x="1055" y="81"/>
                    </a:lnTo>
                    <a:lnTo>
                      <a:pt x="1055" y="83"/>
                    </a:lnTo>
                    <a:lnTo>
                      <a:pt x="1057" y="83"/>
                    </a:lnTo>
                    <a:lnTo>
                      <a:pt x="1059" y="83"/>
                    </a:lnTo>
                    <a:lnTo>
                      <a:pt x="1059" y="81"/>
                    </a:lnTo>
                    <a:lnTo>
                      <a:pt x="1061" y="81"/>
                    </a:lnTo>
                    <a:lnTo>
                      <a:pt x="1061" y="83"/>
                    </a:lnTo>
                    <a:lnTo>
                      <a:pt x="1063" y="81"/>
                    </a:lnTo>
                    <a:lnTo>
                      <a:pt x="1063" y="83"/>
                    </a:lnTo>
                    <a:lnTo>
                      <a:pt x="1064" y="81"/>
                    </a:lnTo>
                    <a:lnTo>
                      <a:pt x="1066" y="83"/>
                    </a:lnTo>
                    <a:lnTo>
                      <a:pt x="1068" y="83"/>
                    </a:lnTo>
                    <a:lnTo>
                      <a:pt x="1070" y="83"/>
                    </a:lnTo>
                    <a:lnTo>
                      <a:pt x="1070" y="81"/>
                    </a:lnTo>
                    <a:lnTo>
                      <a:pt x="1072" y="81"/>
                    </a:lnTo>
                    <a:lnTo>
                      <a:pt x="1074" y="81"/>
                    </a:lnTo>
                    <a:lnTo>
                      <a:pt x="1076" y="81"/>
                    </a:lnTo>
                    <a:lnTo>
                      <a:pt x="1077" y="81"/>
                    </a:lnTo>
                    <a:lnTo>
                      <a:pt x="1079" y="81"/>
                    </a:lnTo>
                    <a:lnTo>
                      <a:pt x="1081" y="81"/>
                    </a:lnTo>
                    <a:lnTo>
                      <a:pt x="1083" y="81"/>
                    </a:lnTo>
                    <a:lnTo>
                      <a:pt x="1085" y="81"/>
                    </a:lnTo>
                    <a:lnTo>
                      <a:pt x="1087" y="81"/>
                    </a:lnTo>
                    <a:lnTo>
                      <a:pt x="1088" y="81"/>
                    </a:lnTo>
                    <a:lnTo>
                      <a:pt x="1090" y="81"/>
                    </a:lnTo>
                    <a:lnTo>
                      <a:pt x="1092" y="81"/>
                    </a:lnTo>
                    <a:lnTo>
                      <a:pt x="1094" y="81"/>
                    </a:lnTo>
                    <a:lnTo>
                      <a:pt x="1094" y="79"/>
                    </a:lnTo>
                    <a:lnTo>
                      <a:pt x="1096" y="79"/>
                    </a:lnTo>
                    <a:lnTo>
                      <a:pt x="1098" y="79"/>
                    </a:lnTo>
                    <a:lnTo>
                      <a:pt x="1098" y="77"/>
                    </a:lnTo>
                    <a:lnTo>
                      <a:pt x="1100" y="77"/>
                    </a:lnTo>
                    <a:lnTo>
                      <a:pt x="1101" y="77"/>
                    </a:lnTo>
                    <a:lnTo>
                      <a:pt x="1101" y="75"/>
                    </a:lnTo>
                    <a:lnTo>
                      <a:pt x="1103" y="75"/>
                    </a:lnTo>
                    <a:lnTo>
                      <a:pt x="1105" y="75"/>
                    </a:lnTo>
                    <a:lnTo>
                      <a:pt x="1105" y="74"/>
                    </a:lnTo>
                    <a:lnTo>
                      <a:pt x="1107" y="74"/>
                    </a:lnTo>
                    <a:lnTo>
                      <a:pt x="1109" y="72"/>
                    </a:lnTo>
                    <a:lnTo>
                      <a:pt x="1113" y="70"/>
                    </a:lnTo>
                    <a:lnTo>
                      <a:pt x="1114" y="70"/>
                    </a:lnTo>
                    <a:lnTo>
                      <a:pt x="1116" y="70"/>
                    </a:lnTo>
                    <a:lnTo>
                      <a:pt x="1118" y="68"/>
                    </a:lnTo>
                    <a:lnTo>
                      <a:pt x="1120" y="68"/>
                    </a:lnTo>
                    <a:lnTo>
                      <a:pt x="1122" y="68"/>
                    </a:lnTo>
                    <a:lnTo>
                      <a:pt x="1122" y="70"/>
                    </a:lnTo>
                    <a:lnTo>
                      <a:pt x="1124" y="70"/>
                    </a:lnTo>
                    <a:lnTo>
                      <a:pt x="1125" y="68"/>
                    </a:lnTo>
                    <a:lnTo>
                      <a:pt x="1127" y="68"/>
                    </a:lnTo>
                    <a:lnTo>
                      <a:pt x="1129" y="68"/>
                    </a:lnTo>
                    <a:lnTo>
                      <a:pt x="1129" y="66"/>
                    </a:lnTo>
                    <a:lnTo>
                      <a:pt x="1131" y="66"/>
                    </a:lnTo>
                    <a:lnTo>
                      <a:pt x="1133" y="66"/>
                    </a:lnTo>
                    <a:lnTo>
                      <a:pt x="1135" y="64"/>
                    </a:lnTo>
                    <a:lnTo>
                      <a:pt x="1137" y="64"/>
                    </a:lnTo>
                    <a:lnTo>
                      <a:pt x="1137" y="62"/>
                    </a:lnTo>
                    <a:lnTo>
                      <a:pt x="1138" y="61"/>
                    </a:lnTo>
                    <a:lnTo>
                      <a:pt x="1138" y="59"/>
                    </a:lnTo>
                    <a:lnTo>
                      <a:pt x="1140" y="59"/>
                    </a:lnTo>
                    <a:lnTo>
                      <a:pt x="1140" y="57"/>
                    </a:lnTo>
                    <a:lnTo>
                      <a:pt x="1142" y="57"/>
                    </a:lnTo>
                    <a:lnTo>
                      <a:pt x="1144" y="59"/>
                    </a:lnTo>
                    <a:lnTo>
                      <a:pt x="1144" y="61"/>
                    </a:lnTo>
                    <a:lnTo>
                      <a:pt x="1146" y="62"/>
                    </a:lnTo>
                    <a:lnTo>
                      <a:pt x="1148" y="62"/>
                    </a:lnTo>
                    <a:lnTo>
                      <a:pt x="1148" y="64"/>
                    </a:lnTo>
                    <a:lnTo>
                      <a:pt x="1151" y="66"/>
                    </a:lnTo>
                    <a:lnTo>
                      <a:pt x="1155" y="68"/>
                    </a:lnTo>
                    <a:lnTo>
                      <a:pt x="1157" y="68"/>
                    </a:lnTo>
                    <a:lnTo>
                      <a:pt x="1161" y="70"/>
                    </a:lnTo>
                    <a:lnTo>
                      <a:pt x="1162" y="72"/>
                    </a:lnTo>
                    <a:lnTo>
                      <a:pt x="1164" y="72"/>
                    </a:lnTo>
                    <a:lnTo>
                      <a:pt x="1166" y="74"/>
                    </a:lnTo>
                    <a:lnTo>
                      <a:pt x="1168" y="75"/>
                    </a:lnTo>
                    <a:lnTo>
                      <a:pt x="1168" y="77"/>
                    </a:lnTo>
                    <a:lnTo>
                      <a:pt x="1168" y="79"/>
                    </a:lnTo>
                    <a:lnTo>
                      <a:pt x="1170" y="83"/>
                    </a:lnTo>
                    <a:lnTo>
                      <a:pt x="1172" y="85"/>
                    </a:lnTo>
                    <a:lnTo>
                      <a:pt x="1172" y="83"/>
                    </a:lnTo>
                    <a:lnTo>
                      <a:pt x="1174" y="83"/>
                    </a:lnTo>
                    <a:lnTo>
                      <a:pt x="1175" y="86"/>
                    </a:lnTo>
                    <a:lnTo>
                      <a:pt x="1175" y="88"/>
                    </a:lnTo>
                    <a:lnTo>
                      <a:pt x="1179" y="92"/>
                    </a:lnTo>
                    <a:lnTo>
                      <a:pt x="1177" y="94"/>
                    </a:lnTo>
                    <a:lnTo>
                      <a:pt x="1179" y="96"/>
                    </a:lnTo>
                    <a:lnTo>
                      <a:pt x="1181" y="98"/>
                    </a:lnTo>
                    <a:lnTo>
                      <a:pt x="1185" y="92"/>
                    </a:lnTo>
                    <a:lnTo>
                      <a:pt x="1186" y="94"/>
                    </a:lnTo>
                    <a:lnTo>
                      <a:pt x="1188" y="94"/>
                    </a:lnTo>
                    <a:lnTo>
                      <a:pt x="1190" y="98"/>
                    </a:lnTo>
                    <a:lnTo>
                      <a:pt x="1192" y="99"/>
                    </a:lnTo>
                    <a:lnTo>
                      <a:pt x="1194" y="101"/>
                    </a:lnTo>
                    <a:lnTo>
                      <a:pt x="1198" y="107"/>
                    </a:lnTo>
                    <a:lnTo>
                      <a:pt x="1199" y="107"/>
                    </a:lnTo>
                    <a:lnTo>
                      <a:pt x="1198" y="107"/>
                    </a:lnTo>
                    <a:lnTo>
                      <a:pt x="1199" y="107"/>
                    </a:lnTo>
                    <a:lnTo>
                      <a:pt x="1198" y="109"/>
                    </a:lnTo>
                    <a:lnTo>
                      <a:pt x="1198" y="111"/>
                    </a:lnTo>
                    <a:lnTo>
                      <a:pt x="1198" y="112"/>
                    </a:lnTo>
                    <a:lnTo>
                      <a:pt x="1199" y="114"/>
                    </a:lnTo>
                    <a:lnTo>
                      <a:pt x="1199" y="116"/>
                    </a:lnTo>
                    <a:lnTo>
                      <a:pt x="1201" y="116"/>
                    </a:lnTo>
                    <a:lnTo>
                      <a:pt x="1201" y="118"/>
                    </a:lnTo>
                    <a:lnTo>
                      <a:pt x="1203" y="120"/>
                    </a:lnTo>
                    <a:lnTo>
                      <a:pt x="1205" y="120"/>
                    </a:lnTo>
                    <a:lnTo>
                      <a:pt x="1205" y="122"/>
                    </a:lnTo>
                    <a:lnTo>
                      <a:pt x="1205" y="123"/>
                    </a:lnTo>
                    <a:lnTo>
                      <a:pt x="1207" y="123"/>
                    </a:lnTo>
                    <a:lnTo>
                      <a:pt x="1207" y="125"/>
                    </a:lnTo>
                    <a:lnTo>
                      <a:pt x="1209" y="127"/>
                    </a:lnTo>
                    <a:lnTo>
                      <a:pt x="1210" y="127"/>
                    </a:lnTo>
                    <a:lnTo>
                      <a:pt x="1212" y="127"/>
                    </a:lnTo>
                    <a:lnTo>
                      <a:pt x="1214" y="125"/>
                    </a:lnTo>
                    <a:lnTo>
                      <a:pt x="1216" y="125"/>
                    </a:lnTo>
                    <a:lnTo>
                      <a:pt x="1222" y="129"/>
                    </a:lnTo>
                    <a:lnTo>
                      <a:pt x="1223" y="131"/>
                    </a:lnTo>
                    <a:lnTo>
                      <a:pt x="1225" y="131"/>
                    </a:lnTo>
                    <a:lnTo>
                      <a:pt x="1227" y="131"/>
                    </a:lnTo>
                    <a:lnTo>
                      <a:pt x="1229" y="129"/>
                    </a:lnTo>
                    <a:lnTo>
                      <a:pt x="1233" y="127"/>
                    </a:lnTo>
                    <a:lnTo>
                      <a:pt x="1235" y="127"/>
                    </a:lnTo>
                    <a:lnTo>
                      <a:pt x="1236" y="127"/>
                    </a:lnTo>
                    <a:lnTo>
                      <a:pt x="1238" y="127"/>
                    </a:lnTo>
                    <a:lnTo>
                      <a:pt x="1240" y="129"/>
                    </a:lnTo>
                    <a:lnTo>
                      <a:pt x="1242" y="129"/>
                    </a:lnTo>
                    <a:lnTo>
                      <a:pt x="1246" y="127"/>
                    </a:lnTo>
                    <a:lnTo>
                      <a:pt x="1246" y="125"/>
                    </a:lnTo>
                    <a:lnTo>
                      <a:pt x="1246" y="123"/>
                    </a:lnTo>
                    <a:lnTo>
                      <a:pt x="1247" y="120"/>
                    </a:lnTo>
                    <a:lnTo>
                      <a:pt x="1253" y="112"/>
                    </a:lnTo>
                    <a:lnTo>
                      <a:pt x="1260" y="111"/>
                    </a:lnTo>
                    <a:lnTo>
                      <a:pt x="1262" y="111"/>
                    </a:lnTo>
                    <a:lnTo>
                      <a:pt x="1266" y="109"/>
                    </a:lnTo>
                    <a:lnTo>
                      <a:pt x="1268" y="109"/>
                    </a:lnTo>
                    <a:lnTo>
                      <a:pt x="1268" y="112"/>
                    </a:lnTo>
                    <a:lnTo>
                      <a:pt x="1268" y="116"/>
                    </a:lnTo>
                    <a:lnTo>
                      <a:pt x="1270" y="122"/>
                    </a:lnTo>
                    <a:lnTo>
                      <a:pt x="1277" y="127"/>
                    </a:lnTo>
                    <a:lnTo>
                      <a:pt x="1281" y="131"/>
                    </a:lnTo>
                    <a:lnTo>
                      <a:pt x="1283" y="133"/>
                    </a:lnTo>
                    <a:lnTo>
                      <a:pt x="1284" y="129"/>
                    </a:lnTo>
                    <a:lnTo>
                      <a:pt x="1288" y="127"/>
                    </a:lnTo>
                    <a:lnTo>
                      <a:pt x="1292" y="123"/>
                    </a:lnTo>
                    <a:lnTo>
                      <a:pt x="1294" y="122"/>
                    </a:lnTo>
                    <a:lnTo>
                      <a:pt x="1297" y="114"/>
                    </a:lnTo>
                    <a:lnTo>
                      <a:pt x="1299" y="112"/>
                    </a:lnTo>
                    <a:lnTo>
                      <a:pt x="1301" y="111"/>
                    </a:lnTo>
                    <a:lnTo>
                      <a:pt x="1303" y="111"/>
                    </a:lnTo>
                    <a:lnTo>
                      <a:pt x="1303" y="109"/>
                    </a:lnTo>
                    <a:lnTo>
                      <a:pt x="1305" y="109"/>
                    </a:lnTo>
                    <a:lnTo>
                      <a:pt x="1307" y="109"/>
                    </a:lnTo>
                    <a:lnTo>
                      <a:pt x="1308" y="109"/>
                    </a:lnTo>
                    <a:lnTo>
                      <a:pt x="1310" y="109"/>
                    </a:lnTo>
                    <a:lnTo>
                      <a:pt x="1310" y="112"/>
                    </a:lnTo>
                    <a:lnTo>
                      <a:pt x="1310" y="114"/>
                    </a:lnTo>
                    <a:lnTo>
                      <a:pt x="1310" y="118"/>
                    </a:lnTo>
                    <a:lnTo>
                      <a:pt x="1312" y="118"/>
                    </a:lnTo>
                    <a:lnTo>
                      <a:pt x="1314" y="120"/>
                    </a:lnTo>
                    <a:lnTo>
                      <a:pt x="1323" y="122"/>
                    </a:lnTo>
                    <a:lnTo>
                      <a:pt x="1325" y="122"/>
                    </a:lnTo>
                    <a:lnTo>
                      <a:pt x="1327" y="120"/>
                    </a:lnTo>
                    <a:lnTo>
                      <a:pt x="1329" y="120"/>
                    </a:lnTo>
                    <a:lnTo>
                      <a:pt x="1331" y="118"/>
                    </a:lnTo>
                    <a:lnTo>
                      <a:pt x="1334" y="114"/>
                    </a:lnTo>
                    <a:lnTo>
                      <a:pt x="1336" y="114"/>
                    </a:lnTo>
                    <a:lnTo>
                      <a:pt x="1338" y="114"/>
                    </a:lnTo>
                    <a:lnTo>
                      <a:pt x="1338" y="116"/>
                    </a:lnTo>
                    <a:lnTo>
                      <a:pt x="1340" y="116"/>
                    </a:lnTo>
                    <a:lnTo>
                      <a:pt x="1340" y="118"/>
                    </a:lnTo>
                    <a:lnTo>
                      <a:pt x="1342" y="118"/>
                    </a:lnTo>
                    <a:lnTo>
                      <a:pt x="1342" y="120"/>
                    </a:lnTo>
                    <a:lnTo>
                      <a:pt x="1340" y="120"/>
                    </a:lnTo>
                    <a:lnTo>
                      <a:pt x="1340" y="122"/>
                    </a:lnTo>
                    <a:lnTo>
                      <a:pt x="1340" y="123"/>
                    </a:lnTo>
                    <a:lnTo>
                      <a:pt x="1342" y="123"/>
                    </a:lnTo>
                    <a:lnTo>
                      <a:pt x="1344" y="123"/>
                    </a:lnTo>
                    <a:lnTo>
                      <a:pt x="1344" y="125"/>
                    </a:lnTo>
                    <a:lnTo>
                      <a:pt x="1344" y="127"/>
                    </a:lnTo>
                    <a:lnTo>
                      <a:pt x="1342" y="127"/>
                    </a:lnTo>
                    <a:lnTo>
                      <a:pt x="1342" y="129"/>
                    </a:lnTo>
                    <a:lnTo>
                      <a:pt x="1342" y="131"/>
                    </a:lnTo>
                    <a:lnTo>
                      <a:pt x="1344" y="131"/>
                    </a:lnTo>
                    <a:lnTo>
                      <a:pt x="1344" y="133"/>
                    </a:lnTo>
                    <a:lnTo>
                      <a:pt x="1344" y="135"/>
                    </a:lnTo>
                    <a:lnTo>
                      <a:pt x="1342" y="135"/>
                    </a:lnTo>
                    <a:lnTo>
                      <a:pt x="1342" y="136"/>
                    </a:lnTo>
                    <a:lnTo>
                      <a:pt x="1342" y="138"/>
                    </a:lnTo>
                    <a:lnTo>
                      <a:pt x="1340" y="138"/>
                    </a:lnTo>
                    <a:lnTo>
                      <a:pt x="1340" y="140"/>
                    </a:lnTo>
                    <a:lnTo>
                      <a:pt x="1338" y="140"/>
                    </a:lnTo>
                    <a:lnTo>
                      <a:pt x="1338" y="142"/>
                    </a:lnTo>
                    <a:lnTo>
                      <a:pt x="1340" y="142"/>
                    </a:lnTo>
                    <a:lnTo>
                      <a:pt x="1340" y="144"/>
                    </a:lnTo>
                    <a:lnTo>
                      <a:pt x="1342" y="144"/>
                    </a:lnTo>
                    <a:lnTo>
                      <a:pt x="1342" y="146"/>
                    </a:lnTo>
                    <a:lnTo>
                      <a:pt x="1340" y="146"/>
                    </a:lnTo>
                    <a:lnTo>
                      <a:pt x="1340" y="148"/>
                    </a:lnTo>
                    <a:lnTo>
                      <a:pt x="1338" y="148"/>
                    </a:lnTo>
                    <a:lnTo>
                      <a:pt x="1338" y="149"/>
                    </a:lnTo>
                    <a:lnTo>
                      <a:pt x="1340" y="149"/>
                    </a:lnTo>
                    <a:lnTo>
                      <a:pt x="1338" y="149"/>
                    </a:lnTo>
                    <a:lnTo>
                      <a:pt x="1340" y="149"/>
                    </a:lnTo>
                    <a:lnTo>
                      <a:pt x="1340" y="151"/>
                    </a:lnTo>
                    <a:lnTo>
                      <a:pt x="1338" y="151"/>
                    </a:lnTo>
                    <a:lnTo>
                      <a:pt x="1340" y="153"/>
                    </a:lnTo>
                    <a:lnTo>
                      <a:pt x="1340" y="155"/>
                    </a:lnTo>
                    <a:lnTo>
                      <a:pt x="1342" y="157"/>
                    </a:lnTo>
                    <a:lnTo>
                      <a:pt x="1342" y="159"/>
                    </a:lnTo>
                    <a:lnTo>
                      <a:pt x="1342" y="160"/>
                    </a:lnTo>
                    <a:lnTo>
                      <a:pt x="1342" y="159"/>
                    </a:lnTo>
                    <a:lnTo>
                      <a:pt x="1344" y="159"/>
                    </a:lnTo>
                    <a:lnTo>
                      <a:pt x="1345" y="160"/>
                    </a:lnTo>
                    <a:lnTo>
                      <a:pt x="1345" y="162"/>
                    </a:lnTo>
                    <a:lnTo>
                      <a:pt x="1345" y="164"/>
                    </a:lnTo>
                    <a:lnTo>
                      <a:pt x="1347" y="164"/>
                    </a:lnTo>
                    <a:lnTo>
                      <a:pt x="1347" y="166"/>
                    </a:lnTo>
                    <a:lnTo>
                      <a:pt x="1349" y="166"/>
                    </a:lnTo>
                    <a:lnTo>
                      <a:pt x="1349" y="168"/>
                    </a:lnTo>
                    <a:lnTo>
                      <a:pt x="1349" y="170"/>
                    </a:lnTo>
                    <a:lnTo>
                      <a:pt x="1351" y="170"/>
                    </a:lnTo>
                    <a:lnTo>
                      <a:pt x="1351" y="172"/>
                    </a:lnTo>
                    <a:lnTo>
                      <a:pt x="1353" y="172"/>
                    </a:lnTo>
                    <a:lnTo>
                      <a:pt x="1353" y="173"/>
                    </a:lnTo>
                    <a:lnTo>
                      <a:pt x="1355" y="173"/>
                    </a:lnTo>
                    <a:lnTo>
                      <a:pt x="1355" y="175"/>
                    </a:lnTo>
                    <a:lnTo>
                      <a:pt x="1357" y="175"/>
                    </a:lnTo>
                    <a:lnTo>
                      <a:pt x="1357" y="177"/>
                    </a:lnTo>
                    <a:lnTo>
                      <a:pt x="1355" y="177"/>
                    </a:lnTo>
                    <a:lnTo>
                      <a:pt x="1355" y="179"/>
                    </a:lnTo>
                    <a:lnTo>
                      <a:pt x="1355" y="181"/>
                    </a:lnTo>
                    <a:lnTo>
                      <a:pt x="1355" y="179"/>
                    </a:lnTo>
                    <a:lnTo>
                      <a:pt x="1355" y="181"/>
                    </a:lnTo>
                    <a:lnTo>
                      <a:pt x="1355" y="183"/>
                    </a:lnTo>
                    <a:lnTo>
                      <a:pt x="1357" y="183"/>
                    </a:lnTo>
                    <a:lnTo>
                      <a:pt x="1355" y="183"/>
                    </a:lnTo>
                    <a:lnTo>
                      <a:pt x="1355" y="185"/>
                    </a:lnTo>
                    <a:lnTo>
                      <a:pt x="1355" y="186"/>
                    </a:lnTo>
                    <a:lnTo>
                      <a:pt x="1353" y="186"/>
                    </a:lnTo>
                    <a:lnTo>
                      <a:pt x="1353" y="188"/>
                    </a:lnTo>
                    <a:lnTo>
                      <a:pt x="1355" y="188"/>
                    </a:lnTo>
                    <a:lnTo>
                      <a:pt x="1353" y="188"/>
                    </a:lnTo>
                    <a:lnTo>
                      <a:pt x="1355" y="188"/>
                    </a:lnTo>
                    <a:lnTo>
                      <a:pt x="1355" y="190"/>
                    </a:lnTo>
                    <a:lnTo>
                      <a:pt x="1353" y="190"/>
                    </a:lnTo>
                    <a:lnTo>
                      <a:pt x="1355" y="190"/>
                    </a:lnTo>
                    <a:lnTo>
                      <a:pt x="1355" y="192"/>
                    </a:lnTo>
                    <a:lnTo>
                      <a:pt x="1353" y="192"/>
                    </a:lnTo>
                    <a:lnTo>
                      <a:pt x="1355" y="192"/>
                    </a:lnTo>
                    <a:lnTo>
                      <a:pt x="1355" y="194"/>
                    </a:lnTo>
                    <a:lnTo>
                      <a:pt x="1355" y="196"/>
                    </a:lnTo>
                    <a:lnTo>
                      <a:pt x="1355" y="197"/>
                    </a:lnTo>
                    <a:lnTo>
                      <a:pt x="1353" y="197"/>
                    </a:lnTo>
                    <a:lnTo>
                      <a:pt x="1353" y="199"/>
                    </a:lnTo>
                    <a:lnTo>
                      <a:pt x="1355" y="199"/>
                    </a:lnTo>
                    <a:lnTo>
                      <a:pt x="1355" y="201"/>
                    </a:lnTo>
                    <a:lnTo>
                      <a:pt x="1357" y="201"/>
                    </a:lnTo>
                    <a:lnTo>
                      <a:pt x="1357" y="199"/>
                    </a:lnTo>
                    <a:lnTo>
                      <a:pt x="1357" y="201"/>
                    </a:lnTo>
                    <a:lnTo>
                      <a:pt x="1358" y="201"/>
                    </a:lnTo>
                    <a:lnTo>
                      <a:pt x="1357" y="201"/>
                    </a:lnTo>
                    <a:lnTo>
                      <a:pt x="1358" y="201"/>
                    </a:lnTo>
                    <a:lnTo>
                      <a:pt x="1360" y="201"/>
                    </a:lnTo>
                    <a:lnTo>
                      <a:pt x="1360" y="203"/>
                    </a:lnTo>
                    <a:lnTo>
                      <a:pt x="1360" y="205"/>
                    </a:lnTo>
                    <a:lnTo>
                      <a:pt x="1362" y="205"/>
                    </a:lnTo>
                    <a:lnTo>
                      <a:pt x="1362" y="207"/>
                    </a:lnTo>
                    <a:lnTo>
                      <a:pt x="1364" y="207"/>
                    </a:lnTo>
                    <a:lnTo>
                      <a:pt x="1362" y="207"/>
                    </a:lnTo>
                    <a:lnTo>
                      <a:pt x="1362" y="209"/>
                    </a:lnTo>
                    <a:lnTo>
                      <a:pt x="1364" y="209"/>
                    </a:lnTo>
                    <a:lnTo>
                      <a:pt x="1362" y="209"/>
                    </a:lnTo>
                    <a:lnTo>
                      <a:pt x="1364" y="209"/>
                    </a:lnTo>
                    <a:lnTo>
                      <a:pt x="1364" y="210"/>
                    </a:lnTo>
                    <a:lnTo>
                      <a:pt x="1366" y="210"/>
                    </a:lnTo>
                    <a:lnTo>
                      <a:pt x="1366" y="212"/>
                    </a:lnTo>
                    <a:lnTo>
                      <a:pt x="1368" y="212"/>
                    </a:lnTo>
                    <a:lnTo>
                      <a:pt x="1368" y="214"/>
                    </a:lnTo>
                    <a:lnTo>
                      <a:pt x="1368" y="216"/>
                    </a:lnTo>
                    <a:lnTo>
                      <a:pt x="1368" y="218"/>
                    </a:lnTo>
                    <a:lnTo>
                      <a:pt x="1369" y="220"/>
                    </a:lnTo>
                    <a:lnTo>
                      <a:pt x="1369" y="218"/>
                    </a:lnTo>
                    <a:lnTo>
                      <a:pt x="1369" y="220"/>
                    </a:lnTo>
                    <a:lnTo>
                      <a:pt x="1369" y="222"/>
                    </a:lnTo>
                    <a:lnTo>
                      <a:pt x="1369" y="223"/>
                    </a:lnTo>
                    <a:lnTo>
                      <a:pt x="1371" y="225"/>
                    </a:lnTo>
                    <a:lnTo>
                      <a:pt x="1369" y="225"/>
                    </a:lnTo>
                    <a:lnTo>
                      <a:pt x="1371" y="225"/>
                    </a:lnTo>
                    <a:lnTo>
                      <a:pt x="1371" y="227"/>
                    </a:lnTo>
                    <a:lnTo>
                      <a:pt x="1373" y="227"/>
                    </a:lnTo>
                    <a:lnTo>
                      <a:pt x="1373" y="229"/>
                    </a:lnTo>
                    <a:lnTo>
                      <a:pt x="1375" y="229"/>
                    </a:lnTo>
                    <a:lnTo>
                      <a:pt x="1375" y="231"/>
                    </a:lnTo>
                    <a:lnTo>
                      <a:pt x="1375" y="233"/>
                    </a:lnTo>
                    <a:lnTo>
                      <a:pt x="1375" y="234"/>
                    </a:lnTo>
                    <a:lnTo>
                      <a:pt x="1377" y="234"/>
                    </a:lnTo>
                    <a:lnTo>
                      <a:pt x="1377" y="236"/>
                    </a:lnTo>
                    <a:lnTo>
                      <a:pt x="1379" y="238"/>
                    </a:lnTo>
                    <a:lnTo>
                      <a:pt x="1377" y="238"/>
                    </a:lnTo>
                    <a:lnTo>
                      <a:pt x="1377" y="240"/>
                    </a:lnTo>
                    <a:lnTo>
                      <a:pt x="1379" y="240"/>
                    </a:lnTo>
                    <a:lnTo>
                      <a:pt x="1379" y="242"/>
                    </a:lnTo>
                    <a:lnTo>
                      <a:pt x="1381" y="242"/>
                    </a:lnTo>
                    <a:lnTo>
                      <a:pt x="1381" y="244"/>
                    </a:lnTo>
                    <a:lnTo>
                      <a:pt x="1381" y="246"/>
                    </a:lnTo>
                    <a:lnTo>
                      <a:pt x="1382" y="246"/>
                    </a:lnTo>
                    <a:lnTo>
                      <a:pt x="1382" y="247"/>
                    </a:lnTo>
                    <a:lnTo>
                      <a:pt x="1384" y="247"/>
                    </a:lnTo>
                    <a:lnTo>
                      <a:pt x="1384" y="249"/>
                    </a:lnTo>
                    <a:lnTo>
                      <a:pt x="1386" y="249"/>
                    </a:lnTo>
                    <a:lnTo>
                      <a:pt x="1386" y="251"/>
                    </a:lnTo>
                    <a:lnTo>
                      <a:pt x="1386" y="253"/>
                    </a:lnTo>
                    <a:lnTo>
                      <a:pt x="1386" y="255"/>
                    </a:lnTo>
                    <a:lnTo>
                      <a:pt x="1386" y="257"/>
                    </a:lnTo>
                    <a:lnTo>
                      <a:pt x="1386" y="259"/>
                    </a:lnTo>
                    <a:lnTo>
                      <a:pt x="1388" y="259"/>
                    </a:lnTo>
                    <a:lnTo>
                      <a:pt x="1386" y="260"/>
                    </a:lnTo>
                    <a:lnTo>
                      <a:pt x="1386" y="262"/>
                    </a:lnTo>
                    <a:lnTo>
                      <a:pt x="1388" y="264"/>
                    </a:lnTo>
                    <a:lnTo>
                      <a:pt x="1390" y="264"/>
                    </a:lnTo>
                    <a:lnTo>
                      <a:pt x="1392" y="264"/>
                    </a:lnTo>
                    <a:lnTo>
                      <a:pt x="1392" y="266"/>
                    </a:lnTo>
                    <a:lnTo>
                      <a:pt x="1392" y="268"/>
                    </a:lnTo>
                    <a:lnTo>
                      <a:pt x="1393" y="268"/>
                    </a:lnTo>
                    <a:lnTo>
                      <a:pt x="1393" y="270"/>
                    </a:lnTo>
                    <a:lnTo>
                      <a:pt x="1393" y="271"/>
                    </a:lnTo>
                    <a:lnTo>
                      <a:pt x="1395" y="271"/>
                    </a:lnTo>
                    <a:lnTo>
                      <a:pt x="1397" y="271"/>
                    </a:lnTo>
                    <a:lnTo>
                      <a:pt x="1397" y="273"/>
                    </a:lnTo>
                    <a:lnTo>
                      <a:pt x="1399" y="273"/>
                    </a:lnTo>
                    <a:lnTo>
                      <a:pt x="1399" y="275"/>
                    </a:lnTo>
                    <a:lnTo>
                      <a:pt x="1399" y="277"/>
                    </a:lnTo>
                    <a:lnTo>
                      <a:pt x="1399" y="275"/>
                    </a:lnTo>
                    <a:lnTo>
                      <a:pt x="1401" y="275"/>
                    </a:lnTo>
                    <a:lnTo>
                      <a:pt x="1401" y="277"/>
                    </a:lnTo>
                    <a:lnTo>
                      <a:pt x="1403" y="277"/>
                    </a:lnTo>
                    <a:lnTo>
                      <a:pt x="1405" y="277"/>
                    </a:lnTo>
                    <a:lnTo>
                      <a:pt x="1405" y="279"/>
                    </a:lnTo>
                    <a:lnTo>
                      <a:pt x="1406" y="279"/>
                    </a:lnTo>
                    <a:lnTo>
                      <a:pt x="1406" y="281"/>
                    </a:lnTo>
                    <a:lnTo>
                      <a:pt x="1408" y="281"/>
                    </a:lnTo>
                    <a:lnTo>
                      <a:pt x="1408" y="283"/>
                    </a:lnTo>
                    <a:lnTo>
                      <a:pt x="1410" y="284"/>
                    </a:lnTo>
                    <a:lnTo>
                      <a:pt x="1410" y="286"/>
                    </a:lnTo>
                    <a:lnTo>
                      <a:pt x="1412" y="286"/>
                    </a:lnTo>
                    <a:lnTo>
                      <a:pt x="1412" y="288"/>
                    </a:lnTo>
                    <a:lnTo>
                      <a:pt x="1414" y="288"/>
                    </a:lnTo>
                    <a:lnTo>
                      <a:pt x="1414" y="290"/>
                    </a:lnTo>
                    <a:lnTo>
                      <a:pt x="1414" y="292"/>
                    </a:lnTo>
                    <a:lnTo>
                      <a:pt x="1414" y="294"/>
                    </a:lnTo>
                    <a:lnTo>
                      <a:pt x="1414" y="296"/>
                    </a:lnTo>
                    <a:lnTo>
                      <a:pt x="1416" y="296"/>
                    </a:lnTo>
                    <a:lnTo>
                      <a:pt x="1416" y="297"/>
                    </a:lnTo>
                    <a:lnTo>
                      <a:pt x="1416" y="299"/>
                    </a:lnTo>
                    <a:lnTo>
                      <a:pt x="1418" y="299"/>
                    </a:lnTo>
                    <a:lnTo>
                      <a:pt x="1418" y="301"/>
                    </a:lnTo>
                    <a:lnTo>
                      <a:pt x="1418" y="299"/>
                    </a:lnTo>
                    <a:lnTo>
                      <a:pt x="1418" y="301"/>
                    </a:lnTo>
                    <a:lnTo>
                      <a:pt x="1419" y="301"/>
                    </a:lnTo>
                    <a:lnTo>
                      <a:pt x="1419" y="303"/>
                    </a:lnTo>
                    <a:lnTo>
                      <a:pt x="1418" y="303"/>
                    </a:lnTo>
                    <a:lnTo>
                      <a:pt x="1418" y="305"/>
                    </a:lnTo>
                    <a:lnTo>
                      <a:pt x="1418" y="307"/>
                    </a:lnTo>
                    <a:lnTo>
                      <a:pt x="1416" y="307"/>
                    </a:lnTo>
                    <a:lnTo>
                      <a:pt x="1416" y="308"/>
                    </a:lnTo>
                    <a:lnTo>
                      <a:pt x="1414" y="308"/>
                    </a:lnTo>
                    <a:lnTo>
                      <a:pt x="1414" y="310"/>
                    </a:lnTo>
                    <a:lnTo>
                      <a:pt x="1412" y="310"/>
                    </a:lnTo>
                    <a:lnTo>
                      <a:pt x="1414" y="310"/>
                    </a:lnTo>
                    <a:lnTo>
                      <a:pt x="1412" y="310"/>
                    </a:lnTo>
                    <a:lnTo>
                      <a:pt x="1412" y="312"/>
                    </a:lnTo>
                    <a:lnTo>
                      <a:pt x="1410" y="314"/>
                    </a:lnTo>
                    <a:lnTo>
                      <a:pt x="1410" y="316"/>
                    </a:lnTo>
                    <a:lnTo>
                      <a:pt x="1410" y="318"/>
                    </a:lnTo>
                    <a:lnTo>
                      <a:pt x="1410" y="320"/>
                    </a:lnTo>
                    <a:lnTo>
                      <a:pt x="1408" y="320"/>
                    </a:lnTo>
                    <a:lnTo>
                      <a:pt x="1410" y="320"/>
                    </a:lnTo>
                    <a:lnTo>
                      <a:pt x="1408" y="320"/>
                    </a:lnTo>
                    <a:lnTo>
                      <a:pt x="1408" y="321"/>
                    </a:lnTo>
                    <a:lnTo>
                      <a:pt x="1408" y="323"/>
                    </a:lnTo>
                    <a:lnTo>
                      <a:pt x="1408" y="325"/>
                    </a:lnTo>
                    <a:lnTo>
                      <a:pt x="1408" y="327"/>
                    </a:lnTo>
                    <a:lnTo>
                      <a:pt x="1408" y="329"/>
                    </a:lnTo>
                    <a:lnTo>
                      <a:pt x="1408" y="331"/>
                    </a:lnTo>
                    <a:lnTo>
                      <a:pt x="1408" y="332"/>
                    </a:lnTo>
                    <a:lnTo>
                      <a:pt x="1408" y="334"/>
                    </a:lnTo>
                    <a:lnTo>
                      <a:pt x="1410" y="334"/>
                    </a:lnTo>
                    <a:lnTo>
                      <a:pt x="1408" y="334"/>
                    </a:lnTo>
                    <a:lnTo>
                      <a:pt x="1410" y="334"/>
                    </a:lnTo>
                    <a:lnTo>
                      <a:pt x="1410" y="336"/>
                    </a:lnTo>
                    <a:lnTo>
                      <a:pt x="1410" y="338"/>
                    </a:lnTo>
                    <a:lnTo>
                      <a:pt x="1410" y="340"/>
                    </a:lnTo>
                    <a:lnTo>
                      <a:pt x="1410" y="342"/>
                    </a:lnTo>
                    <a:lnTo>
                      <a:pt x="1412" y="342"/>
                    </a:lnTo>
                    <a:lnTo>
                      <a:pt x="1412" y="344"/>
                    </a:lnTo>
                    <a:lnTo>
                      <a:pt x="1412" y="345"/>
                    </a:lnTo>
                    <a:lnTo>
                      <a:pt x="1414" y="347"/>
                    </a:lnTo>
                    <a:lnTo>
                      <a:pt x="1414" y="349"/>
                    </a:lnTo>
                    <a:lnTo>
                      <a:pt x="1414" y="351"/>
                    </a:lnTo>
                    <a:lnTo>
                      <a:pt x="1416" y="351"/>
                    </a:lnTo>
                    <a:lnTo>
                      <a:pt x="1416" y="353"/>
                    </a:lnTo>
                    <a:lnTo>
                      <a:pt x="1418" y="353"/>
                    </a:lnTo>
                    <a:lnTo>
                      <a:pt x="1418" y="355"/>
                    </a:lnTo>
                    <a:lnTo>
                      <a:pt x="1419" y="355"/>
                    </a:lnTo>
                    <a:lnTo>
                      <a:pt x="1419" y="357"/>
                    </a:lnTo>
                    <a:lnTo>
                      <a:pt x="1421" y="357"/>
                    </a:lnTo>
                    <a:lnTo>
                      <a:pt x="1421" y="358"/>
                    </a:lnTo>
                    <a:lnTo>
                      <a:pt x="1423" y="360"/>
                    </a:lnTo>
                    <a:lnTo>
                      <a:pt x="1425" y="360"/>
                    </a:lnTo>
                    <a:lnTo>
                      <a:pt x="1425" y="362"/>
                    </a:lnTo>
                    <a:lnTo>
                      <a:pt x="1427" y="364"/>
                    </a:lnTo>
                    <a:lnTo>
                      <a:pt x="1427" y="366"/>
                    </a:lnTo>
                    <a:lnTo>
                      <a:pt x="1429" y="368"/>
                    </a:lnTo>
                    <a:lnTo>
                      <a:pt x="1429" y="369"/>
                    </a:lnTo>
                    <a:lnTo>
                      <a:pt x="1427" y="369"/>
                    </a:lnTo>
                    <a:lnTo>
                      <a:pt x="1427" y="371"/>
                    </a:lnTo>
                    <a:lnTo>
                      <a:pt x="1429" y="371"/>
                    </a:lnTo>
                    <a:lnTo>
                      <a:pt x="1429" y="373"/>
                    </a:lnTo>
                    <a:lnTo>
                      <a:pt x="1429" y="375"/>
                    </a:lnTo>
                    <a:lnTo>
                      <a:pt x="1427" y="377"/>
                    </a:lnTo>
                    <a:lnTo>
                      <a:pt x="1429" y="377"/>
                    </a:lnTo>
                    <a:lnTo>
                      <a:pt x="1429" y="379"/>
                    </a:lnTo>
                    <a:lnTo>
                      <a:pt x="1429" y="381"/>
                    </a:lnTo>
                    <a:lnTo>
                      <a:pt x="1427" y="381"/>
                    </a:lnTo>
                    <a:lnTo>
                      <a:pt x="1429" y="384"/>
                    </a:lnTo>
                    <a:lnTo>
                      <a:pt x="1427" y="386"/>
                    </a:lnTo>
                    <a:lnTo>
                      <a:pt x="1425" y="386"/>
                    </a:lnTo>
                    <a:lnTo>
                      <a:pt x="1423" y="386"/>
                    </a:lnTo>
                    <a:lnTo>
                      <a:pt x="1423" y="388"/>
                    </a:lnTo>
                    <a:lnTo>
                      <a:pt x="1423" y="392"/>
                    </a:lnTo>
                    <a:lnTo>
                      <a:pt x="1421" y="394"/>
                    </a:lnTo>
                    <a:lnTo>
                      <a:pt x="1421" y="395"/>
                    </a:lnTo>
                    <a:lnTo>
                      <a:pt x="1419" y="395"/>
                    </a:lnTo>
                    <a:lnTo>
                      <a:pt x="1418" y="395"/>
                    </a:lnTo>
                    <a:lnTo>
                      <a:pt x="1416" y="397"/>
                    </a:lnTo>
                    <a:lnTo>
                      <a:pt x="1414" y="397"/>
                    </a:lnTo>
                    <a:lnTo>
                      <a:pt x="1410" y="399"/>
                    </a:lnTo>
                    <a:lnTo>
                      <a:pt x="1408" y="401"/>
                    </a:lnTo>
                    <a:lnTo>
                      <a:pt x="1406" y="401"/>
                    </a:lnTo>
                    <a:lnTo>
                      <a:pt x="1403" y="403"/>
                    </a:lnTo>
                    <a:lnTo>
                      <a:pt x="1401" y="405"/>
                    </a:lnTo>
                    <a:lnTo>
                      <a:pt x="1399" y="405"/>
                    </a:lnTo>
                    <a:lnTo>
                      <a:pt x="1399" y="406"/>
                    </a:lnTo>
                    <a:lnTo>
                      <a:pt x="1397" y="408"/>
                    </a:lnTo>
                    <a:lnTo>
                      <a:pt x="1397" y="410"/>
                    </a:lnTo>
                    <a:lnTo>
                      <a:pt x="1397" y="412"/>
                    </a:lnTo>
                    <a:lnTo>
                      <a:pt x="1397" y="416"/>
                    </a:lnTo>
                    <a:lnTo>
                      <a:pt x="1397" y="418"/>
                    </a:lnTo>
                    <a:lnTo>
                      <a:pt x="1397" y="416"/>
                    </a:lnTo>
                    <a:lnTo>
                      <a:pt x="1399" y="416"/>
                    </a:lnTo>
                    <a:lnTo>
                      <a:pt x="1401" y="416"/>
                    </a:lnTo>
                    <a:lnTo>
                      <a:pt x="1401" y="418"/>
                    </a:lnTo>
                    <a:lnTo>
                      <a:pt x="1401" y="419"/>
                    </a:lnTo>
                    <a:lnTo>
                      <a:pt x="1401" y="421"/>
                    </a:lnTo>
                    <a:lnTo>
                      <a:pt x="1401" y="423"/>
                    </a:lnTo>
                    <a:lnTo>
                      <a:pt x="1399" y="425"/>
                    </a:lnTo>
                    <a:lnTo>
                      <a:pt x="1399" y="427"/>
                    </a:lnTo>
                    <a:lnTo>
                      <a:pt x="1401" y="427"/>
                    </a:lnTo>
                    <a:lnTo>
                      <a:pt x="1403" y="427"/>
                    </a:lnTo>
                    <a:lnTo>
                      <a:pt x="1403" y="429"/>
                    </a:lnTo>
                    <a:lnTo>
                      <a:pt x="1405" y="429"/>
                    </a:lnTo>
                    <a:lnTo>
                      <a:pt x="1406" y="429"/>
                    </a:lnTo>
                    <a:lnTo>
                      <a:pt x="1406" y="431"/>
                    </a:lnTo>
                    <a:lnTo>
                      <a:pt x="1408" y="431"/>
                    </a:lnTo>
                    <a:lnTo>
                      <a:pt x="1408" y="432"/>
                    </a:lnTo>
                    <a:lnTo>
                      <a:pt x="1406" y="432"/>
                    </a:lnTo>
                    <a:lnTo>
                      <a:pt x="1406" y="434"/>
                    </a:lnTo>
                    <a:lnTo>
                      <a:pt x="1406" y="436"/>
                    </a:lnTo>
                    <a:lnTo>
                      <a:pt x="1406" y="438"/>
                    </a:lnTo>
                    <a:lnTo>
                      <a:pt x="1405" y="440"/>
                    </a:lnTo>
                    <a:lnTo>
                      <a:pt x="1405" y="442"/>
                    </a:lnTo>
                    <a:lnTo>
                      <a:pt x="1406" y="443"/>
                    </a:lnTo>
                    <a:lnTo>
                      <a:pt x="1408" y="443"/>
                    </a:lnTo>
                    <a:lnTo>
                      <a:pt x="1410" y="447"/>
                    </a:lnTo>
                    <a:lnTo>
                      <a:pt x="1408" y="449"/>
                    </a:lnTo>
                    <a:lnTo>
                      <a:pt x="1408" y="451"/>
                    </a:lnTo>
                    <a:lnTo>
                      <a:pt x="1408" y="453"/>
                    </a:lnTo>
                    <a:lnTo>
                      <a:pt x="1406" y="455"/>
                    </a:lnTo>
                    <a:lnTo>
                      <a:pt x="1406" y="456"/>
                    </a:lnTo>
                    <a:lnTo>
                      <a:pt x="1408" y="455"/>
                    </a:lnTo>
                    <a:lnTo>
                      <a:pt x="1408" y="456"/>
                    </a:lnTo>
                    <a:lnTo>
                      <a:pt x="1410" y="456"/>
                    </a:lnTo>
                    <a:lnTo>
                      <a:pt x="1412" y="458"/>
                    </a:lnTo>
                    <a:lnTo>
                      <a:pt x="1414" y="458"/>
                    </a:lnTo>
                    <a:lnTo>
                      <a:pt x="1414" y="460"/>
                    </a:lnTo>
                    <a:lnTo>
                      <a:pt x="1416" y="462"/>
                    </a:lnTo>
                    <a:lnTo>
                      <a:pt x="1414" y="462"/>
                    </a:lnTo>
                    <a:lnTo>
                      <a:pt x="1414" y="464"/>
                    </a:lnTo>
                    <a:lnTo>
                      <a:pt x="1412" y="466"/>
                    </a:lnTo>
                    <a:lnTo>
                      <a:pt x="1416" y="468"/>
                    </a:lnTo>
                    <a:lnTo>
                      <a:pt x="1416" y="471"/>
                    </a:lnTo>
                    <a:lnTo>
                      <a:pt x="1416" y="473"/>
                    </a:lnTo>
                    <a:lnTo>
                      <a:pt x="1418" y="473"/>
                    </a:lnTo>
                    <a:lnTo>
                      <a:pt x="1418" y="475"/>
                    </a:lnTo>
                    <a:lnTo>
                      <a:pt x="1416" y="477"/>
                    </a:lnTo>
                    <a:lnTo>
                      <a:pt x="1416" y="480"/>
                    </a:lnTo>
                    <a:lnTo>
                      <a:pt x="1416" y="482"/>
                    </a:lnTo>
                    <a:lnTo>
                      <a:pt x="1414" y="482"/>
                    </a:lnTo>
                    <a:lnTo>
                      <a:pt x="1414" y="484"/>
                    </a:lnTo>
                    <a:lnTo>
                      <a:pt x="1416" y="484"/>
                    </a:lnTo>
                    <a:lnTo>
                      <a:pt x="1414" y="484"/>
                    </a:lnTo>
                    <a:lnTo>
                      <a:pt x="1414" y="486"/>
                    </a:lnTo>
                    <a:lnTo>
                      <a:pt x="1412" y="486"/>
                    </a:lnTo>
                    <a:lnTo>
                      <a:pt x="1412" y="488"/>
                    </a:lnTo>
                    <a:lnTo>
                      <a:pt x="1414" y="488"/>
                    </a:lnTo>
                    <a:lnTo>
                      <a:pt x="1416" y="488"/>
                    </a:lnTo>
                    <a:lnTo>
                      <a:pt x="1414" y="490"/>
                    </a:lnTo>
                    <a:lnTo>
                      <a:pt x="1414" y="492"/>
                    </a:lnTo>
                    <a:lnTo>
                      <a:pt x="1412" y="492"/>
                    </a:lnTo>
                    <a:lnTo>
                      <a:pt x="1410" y="492"/>
                    </a:lnTo>
                    <a:lnTo>
                      <a:pt x="1412" y="492"/>
                    </a:lnTo>
                    <a:lnTo>
                      <a:pt x="1414" y="493"/>
                    </a:lnTo>
                    <a:lnTo>
                      <a:pt x="1414" y="495"/>
                    </a:lnTo>
                    <a:lnTo>
                      <a:pt x="1412" y="499"/>
                    </a:lnTo>
                    <a:lnTo>
                      <a:pt x="1412" y="501"/>
                    </a:lnTo>
                    <a:lnTo>
                      <a:pt x="1412" y="503"/>
                    </a:lnTo>
                    <a:lnTo>
                      <a:pt x="1412" y="505"/>
                    </a:lnTo>
                    <a:lnTo>
                      <a:pt x="1410" y="505"/>
                    </a:lnTo>
                    <a:lnTo>
                      <a:pt x="1410" y="506"/>
                    </a:lnTo>
                    <a:lnTo>
                      <a:pt x="1412" y="506"/>
                    </a:lnTo>
                    <a:lnTo>
                      <a:pt x="1412" y="508"/>
                    </a:lnTo>
                    <a:lnTo>
                      <a:pt x="1410" y="510"/>
                    </a:lnTo>
                    <a:lnTo>
                      <a:pt x="1408" y="516"/>
                    </a:lnTo>
                    <a:lnTo>
                      <a:pt x="1406" y="517"/>
                    </a:lnTo>
                    <a:lnTo>
                      <a:pt x="1406" y="521"/>
                    </a:lnTo>
                    <a:lnTo>
                      <a:pt x="1405" y="521"/>
                    </a:lnTo>
                    <a:lnTo>
                      <a:pt x="1405" y="523"/>
                    </a:lnTo>
                    <a:lnTo>
                      <a:pt x="1405" y="525"/>
                    </a:lnTo>
                    <a:lnTo>
                      <a:pt x="1403" y="525"/>
                    </a:lnTo>
                    <a:lnTo>
                      <a:pt x="1403" y="527"/>
                    </a:lnTo>
                    <a:lnTo>
                      <a:pt x="1405" y="527"/>
                    </a:lnTo>
                    <a:lnTo>
                      <a:pt x="1406" y="527"/>
                    </a:lnTo>
                    <a:lnTo>
                      <a:pt x="1406" y="529"/>
                    </a:lnTo>
                    <a:lnTo>
                      <a:pt x="1406" y="530"/>
                    </a:lnTo>
                    <a:lnTo>
                      <a:pt x="1405" y="530"/>
                    </a:lnTo>
                    <a:lnTo>
                      <a:pt x="1405" y="532"/>
                    </a:lnTo>
                    <a:lnTo>
                      <a:pt x="1403" y="532"/>
                    </a:lnTo>
                    <a:lnTo>
                      <a:pt x="1403" y="534"/>
                    </a:lnTo>
                    <a:lnTo>
                      <a:pt x="1401" y="534"/>
                    </a:lnTo>
                    <a:lnTo>
                      <a:pt x="1401" y="536"/>
                    </a:lnTo>
                    <a:lnTo>
                      <a:pt x="1401" y="538"/>
                    </a:lnTo>
                    <a:lnTo>
                      <a:pt x="1399" y="538"/>
                    </a:lnTo>
                    <a:lnTo>
                      <a:pt x="1399" y="540"/>
                    </a:lnTo>
                    <a:lnTo>
                      <a:pt x="1397" y="540"/>
                    </a:lnTo>
                    <a:lnTo>
                      <a:pt x="1397" y="542"/>
                    </a:lnTo>
                    <a:lnTo>
                      <a:pt x="1397" y="543"/>
                    </a:lnTo>
                    <a:lnTo>
                      <a:pt x="1395" y="545"/>
                    </a:lnTo>
                    <a:lnTo>
                      <a:pt x="1397" y="545"/>
                    </a:lnTo>
                    <a:lnTo>
                      <a:pt x="1399" y="547"/>
                    </a:lnTo>
                    <a:lnTo>
                      <a:pt x="1397" y="547"/>
                    </a:lnTo>
                    <a:lnTo>
                      <a:pt x="1399" y="549"/>
                    </a:lnTo>
                    <a:lnTo>
                      <a:pt x="1399" y="551"/>
                    </a:lnTo>
                    <a:lnTo>
                      <a:pt x="1397" y="551"/>
                    </a:lnTo>
                    <a:lnTo>
                      <a:pt x="1397" y="553"/>
                    </a:lnTo>
                    <a:lnTo>
                      <a:pt x="1399" y="553"/>
                    </a:lnTo>
                    <a:lnTo>
                      <a:pt x="1399" y="554"/>
                    </a:lnTo>
                    <a:lnTo>
                      <a:pt x="1399" y="556"/>
                    </a:lnTo>
                    <a:lnTo>
                      <a:pt x="1399" y="558"/>
                    </a:lnTo>
                    <a:lnTo>
                      <a:pt x="1401" y="558"/>
                    </a:lnTo>
                    <a:lnTo>
                      <a:pt x="1401" y="560"/>
                    </a:lnTo>
                    <a:lnTo>
                      <a:pt x="1403" y="562"/>
                    </a:lnTo>
                    <a:lnTo>
                      <a:pt x="1405" y="564"/>
                    </a:lnTo>
                    <a:lnTo>
                      <a:pt x="1406" y="564"/>
                    </a:lnTo>
                    <a:lnTo>
                      <a:pt x="1406" y="566"/>
                    </a:lnTo>
                    <a:lnTo>
                      <a:pt x="1406" y="567"/>
                    </a:lnTo>
                    <a:lnTo>
                      <a:pt x="1408" y="567"/>
                    </a:lnTo>
                    <a:lnTo>
                      <a:pt x="1408" y="569"/>
                    </a:lnTo>
                    <a:lnTo>
                      <a:pt x="1408" y="571"/>
                    </a:lnTo>
                    <a:lnTo>
                      <a:pt x="1410" y="571"/>
                    </a:lnTo>
                    <a:lnTo>
                      <a:pt x="1412" y="571"/>
                    </a:lnTo>
                    <a:lnTo>
                      <a:pt x="1414" y="571"/>
                    </a:lnTo>
                    <a:lnTo>
                      <a:pt x="1416" y="571"/>
                    </a:lnTo>
                    <a:lnTo>
                      <a:pt x="1418" y="571"/>
                    </a:lnTo>
                    <a:lnTo>
                      <a:pt x="1418" y="573"/>
                    </a:lnTo>
                    <a:lnTo>
                      <a:pt x="1419" y="573"/>
                    </a:lnTo>
                    <a:lnTo>
                      <a:pt x="1419" y="575"/>
                    </a:lnTo>
                    <a:lnTo>
                      <a:pt x="1421" y="577"/>
                    </a:lnTo>
                    <a:lnTo>
                      <a:pt x="1421" y="579"/>
                    </a:lnTo>
                    <a:lnTo>
                      <a:pt x="1421" y="580"/>
                    </a:lnTo>
                    <a:lnTo>
                      <a:pt x="1419" y="582"/>
                    </a:lnTo>
                    <a:lnTo>
                      <a:pt x="1421" y="582"/>
                    </a:lnTo>
                    <a:lnTo>
                      <a:pt x="1421" y="584"/>
                    </a:lnTo>
                    <a:lnTo>
                      <a:pt x="1421" y="586"/>
                    </a:lnTo>
                    <a:lnTo>
                      <a:pt x="1423" y="588"/>
                    </a:lnTo>
                    <a:lnTo>
                      <a:pt x="1425" y="588"/>
                    </a:lnTo>
                    <a:lnTo>
                      <a:pt x="1425" y="590"/>
                    </a:lnTo>
                    <a:lnTo>
                      <a:pt x="1427" y="590"/>
                    </a:lnTo>
                    <a:lnTo>
                      <a:pt x="1427" y="591"/>
                    </a:lnTo>
                    <a:lnTo>
                      <a:pt x="1429" y="591"/>
                    </a:lnTo>
                    <a:lnTo>
                      <a:pt x="1430" y="591"/>
                    </a:lnTo>
                    <a:lnTo>
                      <a:pt x="1432" y="591"/>
                    </a:lnTo>
                    <a:lnTo>
                      <a:pt x="1432" y="593"/>
                    </a:lnTo>
                    <a:lnTo>
                      <a:pt x="1434" y="593"/>
                    </a:lnTo>
                    <a:lnTo>
                      <a:pt x="1434" y="595"/>
                    </a:lnTo>
                    <a:lnTo>
                      <a:pt x="1434" y="597"/>
                    </a:lnTo>
                    <a:lnTo>
                      <a:pt x="1436" y="597"/>
                    </a:lnTo>
                    <a:lnTo>
                      <a:pt x="1436" y="599"/>
                    </a:lnTo>
                    <a:lnTo>
                      <a:pt x="1434" y="599"/>
                    </a:lnTo>
                    <a:lnTo>
                      <a:pt x="1434" y="601"/>
                    </a:lnTo>
                    <a:lnTo>
                      <a:pt x="1434" y="603"/>
                    </a:lnTo>
                    <a:lnTo>
                      <a:pt x="1434" y="604"/>
                    </a:lnTo>
                    <a:lnTo>
                      <a:pt x="1436" y="606"/>
                    </a:lnTo>
                    <a:lnTo>
                      <a:pt x="1436" y="608"/>
                    </a:lnTo>
                    <a:lnTo>
                      <a:pt x="1436" y="610"/>
                    </a:lnTo>
                    <a:lnTo>
                      <a:pt x="1438" y="610"/>
                    </a:lnTo>
                    <a:lnTo>
                      <a:pt x="1440" y="610"/>
                    </a:lnTo>
                    <a:lnTo>
                      <a:pt x="1440" y="612"/>
                    </a:lnTo>
                    <a:lnTo>
                      <a:pt x="1442" y="612"/>
                    </a:lnTo>
                    <a:lnTo>
                      <a:pt x="1442" y="614"/>
                    </a:lnTo>
                    <a:lnTo>
                      <a:pt x="1442" y="616"/>
                    </a:lnTo>
                    <a:lnTo>
                      <a:pt x="1443" y="616"/>
                    </a:lnTo>
                    <a:lnTo>
                      <a:pt x="1443" y="617"/>
                    </a:lnTo>
                    <a:lnTo>
                      <a:pt x="1445" y="617"/>
                    </a:lnTo>
                    <a:lnTo>
                      <a:pt x="1445" y="619"/>
                    </a:lnTo>
                    <a:lnTo>
                      <a:pt x="1443" y="619"/>
                    </a:lnTo>
                    <a:lnTo>
                      <a:pt x="1443" y="621"/>
                    </a:lnTo>
                    <a:lnTo>
                      <a:pt x="1443" y="623"/>
                    </a:lnTo>
                    <a:lnTo>
                      <a:pt x="1442" y="625"/>
                    </a:lnTo>
                    <a:lnTo>
                      <a:pt x="1440" y="625"/>
                    </a:lnTo>
                    <a:lnTo>
                      <a:pt x="1440" y="627"/>
                    </a:lnTo>
                    <a:lnTo>
                      <a:pt x="1440" y="628"/>
                    </a:lnTo>
                    <a:lnTo>
                      <a:pt x="1442" y="630"/>
                    </a:lnTo>
                    <a:lnTo>
                      <a:pt x="1442" y="632"/>
                    </a:lnTo>
                    <a:lnTo>
                      <a:pt x="1442" y="634"/>
                    </a:lnTo>
                    <a:lnTo>
                      <a:pt x="1443" y="636"/>
                    </a:lnTo>
                    <a:lnTo>
                      <a:pt x="1443" y="638"/>
                    </a:lnTo>
                    <a:lnTo>
                      <a:pt x="1445" y="640"/>
                    </a:lnTo>
                    <a:lnTo>
                      <a:pt x="1447" y="641"/>
                    </a:lnTo>
                    <a:lnTo>
                      <a:pt x="1449" y="641"/>
                    </a:lnTo>
                    <a:lnTo>
                      <a:pt x="1451" y="640"/>
                    </a:lnTo>
                    <a:lnTo>
                      <a:pt x="1453" y="640"/>
                    </a:lnTo>
                    <a:lnTo>
                      <a:pt x="1454" y="640"/>
                    </a:lnTo>
                    <a:lnTo>
                      <a:pt x="1456" y="640"/>
                    </a:lnTo>
                    <a:lnTo>
                      <a:pt x="1456" y="638"/>
                    </a:lnTo>
                    <a:lnTo>
                      <a:pt x="1458" y="638"/>
                    </a:lnTo>
                    <a:lnTo>
                      <a:pt x="1460" y="638"/>
                    </a:lnTo>
                    <a:lnTo>
                      <a:pt x="1462" y="638"/>
                    </a:lnTo>
                    <a:lnTo>
                      <a:pt x="1462" y="636"/>
                    </a:lnTo>
                    <a:lnTo>
                      <a:pt x="1467" y="636"/>
                    </a:lnTo>
                    <a:lnTo>
                      <a:pt x="1469" y="634"/>
                    </a:lnTo>
                    <a:lnTo>
                      <a:pt x="1471" y="634"/>
                    </a:lnTo>
                    <a:lnTo>
                      <a:pt x="1475" y="632"/>
                    </a:lnTo>
                    <a:lnTo>
                      <a:pt x="1477" y="632"/>
                    </a:lnTo>
                    <a:lnTo>
                      <a:pt x="1479" y="632"/>
                    </a:lnTo>
                    <a:lnTo>
                      <a:pt x="1480" y="634"/>
                    </a:lnTo>
                    <a:lnTo>
                      <a:pt x="1480" y="636"/>
                    </a:lnTo>
                    <a:lnTo>
                      <a:pt x="1480" y="638"/>
                    </a:lnTo>
                    <a:lnTo>
                      <a:pt x="1482" y="640"/>
                    </a:lnTo>
                    <a:lnTo>
                      <a:pt x="1482" y="641"/>
                    </a:lnTo>
                    <a:lnTo>
                      <a:pt x="1484" y="641"/>
                    </a:lnTo>
                    <a:lnTo>
                      <a:pt x="1484" y="643"/>
                    </a:lnTo>
                    <a:lnTo>
                      <a:pt x="1486" y="643"/>
                    </a:lnTo>
                    <a:lnTo>
                      <a:pt x="1488" y="643"/>
                    </a:lnTo>
                    <a:lnTo>
                      <a:pt x="1488" y="645"/>
                    </a:lnTo>
                    <a:lnTo>
                      <a:pt x="1488" y="643"/>
                    </a:lnTo>
                    <a:lnTo>
                      <a:pt x="1488" y="645"/>
                    </a:lnTo>
                    <a:lnTo>
                      <a:pt x="1490" y="645"/>
                    </a:lnTo>
                    <a:lnTo>
                      <a:pt x="1491" y="645"/>
                    </a:lnTo>
                    <a:lnTo>
                      <a:pt x="1493" y="645"/>
                    </a:lnTo>
                    <a:lnTo>
                      <a:pt x="1495" y="645"/>
                    </a:lnTo>
                    <a:lnTo>
                      <a:pt x="1497" y="645"/>
                    </a:lnTo>
                    <a:lnTo>
                      <a:pt x="1499" y="645"/>
                    </a:lnTo>
                    <a:lnTo>
                      <a:pt x="1501" y="643"/>
                    </a:lnTo>
                    <a:lnTo>
                      <a:pt x="1501" y="641"/>
                    </a:lnTo>
                    <a:lnTo>
                      <a:pt x="1503" y="643"/>
                    </a:lnTo>
                    <a:lnTo>
                      <a:pt x="1504" y="643"/>
                    </a:lnTo>
                    <a:lnTo>
                      <a:pt x="1506" y="643"/>
                    </a:lnTo>
                    <a:lnTo>
                      <a:pt x="1508" y="643"/>
                    </a:lnTo>
                    <a:lnTo>
                      <a:pt x="1510" y="641"/>
                    </a:lnTo>
                    <a:lnTo>
                      <a:pt x="1512" y="641"/>
                    </a:lnTo>
                    <a:lnTo>
                      <a:pt x="1514" y="641"/>
                    </a:lnTo>
                    <a:lnTo>
                      <a:pt x="1514" y="640"/>
                    </a:lnTo>
                    <a:lnTo>
                      <a:pt x="1515" y="641"/>
                    </a:lnTo>
                    <a:lnTo>
                      <a:pt x="1517" y="641"/>
                    </a:lnTo>
                    <a:lnTo>
                      <a:pt x="1519" y="643"/>
                    </a:lnTo>
                    <a:lnTo>
                      <a:pt x="1521" y="645"/>
                    </a:lnTo>
                    <a:lnTo>
                      <a:pt x="1523" y="647"/>
                    </a:lnTo>
                    <a:lnTo>
                      <a:pt x="1521" y="647"/>
                    </a:lnTo>
                    <a:lnTo>
                      <a:pt x="1521" y="649"/>
                    </a:lnTo>
                    <a:lnTo>
                      <a:pt x="1519" y="649"/>
                    </a:lnTo>
                    <a:lnTo>
                      <a:pt x="1519" y="651"/>
                    </a:lnTo>
                    <a:lnTo>
                      <a:pt x="1519" y="652"/>
                    </a:lnTo>
                    <a:lnTo>
                      <a:pt x="1517" y="652"/>
                    </a:lnTo>
                    <a:lnTo>
                      <a:pt x="1517" y="654"/>
                    </a:lnTo>
                    <a:lnTo>
                      <a:pt x="1517" y="656"/>
                    </a:lnTo>
                    <a:lnTo>
                      <a:pt x="1517" y="660"/>
                    </a:lnTo>
                    <a:lnTo>
                      <a:pt x="1515" y="662"/>
                    </a:lnTo>
                    <a:lnTo>
                      <a:pt x="1514" y="664"/>
                    </a:lnTo>
                    <a:lnTo>
                      <a:pt x="1512" y="665"/>
                    </a:lnTo>
                    <a:lnTo>
                      <a:pt x="1512" y="667"/>
                    </a:lnTo>
                    <a:lnTo>
                      <a:pt x="1512" y="669"/>
                    </a:lnTo>
                    <a:lnTo>
                      <a:pt x="1512" y="671"/>
                    </a:lnTo>
                    <a:lnTo>
                      <a:pt x="1512" y="673"/>
                    </a:lnTo>
                    <a:lnTo>
                      <a:pt x="1512" y="675"/>
                    </a:lnTo>
                    <a:lnTo>
                      <a:pt x="1514" y="675"/>
                    </a:lnTo>
                    <a:lnTo>
                      <a:pt x="1514" y="678"/>
                    </a:lnTo>
                    <a:lnTo>
                      <a:pt x="1514" y="680"/>
                    </a:lnTo>
                    <a:lnTo>
                      <a:pt x="1514" y="684"/>
                    </a:lnTo>
                    <a:lnTo>
                      <a:pt x="1515" y="684"/>
                    </a:lnTo>
                    <a:lnTo>
                      <a:pt x="1515" y="686"/>
                    </a:lnTo>
                    <a:lnTo>
                      <a:pt x="1515" y="688"/>
                    </a:lnTo>
                    <a:lnTo>
                      <a:pt x="1517" y="688"/>
                    </a:lnTo>
                    <a:lnTo>
                      <a:pt x="1517" y="689"/>
                    </a:lnTo>
                    <a:lnTo>
                      <a:pt x="1517" y="691"/>
                    </a:lnTo>
                    <a:lnTo>
                      <a:pt x="1517" y="693"/>
                    </a:lnTo>
                    <a:lnTo>
                      <a:pt x="1515" y="693"/>
                    </a:lnTo>
                    <a:lnTo>
                      <a:pt x="1515" y="695"/>
                    </a:lnTo>
                    <a:lnTo>
                      <a:pt x="1514" y="695"/>
                    </a:lnTo>
                    <a:lnTo>
                      <a:pt x="1512" y="695"/>
                    </a:lnTo>
                    <a:lnTo>
                      <a:pt x="1510" y="695"/>
                    </a:lnTo>
                    <a:lnTo>
                      <a:pt x="1510" y="697"/>
                    </a:lnTo>
                    <a:lnTo>
                      <a:pt x="1508" y="697"/>
                    </a:lnTo>
                    <a:lnTo>
                      <a:pt x="1508" y="699"/>
                    </a:lnTo>
                    <a:lnTo>
                      <a:pt x="1506" y="699"/>
                    </a:lnTo>
                    <a:lnTo>
                      <a:pt x="1506" y="701"/>
                    </a:lnTo>
                    <a:lnTo>
                      <a:pt x="1506" y="702"/>
                    </a:lnTo>
                    <a:lnTo>
                      <a:pt x="1506" y="704"/>
                    </a:lnTo>
                    <a:lnTo>
                      <a:pt x="1506" y="706"/>
                    </a:lnTo>
                    <a:lnTo>
                      <a:pt x="1506" y="708"/>
                    </a:lnTo>
                    <a:lnTo>
                      <a:pt x="1506" y="710"/>
                    </a:lnTo>
                    <a:lnTo>
                      <a:pt x="1506" y="712"/>
                    </a:lnTo>
                    <a:lnTo>
                      <a:pt x="1506" y="714"/>
                    </a:lnTo>
                    <a:lnTo>
                      <a:pt x="1506" y="715"/>
                    </a:lnTo>
                    <a:lnTo>
                      <a:pt x="1508" y="715"/>
                    </a:lnTo>
                    <a:lnTo>
                      <a:pt x="1508" y="717"/>
                    </a:lnTo>
                    <a:lnTo>
                      <a:pt x="1508" y="719"/>
                    </a:lnTo>
                    <a:lnTo>
                      <a:pt x="1506" y="719"/>
                    </a:lnTo>
                    <a:lnTo>
                      <a:pt x="1506" y="721"/>
                    </a:lnTo>
                    <a:lnTo>
                      <a:pt x="1504" y="723"/>
                    </a:lnTo>
                    <a:lnTo>
                      <a:pt x="1503" y="723"/>
                    </a:lnTo>
                    <a:lnTo>
                      <a:pt x="1501" y="725"/>
                    </a:lnTo>
                    <a:lnTo>
                      <a:pt x="1501" y="726"/>
                    </a:lnTo>
                    <a:lnTo>
                      <a:pt x="1499" y="725"/>
                    </a:lnTo>
                    <a:lnTo>
                      <a:pt x="1497" y="726"/>
                    </a:lnTo>
                    <a:lnTo>
                      <a:pt x="1495" y="726"/>
                    </a:lnTo>
                    <a:lnTo>
                      <a:pt x="1493" y="728"/>
                    </a:lnTo>
                    <a:lnTo>
                      <a:pt x="1491" y="728"/>
                    </a:lnTo>
                    <a:lnTo>
                      <a:pt x="1490" y="732"/>
                    </a:lnTo>
                    <a:lnTo>
                      <a:pt x="1490" y="734"/>
                    </a:lnTo>
                    <a:lnTo>
                      <a:pt x="1488" y="734"/>
                    </a:lnTo>
                    <a:lnTo>
                      <a:pt x="1488" y="736"/>
                    </a:lnTo>
                    <a:lnTo>
                      <a:pt x="1490" y="736"/>
                    </a:lnTo>
                    <a:lnTo>
                      <a:pt x="1490" y="738"/>
                    </a:lnTo>
                    <a:lnTo>
                      <a:pt x="1490" y="739"/>
                    </a:lnTo>
                    <a:lnTo>
                      <a:pt x="1490" y="741"/>
                    </a:lnTo>
                    <a:lnTo>
                      <a:pt x="1490" y="743"/>
                    </a:lnTo>
                    <a:lnTo>
                      <a:pt x="1488" y="743"/>
                    </a:lnTo>
                    <a:lnTo>
                      <a:pt x="1488" y="745"/>
                    </a:lnTo>
                    <a:lnTo>
                      <a:pt x="1490" y="745"/>
                    </a:lnTo>
                    <a:lnTo>
                      <a:pt x="1490" y="747"/>
                    </a:lnTo>
                    <a:lnTo>
                      <a:pt x="1490" y="749"/>
                    </a:lnTo>
                    <a:lnTo>
                      <a:pt x="1490" y="751"/>
                    </a:lnTo>
                    <a:lnTo>
                      <a:pt x="1490" y="752"/>
                    </a:lnTo>
                    <a:lnTo>
                      <a:pt x="1490" y="754"/>
                    </a:lnTo>
                    <a:lnTo>
                      <a:pt x="1488" y="756"/>
                    </a:lnTo>
                    <a:lnTo>
                      <a:pt x="1488" y="758"/>
                    </a:lnTo>
                    <a:lnTo>
                      <a:pt x="1486" y="758"/>
                    </a:lnTo>
                    <a:lnTo>
                      <a:pt x="1486" y="760"/>
                    </a:lnTo>
                    <a:lnTo>
                      <a:pt x="1484" y="760"/>
                    </a:lnTo>
                    <a:lnTo>
                      <a:pt x="1480" y="760"/>
                    </a:lnTo>
                    <a:lnTo>
                      <a:pt x="1479" y="762"/>
                    </a:lnTo>
                    <a:lnTo>
                      <a:pt x="1477" y="762"/>
                    </a:lnTo>
                    <a:lnTo>
                      <a:pt x="1475" y="762"/>
                    </a:lnTo>
                    <a:lnTo>
                      <a:pt x="1475" y="763"/>
                    </a:lnTo>
                    <a:lnTo>
                      <a:pt x="1475" y="765"/>
                    </a:lnTo>
                    <a:lnTo>
                      <a:pt x="1473" y="765"/>
                    </a:lnTo>
                    <a:lnTo>
                      <a:pt x="1475" y="765"/>
                    </a:lnTo>
                    <a:lnTo>
                      <a:pt x="1475" y="767"/>
                    </a:lnTo>
                    <a:lnTo>
                      <a:pt x="1475" y="769"/>
                    </a:lnTo>
                    <a:lnTo>
                      <a:pt x="1475" y="771"/>
                    </a:lnTo>
                    <a:lnTo>
                      <a:pt x="1475" y="773"/>
                    </a:lnTo>
                    <a:lnTo>
                      <a:pt x="1473" y="773"/>
                    </a:lnTo>
                    <a:lnTo>
                      <a:pt x="1473" y="775"/>
                    </a:lnTo>
                    <a:lnTo>
                      <a:pt x="1471" y="775"/>
                    </a:lnTo>
                    <a:lnTo>
                      <a:pt x="1471" y="776"/>
                    </a:lnTo>
                    <a:lnTo>
                      <a:pt x="1471" y="778"/>
                    </a:lnTo>
                    <a:lnTo>
                      <a:pt x="1469" y="778"/>
                    </a:lnTo>
                    <a:lnTo>
                      <a:pt x="1469" y="780"/>
                    </a:lnTo>
                    <a:lnTo>
                      <a:pt x="1467" y="786"/>
                    </a:lnTo>
                    <a:lnTo>
                      <a:pt x="1466" y="788"/>
                    </a:lnTo>
                    <a:lnTo>
                      <a:pt x="1464" y="789"/>
                    </a:lnTo>
                    <a:lnTo>
                      <a:pt x="1462" y="791"/>
                    </a:lnTo>
                    <a:lnTo>
                      <a:pt x="1460" y="791"/>
                    </a:lnTo>
                    <a:lnTo>
                      <a:pt x="1458" y="791"/>
                    </a:lnTo>
                    <a:lnTo>
                      <a:pt x="1456" y="791"/>
                    </a:lnTo>
                    <a:lnTo>
                      <a:pt x="1454" y="791"/>
                    </a:lnTo>
                    <a:lnTo>
                      <a:pt x="1453" y="791"/>
                    </a:lnTo>
                    <a:lnTo>
                      <a:pt x="1451" y="791"/>
                    </a:lnTo>
                    <a:lnTo>
                      <a:pt x="1451" y="789"/>
                    </a:lnTo>
                    <a:lnTo>
                      <a:pt x="1449" y="789"/>
                    </a:lnTo>
                    <a:lnTo>
                      <a:pt x="1449" y="788"/>
                    </a:lnTo>
                    <a:lnTo>
                      <a:pt x="1447" y="788"/>
                    </a:lnTo>
                    <a:lnTo>
                      <a:pt x="1445" y="788"/>
                    </a:lnTo>
                    <a:lnTo>
                      <a:pt x="1443" y="788"/>
                    </a:lnTo>
                    <a:lnTo>
                      <a:pt x="1442" y="788"/>
                    </a:lnTo>
                    <a:lnTo>
                      <a:pt x="1440" y="788"/>
                    </a:lnTo>
                    <a:lnTo>
                      <a:pt x="1440" y="789"/>
                    </a:lnTo>
                    <a:lnTo>
                      <a:pt x="1438" y="789"/>
                    </a:lnTo>
                    <a:lnTo>
                      <a:pt x="1436" y="791"/>
                    </a:lnTo>
                    <a:lnTo>
                      <a:pt x="1434" y="793"/>
                    </a:lnTo>
                    <a:lnTo>
                      <a:pt x="1432" y="793"/>
                    </a:lnTo>
                    <a:lnTo>
                      <a:pt x="1430" y="793"/>
                    </a:lnTo>
                    <a:lnTo>
                      <a:pt x="1430" y="795"/>
                    </a:lnTo>
                    <a:lnTo>
                      <a:pt x="1429" y="795"/>
                    </a:lnTo>
                    <a:lnTo>
                      <a:pt x="1427" y="795"/>
                    </a:lnTo>
                    <a:lnTo>
                      <a:pt x="1427" y="797"/>
                    </a:lnTo>
                    <a:lnTo>
                      <a:pt x="1425" y="797"/>
                    </a:lnTo>
                    <a:lnTo>
                      <a:pt x="1423" y="797"/>
                    </a:lnTo>
                    <a:lnTo>
                      <a:pt x="1423" y="799"/>
                    </a:lnTo>
                    <a:lnTo>
                      <a:pt x="1421" y="799"/>
                    </a:lnTo>
                    <a:lnTo>
                      <a:pt x="1419" y="799"/>
                    </a:lnTo>
                    <a:lnTo>
                      <a:pt x="1419" y="800"/>
                    </a:lnTo>
                    <a:lnTo>
                      <a:pt x="1418" y="800"/>
                    </a:lnTo>
                    <a:lnTo>
                      <a:pt x="1416" y="800"/>
                    </a:lnTo>
                    <a:lnTo>
                      <a:pt x="1416" y="802"/>
                    </a:lnTo>
                    <a:lnTo>
                      <a:pt x="1414" y="802"/>
                    </a:lnTo>
                    <a:lnTo>
                      <a:pt x="1412" y="802"/>
                    </a:lnTo>
                    <a:lnTo>
                      <a:pt x="1412" y="804"/>
                    </a:lnTo>
                    <a:lnTo>
                      <a:pt x="1410" y="804"/>
                    </a:lnTo>
                    <a:lnTo>
                      <a:pt x="1410" y="806"/>
                    </a:lnTo>
                    <a:lnTo>
                      <a:pt x="1408" y="806"/>
                    </a:lnTo>
                    <a:lnTo>
                      <a:pt x="1408" y="808"/>
                    </a:lnTo>
                    <a:lnTo>
                      <a:pt x="1406" y="808"/>
                    </a:lnTo>
                    <a:lnTo>
                      <a:pt x="1406" y="810"/>
                    </a:lnTo>
                    <a:lnTo>
                      <a:pt x="1406" y="812"/>
                    </a:lnTo>
                    <a:lnTo>
                      <a:pt x="1405" y="812"/>
                    </a:lnTo>
                    <a:lnTo>
                      <a:pt x="1405" y="813"/>
                    </a:lnTo>
                    <a:lnTo>
                      <a:pt x="1405" y="815"/>
                    </a:lnTo>
                    <a:lnTo>
                      <a:pt x="1403" y="817"/>
                    </a:lnTo>
                    <a:lnTo>
                      <a:pt x="1403" y="819"/>
                    </a:lnTo>
                    <a:lnTo>
                      <a:pt x="1403" y="821"/>
                    </a:lnTo>
                    <a:lnTo>
                      <a:pt x="1403" y="823"/>
                    </a:lnTo>
                    <a:lnTo>
                      <a:pt x="1401" y="823"/>
                    </a:lnTo>
                    <a:lnTo>
                      <a:pt x="1401" y="825"/>
                    </a:lnTo>
                    <a:lnTo>
                      <a:pt x="1401" y="826"/>
                    </a:lnTo>
                    <a:lnTo>
                      <a:pt x="1399" y="826"/>
                    </a:lnTo>
                    <a:lnTo>
                      <a:pt x="1399" y="828"/>
                    </a:lnTo>
                    <a:lnTo>
                      <a:pt x="1401" y="828"/>
                    </a:lnTo>
                    <a:lnTo>
                      <a:pt x="1403" y="828"/>
                    </a:lnTo>
                    <a:lnTo>
                      <a:pt x="1405" y="830"/>
                    </a:lnTo>
                    <a:lnTo>
                      <a:pt x="1406" y="832"/>
                    </a:lnTo>
                    <a:lnTo>
                      <a:pt x="1408" y="832"/>
                    </a:lnTo>
                    <a:lnTo>
                      <a:pt x="1408" y="834"/>
                    </a:lnTo>
                    <a:lnTo>
                      <a:pt x="1410" y="836"/>
                    </a:lnTo>
                    <a:lnTo>
                      <a:pt x="1412" y="836"/>
                    </a:lnTo>
                    <a:lnTo>
                      <a:pt x="1414" y="836"/>
                    </a:lnTo>
                    <a:lnTo>
                      <a:pt x="1416" y="836"/>
                    </a:lnTo>
                    <a:lnTo>
                      <a:pt x="1418" y="836"/>
                    </a:lnTo>
                    <a:lnTo>
                      <a:pt x="1418" y="837"/>
                    </a:lnTo>
                    <a:lnTo>
                      <a:pt x="1419" y="839"/>
                    </a:lnTo>
                    <a:lnTo>
                      <a:pt x="1419" y="841"/>
                    </a:lnTo>
                    <a:lnTo>
                      <a:pt x="1419" y="843"/>
                    </a:lnTo>
                    <a:lnTo>
                      <a:pt x="1421" y="843"/>
                    </a:lnTo>
                    <a:lnTo>
                      <a:pt x="1421" y="845"/>
                    </a:lnTo>
                    <a:lnTo>
                      <a:pt x="1421" y="847"/>
                    </a:lnTo>
                    <a:lnTo>
                      <a:pt x="1421" y="849"/>
                    </a:lnTo>
                    <a:lnTo>
                      <a:pt x="1421" y="850"/>
                    </a:lnTo>
                    <a:lnTo>
                      <a:pt x="1419" y="852"/>
                    </a:lnTo>
                    <a:lnTo>
                      <a:pt x="1419" y="854"/>
                    </a:lnTo>
                    <a:lnTo>
                      <a:pt x="1418" y="854"/>
                    </a:lnTo>
                    <a:lnTo>
                      <a:pt x="1418" y="856"/>
                    </a:lnTo>
                    <a:lnTo>
                      <a:pt x="1418" y="858"/>
                    </a:lnTo>
                    <a:lnTo>
                      <a:pt x="1419" y="858"/>
                    </a:lnTo>
                    <a:lnTo>
                      <a:pt x="1419" y="860"/>
                    </a:lnTo>
                    <a:lnTo>
                      <a:pt x="1418" y="860"/>
                    </a:lnTo>
                    <a:lnTo>
                      <a:pt x="1416" y="860"/>
                    </a:lnTo>
                    <a:lnTo>
                      <a:pt x="1416" y="862"/>
                    </a:lnTo>
                    <a:lnTo>
                      <a:pt x="1414" y="862"/>
                    </a:lnTo>
                    <a:lnTo>
                      <a:pt x="1414" y="863"/>
                    </a:lnTo>
                    <a:lnTo>
                      <a:pt x="1412" y="863"/>
                    </a:lnTo>
                    <a:lnTo>
                      <a:pt x="1412" y="865"/>
                    </a:lnTo>
                    <a:lnTo>
                      <a:pt x="1412" y="867"/>
                    </a:lnTo>
                    <a:lnTo>
                      <a:pt x="1410" y="867"/>
                    </a:lnTo>
                    <a:lnTo>
                      <a:pt x="1410" y="869"/>
                    </a:lnTo>
                    <a:lnTo>
                      <a:pt x="1408" y="871"/>
                    </a:lnTo>
                    <a:lnTo>
                      <a:pt x="1408" y="873"/>
                    </a:lnTo>
                    <a:lnTo>
                      <a:pt x="1408" y="874"/>
                    </a:lnTo>
                    <a:lnTo>
                      <a:pt x="1406" y="876"/>
                    </a:lnTo>
                    <a:lnTo>
                      <a:pt x="1408" y="876"/>
                    </a:lnTo>
                    <a:lnTo>
                      <a:pt x="1408" y="878"/>
                    </a:lnTo>
                    <a:lnTo>
                      <a:pt x="1408" y="880"/>
                    </a:lnTo>
                    <a:lnTo>
                      <a:pt x="1406" y="880"/>
                    </a:lnTo>
                    <a:lnTo>
                      <a:pt x="1405" y="880"/>
                    </a:lnTo>
                    <a:lnTo>
                      <a:pt x="1403" y="880"/>
                    </a:lnTo>
                    <a:lnTo>
                      <a:pt x="1403" y="882"/>
                    </a:lnTo>
                    <a:lnTo>
                      <a:pt x="1403" y="884"/>
                    </a:lnTo>
                    <a:lnTo>
                      <a:pt x="1401" y="884"/>
                    </a:lnTo>
                    <a:lnTo>
                      <a:pt x="1401" y="886"/>
                    </a:lnTo>
                    <a:lnTo>
                      <a:pt x="1399" y="886"/>
                    </a:lnTo>
                    <a:lnTo>
                      <a:pt x="1397" y="886"/>
                    </a:lnTo>
                    <a:lnTo>
                      <a:pt x="1395" y="886"/>
                    </a:lnTo>
                    <a:lnTo>
                      <a:pt x="1393" y="886"/>
                    </a:lnTo>
                    <a:lnTo>
                      <a:pt x="1392" y="886"/>
                    </a:lnTo>
                    <a:lnTo>
                      <a:pt x="1390" y="887"/>
                    </a:lnTo>
                    <a:lnTo>
                      <a:pt x="1388" y="887"/>
                    </a:lnTo>
                    <a:lnTo>
                      <a:pt x="1386" y="889"/>
                    </a:lnTo>
                    <a:lnTo>
                      <a:pt x="1384" y="891"/>
                    </a:lnTo>
                    <a:lnTo>
                      <a:pt x="1384" y="897"/>
                    </a:lnTo>
                    <a:lnTo>
                      <a:pt x="1386" y="899"/>
                    </a:lnTo>
                    <a:lnTo>
                      <a:pt x="1386" y="900"/>
                    </a:lnTo>
                    <a:lnTo>
                      <a:pt x="1386" y="902"/>
                    </a:lnTo>
                    <a:lnTo>
                      <a:pt x="1386" y="904"/>
                    </a:lnTo>
                    <a:lnTo>
                      <a:pt x="1386" y="908"/>
                    </a:lnTo>
                    <a:lnTo>
                      <a:pt x="1386" y="917"/>
                    </a:lnTo>
                    <a:lnTo>
                      <a:pt x="1390" y="919"/>
                    </a:lnTo>
                    <a:lnTo>
                      <a:pt x="1392" y="919"/>
                    </a:lnTo>
                    <a:lnTo>
                      <a:pt x="1395" y="921"/>
                    </a:lnTo>
                    <a:lnTo>
                      <a:pt x="1397" y="926"/>
                    </a:lnTo>
                    <a:lnTo>
                      <a:pt x="1401" y="930"/>
                    </a:lnTo>
                    <a:lnTo>
                      <a:pt x="1403" y="930"/>
                    </a:lnTo>
                    <a:lnTo>
                      <a:pt x="1403" y="932"/>
                    </a:lnTo>
                    <a:lnTo>
                      <a:pt x="1403" y="934"/>
                    </a:lnTo>
                    <a:lnTo>
                      <a:pt x="1403" y="936"/>
                    </a:lnTo>
                    <a:lnTo>
                      <a:pt x="1403" y="937"/>
                    </a:lnTo>
                    <a:lnTo>
                      <a:pt x="1401" y="939"/>
                    </a:lnTo>
                    <a:lnTo>
                      <a:pt x="1401" y="941"/>
                    </a:lnTo>
                    <a:lnTo>
                      <a:pt x="1401" y="943"/>
                    </a:lnTo>
                    <a:lnTo>
                      <a:pt x="1401" y="945"/>
                    </a:lnTo>
                    <a:lnTo>
                      <a:pt x="1401" y="948"/>
                    </a:lnTo>
                    <a:lnTo>
                      <a:pt x="1401" y="950"/>
                    </a:lnTo>
                    <a:lnTo>
                      <a:pt x="1401" y="952"/>
                    </a:lnTo>
                    <a:lnTo>
                      <a:pt x="1401" y="954"/>
                    </a:lnTo>
                    <a:lnTo>
                      <a:pt x="1401" y="956"/>
                    </a:lnTo>
                    <a:lnTo>
                      <a:pt x="1401" y="958"/>
                    </a:lnTo>
                    <a:lnTo>
                      <a:pt x="1401" y="960"/>
                    </a:lnTo>
                    <a:lnTo>
                      <a:pt x="1403" y="963"/>
                    </a:lnTo>
                    <a:lnTo>
                      <a:pt x="1405" y="965"/>
                    </a:lnTo>
                    <a:lnTo>
                      <a:pt x="1405" y="967"/>
                    </a:lnTo>
                    <a:lnTo>
                      <a:pt x="1405" y="969"/>
                    </a:lnTo>
                    <a:lnTo>
                      <a:pt x="1405" y="971"/>
                    </a:lnTo>
                    <a:lnTo>
                      <a:pt x="1405" y="972"/>
                    </a:lnTo>
                    <a:lnTo>
                      <a:pt x="1406" y="974"/>
                    </a:lnTo>
                    <a:lnTo>
                      <a:pt x="1408" y="974"/>
                    </a:lnTo>
                    <a:lnTo>
                      <a:pt x="1410" y="980"/>
                    </a:lnTo>
                    <a:lnTo>
                      <a:pt x="1412" y="982"/>
                    </a:lnTo>
                    <a:lnTo>
                      <a:pt x="1414" y="985"/>
                    </a:lnTo>
                    <a:lnTo>
                      <a:pt x="1440" y="998"/>
                    </a:lnTo>
                    <a:lnTo>
                      <a:pt x="1453" y="1006"/>
                    </a:lnTo>
                    <a:lnTo>
                      <a:pt x="1460" y="1011"/>
                    </a:lnTo>
                    <a:lnTo>
                      <a:pt x="1462" y="1011"/>
                    </a:lnTo>
                    <a:lnTo>
                      <a:pt x="1467" y="1015"/>
                    </a:lnTo>
                    <a:lnTo>
                      <a:pt x="1477" y="1021"/>
                    </a:lnTo>
                    <a:lnTo>
                      <a:pt x="1486" y="1028"/>
                    </a:lnTo>
                    <a:lnTo>
                      <a:pt x="1497" y="1039"/>
                    </a:lnTo>
                    <a:lnTo>
                      <a:pt x="1504" y="1045"/>
                    </a:lnTo>
                    <a:lnTo>
                      <a:pt x="1512" y="1050"/>
                    </a:lnTo>
                    <a:lnTo>
                      <a:pt x="1512" y="1052"/>
                    </a:lnTo>
                    <a:lnTo>
                      <a:pt x="1517" y="1061"/>
                    </a:lnTo>
                    <a:lnTo>
                      <a:pt x="1517" y="1063"/>
                    </a:lnTo>
                    <a:lnTo>
                      <a:pt x="1519" y="1063"/>
                    </a:lnTo>
                    <a:lnTo>
                      <a:pt x="1519" y="1065"/>
                    </a:lnTo>
                    <a:lnTo>
                      <a:pt x="1519" y="1067"/>
                    </a:lnTo>
                    <a:lnTo>
                      <a:pt x="1521" y="1069"/>
                    </a:lnTo>
                    <a:lnTo>
                      <a:pt x="1521" y="1071"/>
                    </a:lnTo>
                    <a:lnTo>
                      <a:pt x="1521" y="1072"/>
                    </a:lnTo>
                    <a:lnTo>
                      <a:pt x="1521" y="1074"/>
                    </a:lnTo>
                    <a:lnTo>
                      <a:pt x="1519" y="1074"/>
                    </a:lnTo>
                    <a:lnTo>
                      <a:pt x="1519" y="1076"/>
                    </a:lnTo>
                    <a:lnTo>
                      <a:pt x="1521" y="1076"/>
                    </a:lnTo>
                    <a:lnTo>
                      <a:pt x="1521" y="1078"/>
                    </a:lnTo>
                    <a:lnTo>
                      <a:pt x="1523" y="1078"/>
                    </a:lnTo>
                    <a:lnTo>
                      <a:pt x="1523" y="1080"/>
                    </a:lnTo>
                    <a:lnTo>
                      <a:pt x="1525" y="1080"/>
                    </a:lnTo>
                    <a:lnTo>
                      <a:pt x="1525" y="1082"/>
                    </a:lnTo>
                    <a:lnTo>
                      <a:pt x="1527" y="1082"/>
                    </a:lnTo>
                    <a:lnTo>
                      <a:pt x="1527" y="1083"/>
                    </a:lnTo>
                    <a:lnTo>
                      <a:pt x="1528" y="1083"/>
                    </a:lnTo>
                    <a:lnTo>
                      <a:pt x="1530" y="1083"/>
                    </a:lnTo>
                    <a:lnTo>
                      <a:pt x="1532" y="1083"/>
                    </a:lnTo>
                    <a:lnTo>
                      <a:pt x="1532" y="1085"/>
                    </a:lnTo>
                    <a:lnTo>
                      <a:pt x="1534" y="1085"/>
                    </a:lnTo>
                    <a:lnTo>
                      <a:pt x="1534" y="1087"/>
                    </a:lnTo>
                    <a:lnTo>
                      <a:pt x="1536" y="1087"/>
                    </a:lnTo>
                    <a:lnTo>
                      <a:pt x="1538" y="1087"/>
                    </a:lnTo>
                    <a:lnTo>
                      <a:pt x="1538" y="1089"/>
                    </a:lnTo>
                    <a:lnTo>
                      <a:pt x="1540" y="1089"/>
                    </a:lnTo>
                    <a:lnTo>
                      <a:pt x="1540" y="1091"/>
                    </a:lnTo>
                    <a:lnTo>
                      <a:pt x="1541" y="1091"/>
                    </a:lnTo>
                    <a:lnTo>
                      <a:pt x="1543" y="1091"/>
                    </a:lnTo>
                    <a:lnTo>
                      <a:pt x="1543" y="1093"/>
                    </a:lnTo>
                    <a:lnTo>
                      <a:pt x="1543" y="1095"/>
                    </a:lnTo>
                    <a:lnTo>
                      <a:pt x="1543" y="1096"/>
                    </a:lnTo>
                    <a:lnTo>
                      <a:pt x="1545" y="1098"/>
                    </a:lnTo>
                    <a:lnTo>
                      <a:pt x="1547" y="1100"/>
                    </a:lnTo>
                    <a:lnTo>
                      <a:pt x="1547" y="1102"/>
                    </a:lnTo>
                    <a:lnTo>
                      <a:pt x="1549" y="1104"/>
                    </a:lnTo>
                    <a:lnTo>
                      <a:pt x="1549" y="1106"/>
                    </a:lnTo>
                    <a:lnTo>
                      <a:pt x="1552" y="1108"/>
                    </a:lnTo>
                    <a:lnTo>
                      <a:pt x="1554" y="1108"/>
                    </a:lnTo>
                    <a:lnTo>
                      <a:pt x="1556" y="1108"/>
                    </a:lnTo>
                    <a:lnTo>
                      <a:pt x="1558" y="1108"/>
                    </a:lnTo>
                    <a:lnTo>
                      <a:pt x="1560" y="1108"/>
                    </a:lnTo>
                    <a:lnTo>
                      <a:pt x="1560" y="1109"/>
                    </a:lnTo>
                    <a:lnTo>
                      <a:pt x="1562" y="1109"/>
                    </a:lnTo>
                    <a:lnTo>
                      <a:pt x="1564" y="1109"/>
                    </a:lnTo>
                    <a:lnTo>
                      <a:pt x="1564" y="1111"/>
                    </a:lnTo>
                    <a:lnTo>
                      <a:pt x="1565" y="1111"/>
                    </a:lnTo>
                    <a:lnTo>
                      <a:pt x="1567" y="1111"/>
                    </a:lnTo>
                    <a:lnTo>
                      <a:pt x="1569" y="1111"/>
                    </a:lnTo>
                    <a:lnTo>
                      <a:pt x="1569" y="1109"/>
                    </a:lnTo>
                    <a:lnTo>
                      <a:pt x="1571" y="1109"/>
                    </a:lnTo>
                    <a:lnTo>
                      <a:pt x="1573" y="1108"/>
                    </a:lnTo>
                    <a:lnTo>
                      <a:pt x="1575" y="1106"/>
                    </a:lnTo>
                    <a:lnTo>
                      <a:pt x="1576" y="1104"/>
                    </a:lnTo>
                    <a:lnTo>
                      <a:pt x="1578" y="1104"/>
                    </a:lnTo>
                    <a:lnTo>
                      <a:pt x="1578" y="1102"/>
                    </a:lnTo>
                    <a:lnTo>
                      <a:pt x="1580" y="1102"/>
                    </a:lnTo>
                    <a:lnTo>
                      <a:pt x="1580" y="1100"/>
                    </a:lnTo>
                    <a:lnTo>
                      <a:pt x="1580" y="1098"/>
                    </a:lnTo>
                    <a:lnTo>
                      <a:pt x="1582" y="1098"/>
                    </a:lnTo>
                    <a:lnTo>
                      <a:pt x="1582" y="1096"/>
                    </a:lnTo>
                    <a:lnTo>
                      <a:pt x="1584" y="1096"/>
                    </a:lnTo>
                    <a:lnTo>
                      <a:pt x="1588" y="1096"/>
                    </a:lnTo>
                    <a:lnTo>
                      <a:pt x="1589" y="1095"/>
                    </a:lnTo>
                    <a:lnTo>
                      <a:pt x="1591" y="1095"/>
                    </a:lnTo>
                    <a:lnTo>
                      <a:pt x="1593" y="1095"/>
                    </a:lnTo>
                    <a:lnTo>
                      <a:pt x="1595" y="1095"/>
                    </a:lnTo>
                    <a:lnTo>
                      <a:pt x="1595" y="1093"/>
                    </a:lnTo>
                    <a:lnTo>
                      <a:pt x="1597" y="1093"/>
                    </a:lnTo>
                    <a:lnTo>
                      <a:pt x="1599" y="1093"/>
                    </a:lnTo>
                    <a:lnTo>
                      <a:pt x="1599" y="1091"/>
                    </a:lnTo>
                    <a:lnTo>
                      <a:pt x="1601" y="1091"/>
                    </a:lnTo>
                    <a:lnTo>
                      <a:pt x="1602" y="1091"/>
                    </a:lnTo>
                    <a:lnTo>
                      <a:pt x="1602" y="1089"/>
                    </a:lnTo>
                    <a:lnTo>
                      <a:pt x="1604" y="1089"/>
                    </a:lnTo>
                    <a:lnTo>
                      <a:pt x="1606" y="1089"/>
                    </a:lnTo>
                    <a:lnTo>
                      <a:pt x="1606" y="1087"/>
                    </a:lnTo>
                    <a:lnTo>
                      <a:pt x="1608" y="1087"/>
                    </a:lnTo>
                    <a:lnTo>
                      <a:pt x="1608" y="1085"/>
                    </a:lnTo>
                    <a:lnTo>
                      <a:pt x="1610" y="1085"/>
                    </a:lnTo>
                    <a:lnTo>
                      <a:pt x="1612" y="1085"/>
                    </a:lnTo>
                    <a:lnTo>
                      <a:pt x="1613" y="1085"/>
                    </a:lnTo>
                    <a:lnTo>
                      <a:pt x="1613" y="1083"/>
                    </a:lnTo>
                    <a:lnTo>
                      <a:pt x="1615" y="1083"/>
                    </a:lnTo>
                    <a:lnTo>
                      <a:pt x="1617" y="1083"/>
                    </a:lnTo>
                    <a:lnTo>
                      <a:pt x="1619" y="1083"/>
                    </a:lnTo>
                    <a:lnTo>
                      <a:pt x="1621" y="1082"/>
                    </a:lnTo>
                    <a:lnTo>
                      <a:pt x="1623" y="1082"/>
                    </a:lnTo>
                    <a:lnTo>
                      <a:pt x="1625" y="1082"/>
                    </a:lnTo>
                    <a:lnTo>
                      <a:pt x="1626" y="1082"/>
                    </a:lnTo>
                    <a:lnTo>
                      <a:pt x="1628" y="1082"/>
                    </a:lnTo>
                    <a:lnTo>
                      <a:pt x="1628" y="1080"/>
                    </a:lnTo>
                    <a:lnTo>
                      <a:pt x="1630" y="1080"/>
                    </a:lnTo>
                    <a:lnTo>
                      <a:pt x="1630" y="1082"/>
                    </a:lnTo>
                    <a:lnTo>
                      <a:pt x="1632" y="1082"/>
                    </a:lnTo>
                    <a:lnTo>
                      <a:pt x="1634" y="1082"/>
                    </a:lnTo>
                    <a:lnTo>
                      <a:pt x="1636" y="1082"/>
                    </a:lnTo>
                    <a:lnTo>
                      <a:pt x="1636" y="1083"/>
                    </a:lnTo>
                    <a:lnTo>
                      <a:pt x="1637" y="1083"/>
                    </a:lnTo>
                    <a:lnTo>
                      <a:pt x="1639" y="1083"/>
                    </a:lnTo>
                    <a:lnTo>
                      <a:pt x="1639" y="1085"/>
                    </a:lnTo>
                    <a:lnTo>
                      <a:pt x="1641" y="1085"/>
                    </a:lnTo>
                    <a:lnTo>
                      <a:pt x="1643" y="1085"/>
                    </a:lnTo>
                    <a:lnTo>
                      <a:pt x="1645" y="1085"/>
                    </a:lnTo>
                    <a:lnTo>
                      <a:pt x="1647" y="1085"/>
                    </a:lnTo>
                    <a:lnTo>
                      <a:pt x="1647" y="1087"/>
                    </a:lnTo>
                    <a:lnTo>
                      <a:pt x="1649" y="1087"/>
                    </a:lnTo>
                    <a:lnTo>
                      <a:pt x="1650" y="1087"/>
                    </a:lnTo>
                    <a:lnTo>
                      <a:pt x="1652" y="1087"/>
                    </a:lnTo>
                    <a:lnTo>
                      <a:pt x="1656" y="1083"/>
                    </a:lnTo>
                    <a:lnTo>
                      <a:pt x="1663" y="1083"/>
                    </a:lnTo>
                    <a:lnTo>
                      <a:pt x="1667" y="1085"/>
                    </a:lnTo>
                    <a:lnTo>
                      <a:pt x="1671" y="1087"/>
                    </a:lnTo>
                    <a:lnTo>
                      <a:pt x="1674" y="1085"/>
                    </a:lnTo>
                    <a:lnTo>
                      <a:pt x="1676" y="1087"/>
                    </a:lnTo>
                    <a:lnTo>
                      <a:pt x="1680" y="1085"/>
                    </a:lnTo>
                    <a:lnTo>
                      <a:pt x="1682" y="1083"/>
                    </a:lnTo>
                    <a:lnTo>
                      <a:pt x="1684" y="1083"/>
                    </a:lnTo>
                    <a:lnTo>
                      <a:pt x="1686" y="1085"/>
                    </a:lnTo>
                    <a:lnTo>
                      <a:pt x="1687" y="1085"/>
                    </a:lnTo>
                    <a:lnTo>
                      <a:pt x="1691" y="1087"/>
                    </a:lnTo>
                    <a:lnTo>
                      <a:pt x="1693" y="1089"/>
                    </a:lnTo>
                    <a:lnTo>
                      <a:pt x="1695" y="1089"/>
                    </a:lnTo>
                    <a:lnTo>
                      <a:pt x="1698" y="1087"/>
                    </a:lnTo>
                    <a:lnTo>
                      <a:pt x="1702" y="1087"/>
                    </a:lnTo>
                    <a:lnTo>
                      <a:pt x="1704" y="1087"/>
                    </a:lnTo>
                    <a:lnTo>
                      <a:pt x="1706" y="1087"/>
                    </a:lnTo>
                    <a:lnTo>
                      <a:pt x="1708" y="1085"/>
                    </a:lnTo>
                    <a:lnTo>
                      <a:pt x="1711" y="1085"/>
                    </a:lnTo>
                    <a:lnTo>
                      <a:pt x="1713" y="1085"/>
                    </a:lnTo>
                    <a:lnTo>
                      <a:pt x="1711" y="1085"/>
                    </a:lnTo>
                    <a:lnTo>
                      <a:pt x="1711" y="1087"/>
                    </a:lnTo>
                    <a:lnTo>
                      <a:pt x="1713" y="1087"/>
                    </a:lnTo>
                    <a:lnTo>
                      <a:pt x="1713" y="1089"/>
                    </a:lnTo>
                    <a:lnTo>
                      <a:pt x="1713" y="1091"/>
                    </a:lnTo>
                    <a:lnTo>
                      <a:pt x="1713" y="1093"/>
                    </a:lnTo>
                    <a:lnTo>
                      <a:pt x="1715" y="1093"/>
                    </a:lnTo>
                    <a:lnTo>
                      <a:pt x="1717" y="1095"/>
                    </a:lnTo>
                    <a:lnTo>
                      <a:pt x="1717" y="1096"/>
                    </a:lnTo>
                    <a:lnTo>
                      <a:pt x="1719" y="1096"/>
                    </a:lnTo>
                    <a:lnTo>
                      <a:pt x="1719" y="1098"/>
                    </a:lnTo>
                    <a:lnTo>
                      <a:pt x="1721" y="1100"/>
                    </a:lnTo>
                    <a:lnTo>
                      <a:pt x="1721" y="1102"/>
                    </a:lnTo>
                    <a:lnTo>
                      <a:pt x="1723" y="1104"/>
                    </a:lnTo>
                    <a:lnTo>
                      <a:pt x="1726" y="1104"/>
                    </a:lnTo>
                    <a:lnTo>
                      <a:pt x="1728" y="1106"/>
                    </a:lnTo>
                    <a:lnTo>
                      <a:pt x="1728" y="1108"/>
                    </a:lnTo>
                    <a:lnTo>
                      <a:pt x="1728" y="1109"/>
                    </a:lnTo>
                    <a:lnTo>
                      <a:pt x="1730" y="1111"/>
                    </a:lnTo>
                    <a:lnTo>
                      <a:pt x="1730" y="1113"/>
                    </a:lnTo>
                    <a:lnTo>
                      <a:pt x="1734" y="1115"/>
                    </a:lnTo>
                    <a:lnTo>
                      <a:pt x="1735" y="1115"/>
                    </a:lnTo>
                    <a:lnTo>
                      <a:pt x="1739" y="1113"/>
                    </a:lnTo>
                    <a:lnTo>
                      <a:pt x="1741" y="1113"/>
                    </a:lnTo>
                    <a:lnTo>
                      <a:pt x="1743" y="1113"/>
                    </a:lnTo>
                    <a:lnTo>
                      <a:pt x="1745" y="1113"/>
                    </a:lnTo>
                    <a:lnTo>
                      <a:pt x="1747" y="1115"/>
                    </a:lnTo>
                    <a:lnTo>
                      <a:pt x="1748" y="1117"/>
                    </a:lnTo>
                    <a:lnTo>
                      <a:pt x="1750" y="1117"/>
                    </a:lnTo>
                    <a:lnTo>
                      <a:pt x="1750" y="1119"/>
                    </a:lnTo>
                    <a:lnTo>
                      <a:pt x="1752" y="1119"/>
                    </a:lnTo>
                    <a:lnTo>
                      <a:pt x="1754" y="1119"/>
                    </a:lnTo>
                    <a:lnTo>
                      <a:pt x="1756" y="1119"/>
                    </a:lnTo>
                    <a:lnTo>
                      <a:pt x="1756" y="1120"/>
                    </a:lnTo>
                    <a:lnTo>
                      <a:pt x="1758" y="1120"/>
                    </a:lnTo>
                    <a:lnTo>
                      <a:pt x="1761" y="1122"/>
                    </a:lnTo>
                    <a:lnTo>
                      <a:pt x="1761" y="1124"/>
                    </a:lnTo>
                    <a:lnTo>
                      <a:pt x="1763" y="1124"/>
                    </a:lnTo>
                    <a:lnTo>
                      <a:pt x="1763" y="1126"/>
                    </a:lnTo>
                    <a:lnTo>
                      <a:pt x="1765" y="1126"/>
                    </a:lnTo>
                    <a:lnTo>
                      <a:pt x="1767" y="1126"/>
                    </a:lnTo>
                    <a:lnTo>
                      <a:pt x="1767" y="1128"/>
                    </a:lnTo>
                    <a:lnTo>
                      <a:pt x="1769" y="1128"/>
                    </a:lnTo>
                    <a:lnTo>
                      <a:pt x="1769" y="1130"/>
                    </a:lnTo>
                    <a:lnTo>
                      <a:pt x="1771" y="1130"/>
                    </a:lnTo>
                    <a:lnTo>
                      <a:pt x="1771" y="1132"/>
                    </a:lnTo>
                    <a:lnTo>
                      <a:pt x="1776" y="1135"/>
                    </a:lnTo>
                    <a:lnTo>
                      <a:pt x="1778" y="1137"/>
                    </a:lnTo>
                    <a:lnTo>
                      <a:pt x="1780" y="1139"/>
                    </a:lnTo>
                    <a:lnTo>
                      <a:pt x="1780" y="1141"/>
                    </a:lnTo>
                    <a:lnTo>
                      <a:pt x="1782" y="1141"/>
                    </a:lnTo>
                    <a:lnTo>
                      <a:pt x="1782" y="1143"/>
                    </a:lnTo>
                    <a:lnTo>
                      <a:pt x="1784" y="1143"/>
                    </a:lnTo>
                    <a:lnTo>
                      <a:pt x="1784" y="1145"/>
                    </a:lnTo>
                    <a:lnTo>
                      <a:pt x="1785" y="1145"/>
                    </a:lnTo>
                    <a:lnTo>
                      <a:pt x="1789" y="1148"/>
                    </a:lnTo>
                    <a:lnTo>
                      <a:pt x="1791" y="1150"/>
                    </a:lnTo>
                    <a:lnTo>
                      <a:pt x="1793" y="1152"/>
                    </a:lnTo>
                    <a:lnTo>
                      <a:pt x="1793" y="1150"/>
                    </a:lnTo>
                    <a:lnTo>
                      <a:pt x="1795" y="1150"/>
                    </a:lnTo>
                    <a:lnTo>
                      <a:pt x="1795" y="1148"/>
                    </a:lnTo>
                    <a:lnTo>
                      <a:pt x="1796" y="1146"/>
                    </a:lnTo>
                    <a:lnTo>
                      <a:pt x="1798" y="1145"/>
                    </a:lnTo>
                    <a:lnTo>
                      <a:pt x="1800" y="1145"/>
                    </a:lnTo>
                    <a:lnTo>
                      <a:pt x="1802" y="1145"/>
                    </a:lnTo>
                    <a:lnTo>
                      <a:pt x="1804" y="1143"/>
                    </a:lnTo>
                    <a:lnTo>
                      <a:pt x="1809" y="1143"/>
                    </a:lnTo>
                    <a:lnTo>
                      <a:pt x="1808" y="1143"/>
                    </a:lnTo>
                    <a:lnTo>
                      <a:pt x="1808" y="1141"/>
                    </a:lnTo>
                    <a:lnTo>
                      <a:pt x="1809" y="1141"/>
                    </a:lnTo>
                    <a:lnTo>
                      <a:pt x="1809" y="1139"/>
                    </a:lnTo>
                    <a:lnTo>
                      <a:pt x="1811" y="1139"/>
                    </a:lnTo>
                    <a:lnTo>
                      <a:pt x="1813" y="1139"/>
                    </a:lnTo>
                    <a:lnTo>
                      <a:pt x="1813" y="1137"/>
                    </a:lnTo>
                    <a:lnTo>
                      <a:pt x="1815" y="1137"/>
                    </a:lnTo>
                    <a:lnTo>
                      <a:pt x="1813" y="1137"/>
                    </a:lnTo>
                    <a:lnTo>
                      <a:pt x="1815" y="1137"/>
                    </a:lnTo>
                    <a:lnTo>
                      <a:pt x="1815" y="1135"/>
                    </a:lnTo>
                    <a:lnTo>
                      <a:pt x="1817" y="1135"/>
                    </a:lnTo>
                    <a:lnTo>
                      <a:pt x="1817" y="1133"/>
                    </a:lnTo>
                    <a:lnTo>
                      <a:pt x="1819" y="1133"/>
                    </a:lnTo>
                    <a:lnTo>
                      <a:pt x="1819" y="1132"/>
                    </a:lnTo>
                    <a:lnTo>
                      <a:pt x="1819" y="1133"/>
                    </a:lnTo>
                    <a:lnTo>
                      <a:pt x="1820" y="1132"/>
                    </a:lnTo>
                    <a:lnTo>
                      <a:pt x="1822" y="1130"/>
                    </a:lnTo>
                    <a:lnTo>
                      <a:pt x="1826" y="1132"/>
                    </a:lnTo>
                    <a:lnTo>
                      <a:pt x="1828" y="1132"/>
                    </a:lnTo>
                    <a:lnTo>
                      <a:pt x="1830" y="1130"/>
                    </a:lnTo>
                    <a:lnTo>
                      <a:pt x="1846" y="1122"/>
                    </a:lnTo>
                    <a:lnTo>
                      <a:pt x="1850" y="1120"/>
                    </a:lnTo>
                    <a:lnTo>
                      <a:pt x="1852" y="1119"/>
                    </a:lnTo>
                    <a:lnTo>
                      <a:pt x="1857" y="1122"/>
                    </a:lnTo>
                    <a:lnTo>
                      <a:pt x="1861" y="1124"/>
                    </a:lnTo>
                    <a:lnTo>
                      <a:pt x="1865" y="1122"/>
                    </a:lnTo>
                    <a:lnTo>
                      <a:pt x="1870" y="1122"/>
                    </a:lnTo>
                    <a:lnTo>
                      <a:pt x="1870" y="1120"/>
                    </a:lnTo>
                    <a:lnTo>
                      <a:pt x="1872" y="1120"/>
                    </a:lnTo>
                    <a:lnTo>
                      <a:pt x="1876" y="1120"/>
                    </a:lnTo>
                    <a:lnTo>
                      <a:pt x="1878" y="1120"/>
                    </a:lnTo>
                    <a:lnTo>
                      <a:pt x="1880" y="1124"/>
                    </a:lnTo>
                    <a:lnTo>
                      <a:pt x="1881" y="1124"/>
                    </a:lnTo>
                    <a:lnTo>
                      <a:pt x="1881" y="1126"/>
                    </a:lnTo>
                    <a:lnTo>
                      <a:pt x="1883" y="1126"/>
                    </a:lnTo>
                    <a:lnTo>
                      <a:pt x="1889" y="1130"/>
                    </a:lnTo>
                    <a:lnTo>
                      <a:pt x="1891" y="1132"/>
                    </a:lnTo>
                    <a:lnTo>
                      <a:pt x="1893" y="1132"/>
                    </a:lnTo>
                    <a:lnTo>
                      <a:pt x="1894" y="1132"/>
                    </a:lnTo>
                    <a:lnTo>
                      <a:pt x="1894" y="1137"/>
                    </a:lnTo>
                    <a:lnTo>
                      <a:pt x="1898" y="1137"/>
                    </a:lnTo>
                    <a:lnTo>
                      <a:pt x="1904" y="1137"/>
                    </a:lnTo>
                    <a:lnTo>
                      <a:pt x="1906" y="1137"/>
                    </a:lnTo>
                    <a:lnTo>
                      <a:pt x="1907" y="1137"/>
                    </a:lnTo>
                    <a:lnTo>
                      <a:pt x="1909" y="1137"/>
                    </a:lnTo>
                    <a:lnTo>
                      <a:pt x="1911" y="1137"/>
                    </a:lnTo>
                    <a:lnTo>
                      <a:pt x="1913" y="1135"/>
                    </a:lnTo>
                    <a:lnTo>
                      <a:pt x="1915" y="1135"/>
                    </a:lnTo>
                    <a:lnTo>
                      <a:pt x="1920" y="1120"/>
                    </a:lnTo>
                    <a:lnTo>
                      <a:pt x="1922" y="1120"/>
                    </a:lnTo>
                    <a:lnTo>
                      <a:pt x="1924" y="1120"/>
                    </a:lnTo>
                    <a:lnTo>
                      <a:pt x="1926" y="1122"/>
                    </a:lnTo>
                    <a:lnTo>
                      <a:pt x="1928" y="1122"/>
                    </a:lnTo>
                    <a:lnTo>
                      <a:pt x="1930" y="1122"/>
                    </a:lnTo>
                    <a:lnTo>
                      <a:pt x="1930" y="1124"/>
                    </a:lnTo>
                    <a:lnTo>
                      <a:pt x="1933" y="1124"/>
                    </a:lnTo>
                    <a:lnTo>
                      <a:pt x="1935" y="1126"/>
                    </a:lnTo>
                    <a:lnTo>
                      <a:pt x="1937" y="1126"/>
                    </a:lnTo>
                    <a:lnTo>
                      <a:pt x="1939" y="1126"/>
                    </a:lnTo>
                    <a:lnTo>
                      <a:pt x="1941" y="1128"/>
                    </a:lnTo>
                    <a:lnTo>
                      <a:pt x="1942" y="1128"/>
                    </a:lnTo>
                    <a:lnTo>
                      <a:pt x="1942" y="1130"/>
                    </a:lnTo>
                    <a:lnTo>
                      <a:pt x="1944" y="1130"/>
                    </a:lnTo>
                    <a:lnTo>
                      <a:pt x="1946" y="1130"/>
                    </a:lnTo>
                    <a:lnTo>
                      <a:pt x="1950" y="1132"/>
                    </a:lnTo>
                    <a:lnTo>
                      <a:pt x="1952" y="1133"/>
                    </a:lnTo>
                    <a:lnTo>
                      <a:pt x="1952" y="1135"/>
                    </a:lnTo>
                    <a:lnTo>
                      <a:pt x="1954" y="1137"/>
                    </a:lnTo>
                    <a:lnTo>
                      <a:pt x="1955" y="1139"/>
                    </a:lnTo>
                    <a:lnTo>
                      <a:pt x="1957" y="1141"/>
                    </a:lnTo>
                    <a:lnTo>
                      <a:pt x="1959" y="1141"/>
                    </a:lnTo>
                    <a:lnTo>
                      <a:pt x="1959" y="1143"/>
                    </a:lnTo>
                    <a:lnTo>
                      <a:pt x="1961" y="1145"/>
                    </a:lnTo>
                    <a:lnTo>
                      <a:pt x="1959" y="1145"/>
                    </a:lnTo>
                    <a:lnTo>
                      <a:pt x="1961" y="1146"/>
                    </a:lnTo>
                    <a:lnTo>
                      <a:pt x="1963" y="1148"/>
                    </a:lnTo>
                    <a:lnTo>
                      <a:pt x="1963" y="1150"/>
                    </a:lnTo>
                    <a:lnTo>
                      <a:pt x="1965" y="1150"/>
                    </a:lnTo>
                    <a:lnTo>
                      <a:pt x="1967" y="1150"/>
                    </a:lnTo>
                    <a:lnTo>
                      <a:pt x="1968" y="1150"/>
                    </a:lnTo>
                    <a:lnTo>
                      <a:pt x="1970" y="1150"/>
                    </a:lnTo>
                    <a:lnTo>
                      <a:pt x="1970" y="1148"/>
                    </a:lnTo>
                    <a:lnTo>
                      <a:pt x="1970" y="1150"/>
                    </a:lnTo>
                    <a:lnTo>
                      <a:pt x="1972" y="1150"/>
                    </a:lnTo>
                    <a:lnTo>
                      <a:pt x="1972" y="1148"/>
                    </a:lnTo>
                    <a:lnTo>
                      <a:pt x="1974" y="1150"/>
                    </a:lnTo>
                    <a:lnTo>
                      <a:pt x="1976" y="1150"/>
                    </a:lnTo>
                    <a:lnTo>
                      <a:pt x="1978" y="1150"/>
                    </a:lnTo>
                    <a:lnTo>
                      <a:pt x="1979" y="1150"/>
                    </a:lnTo>
                    <a:lnTo>
                      <a:pt x="1981" y="1152"/>
                    </a:lnTo>
                    <a:lnTo>
                      <a:pt x="1983" y="1152"/>
                    </a:lnTo>
                    <a:lnTo>
                      <a:pt x="1985" y="1152"/>
                    </a:lnTo>
                    <a:lnTo>
                      <a:pt x="1987" y="1150"/>
                    </a:lnTo>
                    <a:lnTo>
                      <a:pt x="1989" y="1150"/>
                    </a:lnTo>
                    <a:lnTo>
                      <a:pt x="1989" y="1148"/>
                    </a:lnTo>
                    <a:lnTo>
                      <a:pt x="1994" y="1145"/>
                    </a:lnTo>
                    <a:lnTo>
                      <a:pt x="1994" y="1143"/>
                    </a:lnTo>
                    <a:lnTo>
                      <a:pt x="1996" y="1143"/>
                    </a:lnTo>
                    <a:lnTo>
                      <a:pt x="1998" y="1141"/>
                    </a:lnTo>
                    <a:lnTo>
                      <a:pt x="2000" y="1141"/>
                    </a:lnTo>
                    <a:lnTo>
                      <a:pt x="2002" y="1139"/>
                    </a:lnTo>
                    <a:lnTo>
                      <a:pt x="2004" y="1137"/>
                    </a:lnTo>
                    <a:lnTo>
                      <a:pt x="2004" y="1135"/>
                    </a:lnTo>
                    <a:lnTo>
                      <a:pt x="2004" y="1133"/>
                    </a:lnTo>
                    <a:lnTo>
                      <a:pt x="2005" y="1133"/>
                    </a:lnTo>
                    <a:lnTo>
                      <a:pt x="2005" y="1135"/>
                    </a:lnTo>
                    <a:lnTo>
                      <a:pt x="2009" y="1133"/>
                    </a:lnTo>
                    <a:lnTo>
                      <a:pt x="2016" y="1130"/>
                    </a:lnTo>
                    <a:lnTo>
                      <a:pt x="2016" y="1128"/>
                    </a:lnTo>
                    <a:lnTo>
                      <a:pt x="2022" y="1122"/>
                    </a:lnTo>
                    <a:lnTo>
                      <a:pt x="2029" y="1117"/>
                    </a:lnTo>
                    <a:lnTo>
                      <a:pt x="2035" y="1111"/>
                    </a:lnTo>
                    <a:lnTo>
                      <a:pt x="2042" y="1106"/>
                    </a:lnTo>
                    <a:lnTo>
                      <a:pt x="2044" y="1106"/>
                    </a:lnTo>
                    <a:lnTo>
                      <a:pt x="2044" y="1104"/>
                    </a:lnTo>
                    <a:lnTo>
                      <a:pt x="2044" y="1102"/>
                    </a:lnTo>
                    <a:lnTo>
                      <a:pt x="2046" y="1102"/>
                    </a:lnTo>
                    <a:lnTo>
                      <a:pt x="2048" y="1102"/>
                    </a:lnTo>
                    <a:lnTo>
                      <a:pt x="2050" y="1100"/>
                    </a:lnTo>
                    <a:lnTo>
                      <a:pt x="2050" y="1098"/>
                    </a:lnTo>
                    <a:lnTo>
                      <a:pt x="2052" y="1098"/>
                    </a:lnTo>
                    <a:lnTo>
                      <a:pt x="2052" y="1096"/>
                    </a:lnTo>
                    <a:lnTo>
                      <a:pt x="2053" y="1096"/>
                    </a:lnTo>
                    <a:lnTo>
                      <a:pt x="2066" y="1095"/>
                    </a:lnTo>
                    <a:lnTo>
                      <a:pt x="2077" y="1093"/>
                    </a:lnTo>
                    <a:lnTo>
                      <a:pt x="2085" y="1091"/>
                    </a:lnTo>
                    <a:lnTo>
                      <a:pt x="2090" y="1091"/>
                    </a:lnTo>
                    <a:lnTo>
                      <a:pt x="2092" y="1089"/>
                    </a:lnTo>
                    <a:lnTo>
                      <a:pt x="2094" y="1089"/>
                    </a:lnTo>
                    <a:lnTo>
                      <a:pt x="2096" y="1087"/>
                    </a:lnTo>
                    <a:lnTo>
                      <a:pt x="2096" y="1083"/>
                    </a:lnTo>
                    <a:lnTo>
                      <a:pt x="2098" y="1083"/>
                    </a:lnTo>
                    <a:lnTo>
                      <a:pt x="2100" y="1083"/>
                    </a:lnTo>
                    <a:lnTo>
                      <a:pt x="2100" y="1082"/>
                    </a:lnTo>
                    <a:lnTo>
                      <a:pt x="2101" y="1082"/>
                    </a:lnTo>
                    <a:lnTo>
                      <a:pt x="2103" y="1080"/>
                    </a:lnTo>
                    <a:lnTo>
                      <a:pt x="2105" y="1080"/>
                    </a:lnTo>
                    <a:lnTo>
                      <a:pt x="2107" y="1080"/>
                    </a:lnTo>
                    <a:lnTo>
                      <a:pt x="2109" y="1082"/>
                    </a:lnTo>
                    <a:lnTo>
                      <a:pt x="2111" y="1083"/>
                    </a:lnTo>
                    <a:lnTo>
                      <a:pt x="2113" y="1083"/>
                    </a:lnTo>
                    <a:lnTo>
                      <a:pt x="2113" y="1085"/>
                    </a:lnTo>
                    <a:lnTo>
                      <a:pt x="2114" y="1085"/>
                    </a:lnTo>
                    <a:lnTo>
                      <a:pt x="2116" y="1087"/>
                    </a:lnTo>
                    <a:lnTo>
                      <a:pt x="2116" y="1089"/>
                    </a:lnTo>
                    <a:lnTo>
                      <a:pt x="2118" y="1091"/>
                    </a:lnTo>
                    <a:lnTo>
                      <a:pt x="2120" y="1093"/>
                    </a:lnTo>
                    <a:lnTo>
                      <a:pt x="2120" y="1095"/>
                    </a:lnTo>
                    <a:lnTo>
                      <a:pt x="2122" y="1095"/>
                    </a:lnTo>
                    <a:lnTo>
                      <a:pt x="2122" y="1096"/>
                    </a:lnTo>
                    <a:lnTo>
                      <a:pt x="2124" y="1098"/>
                    </a:lnTo>
                    <a:lnTo>
                      <a:pt x="2126" y="1098"/>
                    </a:lnTo>
                    <a:lnTo>
                      <a:pt x="2127" y="1100"/>
                    </a:lnTo>
                    <a:lnTo>
                      <a:pt x="2129" y="1100"/>
                    </a:lnTo>
                    <a:lnTo>
                      <a:pt x="2131" y="1100"/>
                    </a:lnTo>
                    <a:lnTo>
                      <a:pt x="2133" y="1100"/>
                    </a:lnTo>
                    <a:lnTo>
                      <a:pt x="2135" y="1100"/>
                    </a:lnTo>
                    <a:lnTo>
                      <a:pt x="2140" y="1113"/>
                    </a:lnTo>
                    <a:lnTo>
                      <a:pt x="2142" y="1126"/>
                    </a:lnTo>
                    <a:lnTo>
                      <a:pt x="2144" y="1124"/>
                    </a:lnTo>
                    <a:lnTo>
                      <a:pt x="2146" y="1124"/>
                    </a:lnTo>
                    <a:lnTo>
                      <a:pt x="2148" y="1124"/>
                    </a:lnTo>
                    <a:lnTo>
                      <a:pt x="2150" y="1122"/>
                    </a:lnTo>
                    <a:lnTo>
                      <a:pt x="2150" y="1120"/>
                    </a:lnTo>
                    <a:lnTo>
                      <a:pt x="2151" y="1120"/>
                    </a:lnTo>
                    <a:lnTo>
                      <a:pt x="2153" y="1120"/>
                    </a:lnTo>
                    <a:lnTo>
                      <a:pt x="2153" y="1119"/>
                    </a:lnTo>
                    <a:lnTo>
                      <a:pt x="2155" y="1119"/>
                    </a:lnTo>
                    <a:lnTo>
                      <a:pt x="2155" y="1117"/>
                    </a:lnTo>
                    <a:lnTo>
                      <a:pt x="2157" y="1117"/>
                    </a:lnTo>
                    <a:lnTo>
                      <a:pt x="2159" y="1117"/>
                    </a:lnTo>
                    <a:lnTo>
                      <a:pt x="2159" y="1115"/>
                    </a:lnTo>
                    <a:lnTo>
                      <a:pt x="2161" y="1113"/>
                    </a:lnTo>
                    <a:lnTo>
                      <a:pt x="2162" y="1111"/>
                    </a:lnTo>
                    <a:lnTo>
                      <a:pt x="2164" y="1109"/>
                    </a:lnTo>
                    <a:lnTo>
                      <a:pt x="2166" y="1109"/>
                    </a:lnTo>
                    <a:lnTo>
                      <a:pt x="2166" y="1108"/>
                    </a:lnTo>
                    <a:lnTo>
                      <a:pt x="2168" y="1108"/>
                    </a:lnTo>
                    <a:lnTo>
                      <a:pt x="2170" y="1108"/>
                    </a:lnTo>
                    <a:lnTo>
                      <a:pt x="2172" y="1108"/>
                    </a:lnTo>
                    <a:lnTo>
                      <a:pt x="2172" y="1109"/>
                    </a:lnTo>
                    <a:lnTo>
                      <a:pt x="2174" y="1109"/>
                    </a:lnTo>
                    <a:lnTo>
                      <a:pt x="2175" y="1109"/>
                    </a:lnTo>
                    <a:lnTo>
                      <a:pt x="2175" y="1111"/>
                    </a:lnTo>
                    <a:lnTo>
                      <a:pt x="2177" y="1113"/>
                    </a:lnTo>
                    <a:lnTo>
                      <a:pt x="2177" y="1115"/>
                    </a:lnTo>
                    <a:lnTo>
                      <a:pt x="2179" y="1115"/>
                    </a:lnTo>
                    <a:lnTo>
                      <a:pt x="2181" y="1115"/>
                    </a:lnTo>
                    <a:lnTo>
                      <a:pt x="2183" y="1115"/>
                    </a:lnTo>
                    <a:lnTo>
                      <a:pt x="2183" y="1113"/>
                    </a:lnTo>
                    <a:lnTo>
                      <a:pt x="2185" y="1113"/>
                    </a:lnTo>
                    <a:lnTo>
                      <a:pt x="2187" y="1111"/>
                    </a:lnTo>
                    <a:lnTo>
                      <a:pt x="2188" y="1111"/>
                    </a:lnTo>
                    <a:lnTo>
                      <a:pt x="2194" y="1111"/>
                    </a:lnTo>
                    <a:lnTo>
                      <a:pt x="2196" y="1111"/>
                    </a:lnTo>
                    <a:lnTo>
                      <a:pt x="2198" y="1111"/>
                    </a:lnTo>
                    <a:lnTo>
                      <a:pt x="2199" y="1111"/>
                    </a:lnTo>
                    <a:lnTo>
                      <a:pt x="2201" y="1111"/>
                    </a:lnTo>
                    <a:lnTo>
                      <a:pt x="2201" y="1113"/>
                    </a:lnTo>
                    <a:lnTo>
                      <a:pt x="2203" y="1113"/>
                    </a:lnTo>
                    <a:lnTo>
                      <a:pt x="2203" y="1115"/>
                    </a:lnTo>
                    <a:lnTo>
                      <a:pt x="2205" y="1115"/>
                    </a:lnTo>
                    <a:lnTo>
                      <a:pt x="2205" y="1117"/>
                    </a:lnTo>
                    <a:lnTo>
                      <a:pt x="2207" y="1117"/>
                    </a:lnTo>
                    <a:lnTo>
                      <a:pt x="2209" y="1117"/>
                    </a:lnTo>
                    <a:lnTo>
                      <a:pt x="2212" y="1115"/>
                    </a:lnTo>
                    <a:lnTo>
                      <a:pt x="2212" y="1117"/>
                    </a:lnTo>
                    <a:lnTo>
                      <a:pt x="2212" y="1119"/>
                    </a:lnTo>
                    <a:lnTo>
                      <a:pt x="2212" y="1120"/>
                    </a:lnTo>
                    <a:lnTo>
                      <a:pt x="2211" y="1120"/>
                    </a:lnTo>
                    <a:lnTo>
                      <a:pt x="2212" y="1122"/>
                    </a:lnTo>
                    <a:lnTo>
                      <a:pt x="2211" y="1122"/>
                    </a:lnTo>
                    <a:lnTo>
                      <a:pt x="2212" y="1124"/>
                    </a:lnTo>
                    <a:lnTo>
                      <a:pt x="2214" y="1124"/>
                    </a:lnTo>
                    <a:lnTo>
                      <a:pt x="2214" y="1126"/>
                    </a:lnTo>
                    <a:lnTo>
                      <a:pt x="2214" y="1128"/>
                    </a:lnTo>
                    <a:lnTo>
                      <a:pt x="2214" y="1130"/>
                    </a:lnTo>
                    <a:lnTo>
                      <a:pt x="2212" y="1133"/>
                    </a:lnTo>
                    <a:lnTo>
                      <a:pt x="2212" y="1135"/>
                    </a:lnTo>
                    <a:lnTo>
                      <a:pt x="2212" y="1137"/>
                    </a:lnTo>
                    <a:lnTo>
                      <a:pt x="2212" y="1139"/>
                    </a:lnTo>
                    <a:lnTo>
                      <a:pt x="2212" y="1141"/>
                    </a:lnTo>
                    <a:lnTo>
                      <a:pt x="2211" y="1143"/>
                    </a:lnTo>
                    <a:lnTo>
                      <a:pt x="2211" y="1145"/>
                    </a:lnTo>
                    <a:lnTo>
                      <a:pt x="2209" y="1145"/>
                    </a:lnTo>
                    <a:lnTo>
                      <a:pt x="2209" y="1146"/>
                    </a:lnTo>
                    <a:lnTo>
                      <a:pt x="2209" y="1148"/>
                    </a:lnTo>
                    <a:lnTo>
                      <a:pt x="2207" y="1148"/>
                    </a:lnTo>
                    <a:lnTo>
                      <a:pt x="2205" y="1148"/>
                    </a:lnTo>
                    <a:lnTo>
                      <a:pt x="2203" y="1148"/>
                    </a:lnTo>
                    <a:lnTo>
                      <a:pt x="2203" y="1150"/>
                    </a:lnTo>
                    <a:lnTo>
                      <a:pt x="2201" y="1150"/>
                    </a:lnTo>
                    <a:lnTo>
                      <a:pt x="2201" y="1152"/>
                    </a:lnTo>
                    <a:lnTo>
                      <a:pt x="2203" y="1154"/>
                    </a:lnTo>
                    <a:lnTo>
                      <a:pt x="2203" y="1156"/>
                    </a:lnTo>
                    <a:lnTo>
                      <a:pt x="2205" y="1156"/>
                    </a:lnTo>
                    <a:lnTo>
                      <a:pt x="2205" y="1157"/>
                    </a:lnTo>
                    <a:lnTo>
                      <a:pt x="2207" y="1157"/>
                    </a:lnTo>
                    <a:lnTo>
                      <a:pt x="2207" y="1159"/>
                    </a:lnTo>
                    <a:lnTo>
                      <a:pt x="2207" y="1161"/>
                    </a:lnTo>
                    <a:lnTo>
                      <a:pt x="2209" y="1163"/>
                    </a:lnTo>
                    <a:lnTo>
                      <a:pt x="2207" y="1163"/>
                    </a:lnTo>
                    <a:lnTo>
                      <a:pt x="2207" y="1165"/>
                    </a:lnTo>
                    <a:lnTo>
                      <a:pt x="2205" y="1165"/>
                    </a:lnTo>
                    <a:lnTo>
                      <a:pt x="2205" y="1167"/>
                    </a:lnTo>
                    <a:lnTo>
                      <a:pt x="2203" y="1169"/>
                    </a:lnTo>
                    <a:lnTo>
                      <a:pt x="2203" y="1170"/>
                    </a:lnTo>
                    <a:lnTo>
                      <a:pt x="2203" y="1172"/>
                    </a:lnTo>
                    <a:lnTo>
                      <a:pt x="2205" y="1172"/>
                    </a:lnTo>
                    <a:lnTo>
                      <a:pt x="2205" y="1174"/>
                    </a:lnTo>
                    <a:lnTo>
                      <a:pt x="2205" y="1176"/>
                    </a:lnTo>
                    <a:lnTo>
                      <a:pt x="2205" y="1178"/>
                    </a:lnTo>
                    <a:lnTo>
                      <a:pt x="2205" y="1180"/>
                    </a:lnTo>
                    <a:lnTo>
                      <a:pt x="2205" y="1182"/>
                    </a:lnTo>
                    <a:lnTo>
                      <a:pt x="2205" y="1183"/>
                    </a:lnTo>
                    <a:lnTo>
                      <a:pt x="2205" y="1185"/>
                    </a:lnTo>
                    <a:lnTo>
                      <a:pt x="2207" y="1185"/>
                    </a:lnTo>
                    <a:lnTo>
                      <a:pt x="2207" y="1187"/>
                    </a:lnTo>
                    <a:lnTo>
                      <a:pt x="2209" y="1187"/>
                    </a:lnTo>
                    <a:lnTo>
                      <a:pt x="2209" y="1189"/>
                    </a:lnTo>
                    <a:lnTo>
                      <a:pt x="2211" y="1189"/>
                    </a:lnTo>
                    <a:lnTo>
                      <a:pt x="2211" y="1191"/>
                    </a:lnTo>
                    <a:lnTo>
                      <a:pt x="2212" y="1191"/>
                    </a:lnTo>
                    <a:lnTo>
                      <a:pt x="2216" y="1194"/>
                    </a:lnTo>
                    <a:lnTo>
                      <a:pt x="2216" y="1196"/>
                    </a:lnTo>
                    <a:lnTo>
                      <a:pt x="2216" y="1198"/>
                    </a:lnTo>
                    <a:lnTo>
                      <a:pt x="2216" y="1200"/>
                    </a:lnTo>
                    <a:lnTo>
                      <a:pt x="2214" y="1200"/>
                    </a:lnTo>
                    <a:lnTo>
                      <a:pt x="2214" y="1204"/>
                    </a:lnTo>
                    <a:lnTo>
                      <a:pt x="2214" y="1213"/>
                    </a:lnTo>
                    <a:lnTo>
                      <a:pt x="2214" y="1217"/>
                    </a:lnTo>
                    <a:lnTo>
                      <a:pt x="2214" y="1222"/>
                    </a:lnTo>
                    <a:lnTo>
                      <a:pt x="2214" y="1224"/>
                    </a:lnTo>
                    <a:lnTo>
                      <a:pt x="2214" y="1226"/>
                    </a:lnTo>
                    <a:lnTo>
                      <a:pt x="2214" y="1228"/>
                    </a:lnTo>
                    <a:lnTo>
                      <a:pt x="2214" y="1230"/>
                    </a:lnTo>
                    <a:lnTo>
                      <a:pt x="2214" y="1231"/>
                    </a:lnTo>
                    <a:lnTo>
                      <a:pt x="2216" y="1231"/>
                    </a:lnTo>
                    <a:lnTo>
                      <a:pt x="2216" y="1233"/>
                    </a:lnTo>
                    <a:lnTo>
                      <a:pt x="2218" y="1233"/>
                    </a:lnTo>
                    <a:lnTo>
                      <a:pt x="2220" y="1235"/>
                    </a:lnTo>
                    <a:lnTo>
                      <a:pt x="2222" y="1235"/>
                    </a:lnTo>
                    <a:lnTo>
                      <a:pt x="2223" y="1235"/>
                    </a:lnTo>
                    <a:lnTo>
                      <a:pt x="2223" y="1237"/>
                    </a:lnTo>
                    <a:lnTo>
                      <a:pt x="2223" y="1239"/>
                    </a:lnTo>
                    <a:lnTo>
                      <a:pt x="2223" y="1241"/>
                    </a:lnTo>
                    <a:lnTo>
                      <a:pt x="2223" y="1243"/>
                    </a:lnTo>
                    <a:lnTo>
                      <a:pt x="2222" y="1244"/>
                    </a:lnTo>
                    <a:lnTo>
                      <a:pt x="2222" y="1246"/>
                    </a:lnTo>
                    <a:lnTo>
                      <a:pt x="2222" y="1248"/>
                    </a:lnTo>
                    <a:lnTo>
                      <a:pt x="2222" y="1250"/>
                    </a:lnTo>
                    <a:lnTo>
                      <a:pt x="2222" y="1252"/>
                    </a:lnTo>
                    <a:lnTo>
                      <a:pt x="2222" y="1254"/>
                    </a:lnTo>
                    <a:lnTo>
                      <a:pt x="2223" y="1254"/>
                    </a:lnTo>
                    <a:lnTo>
                      <a:pt x="2223" y="1256"/>
                    </a:lnTo>
                    <a:lnTo>
                      <a:pt x="2223" y="1257"/>
                    </a:lnTo>
                    <a:lnTo>
                      <a:pt x="2225" y="1259"/>
                    </a:lnTo>
                    <a:lnTo>
                      <a:pt x="2225" y="1261"/>
                    </a:lnTo>
                    <a:lnTo>
                      <a:pt x="2225" y="1263"/>
                    </a:lnTo>
                    <a:lnTo>
                      <a:pt x="2225" y="1265"/>
                    </a:lnTo>
                    <a:lnTo>
                      <a:pt x="2223" y="1268"/>
                    </a:lnTo>
                    <a:lnTo>
                      <a:pt x="2223" y="1270"/>
                    </a:lnTo>
                    <a:lnTo>
                      <a:pt x="2222" y="1270"/>
                    </a:lnTo>
                    <a:lnTo>
                      <a:pt x="2222" y="1272"/>
                    </a:lnTo>
                    <a:lnTo>
                      <a:pt x="2222" y="1274"/>
                    </a:lnTo>
                    <a:lnTo>
                      <a:pt x="2223" y="1276"/>
                    </a:lnTo>
                    <a:lnTo>
                      <a:pt x="2222" y="1276"/>
                    </a:lnTo>
                    <a:lnTo>
                      <a:pt x="2222" y="1278"/>
                    </a:lnTo>
                    <a:lnTo>
                      <a:pt x="2222" y="1280"/>
                    </a:lnTo>
                    <a:lnTo>
                      <a:pt x="2222" y="1281"/>
                    </a:lnTo>
                    <a:lnTo>
                      <a:pt x="2220" y="1281"/>
                    </a:lnTo>
                    <a:lnTo>
                      <a:pt x="2218" y="1281"/>
                    </a:lnTo>
                    <a:lnTo>
                      <a:pt x="2218" y="1283"/>
                    </a:lnTo>
                    <a:lnTo>
                      <a:pt x="2216" y="1283"/>
                    </a:lnTo>
                    <a:lnTo>
                      <a:pt x="2214" y="1283"/>
                    </a:lnTo>
                    <a:lnTo>
                      <a:pt x="2212" y="1283"/>
                    </a:lnTo>
                    <a:lnTo>
                      <a:pt x="2212" y="1285"/>
                    </a:lnTo>
                    <a:lnTo>
                      <a:pt x="2211" y="1285"/>
                    </a:lnTo>
                    <a:lnTo>
                      <a:pt x="2209" y="1287"/>
                    </a:lnTo>
                    <a:lnTo>
                      <a:pt x="2207" y="1287"/>
                    </a:lnTo>
                    <a:lnTo>
                      <a:pt x="2205" y="1289"/>
                    </a:lnTo>
                    <a:lnTo>
                      <a:pt x="2205" y="1287"/>
                    </a:lnTo>
                    <a:lnTo>
                      <a:pt x="2203" y="1287"/>
                    </a:lnTo>
                    <a:lnTo>
                      <a:pt x="2201" y="1287"/>
                    </a:lnTo>
                    <a:lnTo>
                      <a:pt x="2199" y="1287"/>
                    </a:lnTo>
                    <a:lnTo>
                      <a:pt x="2198" y="1285"/>
                    </a:lnTo>
                    <a:lnTo>
                      <a:pt x="2196" y="1285"/>
                    </a:lnTo>
                    <a:lnTo>
                      <a:pt x="2192" y="1285"/>
                    </a:lnTo>
                    <a:lnTo>
                      <a:pt x="2190" y="1287"/>
                    </a:lnTo>
                    <a:lnTo>
                      <a:pt x="2188" y="1287"/>
                    </a:lnTo>
                    <a:lnTo>
                      <a:pt x="2181" y="1285"/>
                    </a:lnTo>
                    <a:lnTo>
                      <a:pt x="2179" y="1285"/>
                    </a:lnTo>
                    <a:lnTo>
                      <a:pt x="2177" y="1285"/>
                    </a:lnTo>
                    <a:lnTo>
                      <a:pt x="2175" y="1285"/>
                    </a:lnTo>
                    <a:lnTo>
                      <a:pt x="2174" y="1285"/>
                    </a:lnTo>
                    <a:lnTo>
                      <a:pt x="2172" y="1285"/>
                    </a:lnTo>
                    <a:lnTo>
                      <a:pt x="2170" y="1285"/>
                    </a:lnTo>
                    <a:lnTo>
                      <a:pt x="2170" y="1283"/>
                    </a:lnTo>
                    <a:lnTo>
                      <a:pt x="2170" y="1281"/>
                    </a:lnTo>
                    <a:lnTo>
                      <a:pt x="2168" y="1280"/>
                    </a:lnTo>
                    <a:lnTo>
                      <a:pt x="2166" y="1278"/>
                    </a:lnTo>
                    <a:lnTo>
                      <a:pt x="2164" y="1278"/>
                    </a:lnTo>
                    <a:lnTo>
                      <a:pt x="2162" y="1278"/>
                    </a:lnTo>
                    <a:lnTo>
                      <a:pt x="2161" y="1278"/>
                    </a:lnTo>
                    <a:lnTo>
                      <a:pt x="2148" y="1274"/>
                    </a:lnTo>
                    <a:lnTo>
                      <a:pt x="2146" y="1276"/>
                    </a:lnTo>
                    <a:lnTo>
                      <a:pt x="2148" y="1276"/>
                    </a:lnTo>
                    <a:lnTo>
                      <a:pt x="2146" y="1278"/>
                    </a:lnTo>
                    <a:lnTo>
                      <a:pt x="2146" y="1280"/>
                    </a:lnTo>
                    <a:lnTo>
                      <a:pt x="2146" y="1281"/>
                    </a:lnTo>
                    <a:lnTo>
                      <a:pt x="2148" y="1283"/>
                    </a:lnTo>
                    <a:lnTo>
                      <a:pt x="2148" y="1285"/>
                    </a:lnTo>
                    <a:lnTo>
                      <a:pt x="2148" y="1287"/>
                    </a:lnTo>
                    <a:lnTo>
                      <a:pt x="2146" y="1289"/>
                    </a:lnTo>
                    <a:lnTo>
                      <a:pt x="2146" y="1291"/>
                    </a:lnTo>
                    <a:lnTo>
                      <a:pt x="2144" y="1291"/>
                    </a:lnTo>
                    <a:lnTo>
                      <a:pt x="2146" y="1292"/>
                    </a:lnTo>
                    <a:lnTo>
                      <a:pt x="2144" y="1294"/>
                    </a:lnTo>
                    <a:lnTo>
                      <a:pt x="2146" y="1294"/>
                    </a:lnTo>
                    <a:lnTo>
                      <a:pt x="2148" y="1296"/>
                    </a:lnTo>
                    <a:lnTo>
                      <a:pt x="2148" y="1298"/>
                    </a:lnTo>
                    <a:lnTo>
                      <a:pt x="2146" y="1298"/>
                    </a:lnTo>
                    <a:lnTo>
                      <a:pt x="2148" y="1298"/>
                    </a:lnTo>
                    <a:lnTo>
                      <a:pt x="2148" y="1300"/>
                    </a:lnTo>
                    <a:lnTo>
                      <a:pt x="2148" y="1302"/>
                    </a:lnTo>
                    <a:lnTo>
                      <a:pt x="2146" y="1302"/>
                    </a:lnTo>
                    <a:lnTo>
                      <a:pt x="2148" y="1304"/>
                    </a:lnTo>
                    <a:lnTo>
                      <a:pt x="2148" y="1305"/>
                    </a:lnTo>
                    <a:lnTo>
                      <a:pt x="2146" y="1305"/>
                    </a:lnTo>
                    <a:lnTo>
                      <a:pt x="2146" y="1307"/>
                    </a:lnTo>
                    <a:lnTo>
                      <a:pt x="2146" y="1309"/>
                    </a:lnTo>
                    <a:lnTo>
                      <a:pt x="2146" y="1311"/>
                    </a:lnTo>
                    <a:lnTo>
                      <a:pt x="2146" y="1313"/>
                    </a:lnTo>
                    <a:lnTo>
                      <a:pt x="2148" y="1313"/>
                    </a:lnTo>
                    <a:lnTo>
                      <a:pt x="2148" y="1315"/>
                    </a:lnTo>
                    <a:lnTo>
                      <a:pt x="2150" y="1315"/>
                    </a:lnTo>
                    <a:lnTo>
                      <a:pt x="2150" y="1317"/>
                    </a:lnTo>
                    <a:lnTo>
                      <a:pt x="2150" y="1318"/>
                    </a:lnTo>
                    <a:lnTo>
                      <a:pt x="2151" y="1318"/>
                    </a:lnTo>
                    <a:lnTo>
                      <a:pt x="2151" y="1320"/>
                    </a:lnTo>
                    <a:lnTo>
                      <a:pt x="2151" y="1322"/>
                    </a:lnTo>
                    <a:lnTo>
                      <a:pt x="2153" y="1324"/>
                    </a:lnTo>
                    <a:lnTo>
                      <a:pt x="2155" y="1324"/>
                    </a:lnTo>
                    <a:lnTo>
                      <a:pt x="2155" y="1326"/>
                    </a:lnTo>
                    <a:lnTo>
                      <a:pt x="2157" y="1326"/>
                    </a:lnTo>
                    <a:lnTo>
                      <a:pt x="2159" y="1326"/>
                    </a:lnTo>
                    <a:lnTo>
                      <a:pt x="2159" y="1328"/>
                    </a:lnTo>
                    <a:lnTo>
                      <a:pt x="2161" y="1329"/>
                    </a:lnTo>
                    <a:lnTo>
                      <a:pt x="2161" y="1331"/>
                    </a:lnTo>
                    <a:lnTo>
                      <a:pt x="2161" y="1333"/>
                    </a:lnTo>
                    <a:lnTo>
                      <a:pt x="2162" y="1333"/>
                    </a:lnTo>
                    <a:lnTo>
                      <a:pt x="2162" y="1335"/>
                    </a:lnTo>
                    <a:lnTo>
                      <a:pt x="2162" y="1337"/>
                    </a:lnTo>
                    <a:lnTo>
                      <a:pt x="2162" y="1339"/>
                    </a:lnTo>
                    <a:lnTo>
                      <a:pt x="2162" y="1341"/>
                    </a:lnTo>
                    <a:lnTo>
                      <a:pt x="2162" y="1342"/>
                    </a:lnTo>
                    <a:lnTo>
                      <a:pt x="2162" y="1344"/>
                    </a:lnTo>
                    <a:lnTo>
                      <a:pt x="2162" y="1348"/>
                    </a:lnTo>
                    <a:lnTo>
                      <a:pt x="2164" y="1355"/>
                    </a:lnTo>
                    <a:lnTo>
                      <a:pt x="2159" y="1354"/>
                    </a:lnTo>
                    <a:lnTo>
                      <a:pt x="2157" y="1354"/>
                    </a:lnTo>
                    <a:lnTo>
                      <a:pt x="2153" y="1354"/>
                    </a:lnTo>
                    <a:lnTo>
                      <a:pt x="2151" y="1354"/>
                    </a:lnTo>
                    <a:lnTo>
                      <a:pt x="2150" y="1354"/>
                    </a:lnTo>
                    <a:lnTo>
                      <a:pt x="2148" y="1354"/>
                    </a:lnTo>
                    <a:lnTo>
                      <a:pt x="2146" y="1357"/>
                    </a:lnTo>
                    <a:lnTo>
                      <a:pt x="2146" y="1361"/>
                    </a:lnTo>
                    <a:lnTo>
                      <a:pt x="2144" y="1363"/>
                    </a:lnTo>
                    <a:lnTo>
                      <a:pt x="2142" y="1366"/>
                    </a:lnTo>
                    <a:lnTo>
                      <a:pt x="2142" y="1368"/>
                    </a:lnTo>
                    <a:lnTo>
                      <a:pt x="2142" y="1370"/>
                    </a:lnTo>
                    <a:lnTo>
                      <a:pt x="2140" y="1370"/>
                    </a:lnTo>
                    <a:lnTo>
                      <a:pt x="2138" y="1370"/>
                    </a:lnTo>
                    <a:lnTo>
                      <a:pt x="2138" y="1372"/>
                    </a:lnTo>
                    <a:lnTo>
                      <a:pt x="2137" y="1372"/>
                    </a:lnTo>
                    <a:lnTo>
                      <a:pt x="2135" y="1374"/>
                    </a:lnTo>
                    <a:lnTo>
                      <a:pt x="2135" y="1376"/>
                    </a:lnTo>
                    <a:lnTo>
                      <a:pt x="2133" y="1376"/>
                    </a:lnTo>
                    <a:lnTo>
                      <a:pt x="2133" y="1378"/>
                    </a:lnTo>
                    <a:lnTo>
                      <a:pt x="2133" y="1379"/>
                    </a:lnTo>
                    <a:lnTo>
                      <a:pt x="2131" y="1381"/>
                    </a:lnTo>
                    <a:lnTo>
                      <a:pt x="2129" y="1383"/>
                    </a:lnTo>
                    <a:lnTo>
                      <a:pt x="2129" y="1385"/>
                    </a:lnTo>
                    <a:lnTo>
                      <a:pt x="2127" y="1385"/>
                    </a:lnTo>
                    <a:lnTo>
                      <a:pt x="2127" y="1387"/>
                    </a:lnTo>
                    <a:lnTo>
                      <a:pt x="2126" y="1389"/>
                    </a:lnTo>
                    <a:lnTo>
                      <a:pt x="2126" y="1391"/>
                    </a:lnTo>
                    <a:lnTo>
                      <a:pt x="2124" y="1391"/>
                    </a:lnTo>
                    <a:lnTo>
                      <a:pt x="2124" y="1392"/>
                    </a:lnTo>
                    <a:lnTo>
                      <a:pt x="2122" y="1394"/>
                    </a:lnTo>
                    <a:lnTo>
                      <a:pt x="2120" y="1394"/>
                    </a:lnTo>
                    <a:lnTo>
                      <a:pt x="2118" y="1394"/>
                    </a:lnTo>
                    <a:lnTo>
                      <a:pt x="2116" y="1396"/>
                    </a:lnTo>
                    <a:lnTo>
                      <a:pt x="2114" y="1396"/>
                    </a:lnTo>
                    <a:lnTo>
                      <a:pt x="2113" y="1396"/>
                    </a:lnTo>
                    <a:lnTo>
                      <a:pt x="2111" y="1394"/>
                    </a:lnTo>
                    <a:lnTo>
                      <a:pt x="2111" y="1396"/>
                    </a:lnTo>
                    <a:lnTo>
                      <a:pt x="2111" y="1400"/>
                    </a:lnTo>
                    <a:lnTo>
                      <a:pt x="2109" y="1400"/>
                    </a:lnTo>
                    <a:lnTo>
                      <a:pt x="2109" y="1402"/>
                    </a:lnTo>
                    <a:lnTo>
                      <a:pt x="2107" y="1403"/>
                    </a:lnTo>
                    <a:lnTo>
                      <a:pt x="2107" y="1405"/>
                    </a:lnTo>
                    <a:lnTo>
                      <a:pt x="2107" y="1407"/>
                    </a:lnTo>
                    <a:lnTo>
                      <a:pt x="2107" y="1409"/>
                    </a:lnTo>
                    <a:lnTo>
                      <a:pt x="2107" y="1411"/>
                    </a:lnTo>
                    <a:lnTo>
                      <a:pt x="2107" y="1413"/>
                    </a:lnTo>
                    <a:lnTo>
                      <a:pt x="2107" y="1415"/>
                    </a:lnTo>
                    <a:lnTo>
                      <a:pt x="2105" y="1415"/>
                    </a:lnTo>
                    <a:lnTo>
                      <a:pt x="2107" y="1415"/>
                    </a:lnTo>
                    <a:lnTo>
                      <a:pt x="2107" y="1416"/>
                    </a:lnTo>
                    <a:lnTo>
                      <a:pt x="2107" y="1418"/>
                    </a:lnTo>
                    <a:lnTo>
                      <a:pt x="2107" y="1420"/>
                    </a:lnTo>
                    <a:lnTo>
                      <a:pt x="2107" y="1422"/>
                    </a:lnTo>
                    <a:lnTo>
                      <a:pt x="2109" y="1422"/>
                    </a:lnTo>
                    <a:lnTo>
                      <a:pt x="2109" y="1424"/>
                    </a:lnTo>
                    <a:lnTo>
                      <a:pt x="2109" y="1426"/>
                    </a:lnTo>
                    <a:lnTo>
                      <a:pt x="2109" y="1428"/>
                    </a:lnTo>
                    <a:lnTo>
                      <a:pt x="2109" y="1429"/>
                    </a:lnTo>
                    <a:lnTo>
                      <a:pt x="2109" y="1431"/>
                    </a:lnTo>
                    <a:lnTo>
                      <a:pt x="2109" y="1433"/>
                    </a:lnTo>
                    <a:lnTo>
                      <a:pt x="2109" y="1435"/>
                    </a:lnTo>
                    <a:lnTo>
                      <a:pt x="2107" y="1437"/>
                    </a:lnTo>
                    <a:lnTo>
                      <a:pt x="2107" y="1439"/>
                    </a:lnTo>
                    <a:lnTo>
                      <a:pt x="2107" y="1440"/>
                    </a:lnTo>
                    <a:lnTo>
                      <a:pt x="2107" y="1442"/>
                    </a:lnTo>
                    <a:lnTo>
                      <a:pt x="2105" y="1444"/>
                    </a:lnTo>
                    <a:lnTo>
                      <a:pt x="2107" y="1444"/>
                    </a:lnTo>
                    <a:lnTo>
                      <a:pt x="2105" y="1444"/>
                    </a:lnTo>
                    <a:lnTo>
                      <a:pt x="2105" y="1446"/>
                    </a:lnTo>
                    <a:lnTo>
                      <a:pt x="2105" y="1448"/>
                    </a:lnTo>
                    <a:lnTo>
                      <a:pt x="2103" y="1448"/>
                    </a:lnTo>
                    <a:lnTo>
                      <a:pt x="2103" y="1450"/>
                    </a:lnTo>
                    <a:lnTo>
                      <a:pt x="2103" y="1452"/>
                    </a:lnTo>
                    <a:lnTo>
                      <a:pt x="2101" y="1452"/>
                    </a:lnTo>
                    <a:lnTo>
                      <a:pt x="2101" y="1453"/>
                    </a:lnTo>
                    <a:lnTo>
                      <a:pt x="2101" y="1455"/>
                    </a:lnTo>
                    <a:lnTo>
                      <a:pt x="2100" y="1457"/>
                    </a:lnTo>
                    <a:lnTo>
                      <a:pt x="2100" y="1459"/>
                    </a:lnTo>
                    <a:lnTo>
                      <a:pt x="2098" y="1459"/>
                    </a:lnTo>
                    <a:lnTo>
                      <a:pt x="2098" y="1461"/>
                    </a:lnTo>
                    <a:lnTo>
                      <a:pt x="2098" y="1463"/>
                    </a:lnTo>
                    <a:lnTo>
                      <a:pt x="2098" y="1465"/>
                    </a:lnTo>
                    <a:lnTo>
                      <a:pt x="2098" y="1466"/>
                    </a:lnTo>
                    <a:lnTo>
                      <a:pt x="2096" y="1466"/>
                    </a:lnTo>
                    <a:lnTo>
                      <a:pt x="2098" y="1466"/>
                    </a:lnTo>
                    <a:lnTo>
                      <a:pt x="2096" y="1466"/>
                    </a:lnTo>
                    <a:lnTo>
                      <a:pt x="2096" y="1468"/>
                    </a:lnTo>
                    <a:lnTo>
                      <a:pt x="2098" y="1468"/>
                    </a:lnTo>
                    <a:lnTo>
                      <a:pt x="2098" y="1470"/>
                    </a:lnTo>
                    <a:lnTo>
                      <a:pt x="2098" y="1472"/>
                    </a:lnTo>
                    <a:lnTo>
                      <a:pt x="2098" y="1474"/>
                    </a:lnTo>
                    <a:lnTo>
                      <a:pt x="2098" y="1476"/>
                    </a:lnTo>
                    <a:lnTo>
                      <a:pt x="2098" y="1477"/>
                    </a:lnTo>
                    <a:lnTo>
                      <a:pt x="2100" y="1477"/>
                    </a:lnTo>
                    <a:lnTo>
                      <a:pt x="2100" y="1479"/>
                    </a:lnTo>
                    <a:lnTo>
                      <a:pt x="2100" y="1481"/>
                    </a:lnTo>
                    <a:lnTo>
                      <a:pt x="2098" y="1481"/>
                    </a:lnTo>
                    <a:lnTo>
                      <a:pt x="2098" y="1483"/>
                    </a:lnTo>
                    <a:lnTo>
                      <a:pt x="2096" y="1485"/>
                    </a:lnTo>
                    <a:lnTo>
                      <a:pt x="2098" y="1485"/>
                    </a:lnTo>
                    <a:lnTo>
                      <a:pt x="2096" y="1485"/>
                    </a:lnTo>
                    <a:lnTo>
                      <a:pt x="2096" y="1492"/>
                    </a:lnTo>
                    <a:lnTo>
                      <a:pt x="2098" y="1494"/>
                    </a:lnTo>
                    <a:lnTo>
                      <a:pt x="2101" y="1500"/>
                    </a:lnTo>
                    <a:lnTo>
                      <a:pt x="2100" y="1500"/>
                    </a:lnTo>
                    <a:lnTo>
                      <a:pt x="2098" y="1505"/>
                    </a:lnTo>
                    <a:lnTo>
                      <a:pt x="2096" y="1509"/>
                    </a:lnTo>
                    <a:lnTo>
                      <a:pt x="2092" y="1513"/>
                    </a:lnTo>
                    <a:lnTo>
                      <a:pt x="2090" y="1513"/>
                    </a:lnTo>
                    <a:lnTo>
                      <a:pt x="2089" y="1514"/>
                    </a:lnTo>
                    <a:lnTo>
                      <a:pt x="2087" y="1516"/>
                    </a:lnTo>
                    <a:lnTo>
                      <a:pt x="2087" y="1518"/>
                    </a:lnTo>
                    <a:lnTo>
                      <a:pt x="2083" y="1522"/>
                    </a:lnTo>
                    <a:lnTo>
                      <a:pt x="2083" y="1526"/>
                    </a:lnTo>
                    <a:lnTo>
                      <a:pt x="2083" y="1527"/>
                    </a:lnTo>
                    <a:lnTo>
                      <a:pt x="2079" y="1529"/>
                    </a:lnTo>
                    <a:lnTo>
                      <a:pt x="2076" y="1533"/>
                    </a:lnTo>
                    <a:lnTo>
                      <a:pt x="2072" y="1537"/>
                    </a:lnTo>
                    <a:lnTo>
                      <a:pt x="2066" y="1540"/>
                    </a:lnTo>
                    <a:lnTo>
                      <a:pt x="2065" y="1542"/>
                    </a:lnTo>
                    <a:lnTo>
                      <a:pt x="2063" y="1542"/>
                    </a:lnTo>
                    <a:lnTo>
                      <a:pt x="2063" y="1544"/>
                    </a:lnTo>
                    <a:lnTo>
                      <a:pt x="2061" y="1544"/>
                    </a:lnTo>
                    <a:lnTo>
                      <a:pt x="2059" y="1544"/>
                    </a:lnTo>
                    <a:lnTo>
                      <a:pt x="2057" y="1544"/>
                    </a:lnTo>
                    <a:lnTo>
                      <a:pt x="2053" y="1544"/>
                    </a:lnTo>
                    <a:lnTo>
                      <a:pt x="2050" y="1546"/>
                    </a:lnTo>
                    <a:lnTo>
                      <a:pt x="2046" y="1546"/>
                    </a:lnTo>
                    <a:lnTo>
                      <a:pt x="2042" y="1546"/>
                    </a:lnTo>
                    <a:lnTo>
                      <a:pt x="2040" y="1546"/>
                    </a:lnTo>
                    <a:lnTo>
                      <a:pt x="2037" y="1546"/>
                    </a:lnTo>
                    <a:lnTo>
                      <a:pt x="2035" y="1548"/>
                    </a:lnTo>
                    <a:lnTo>
                      <a:pt x="2033" y="1550"/>
                    </a:lnTo>
                    <a:lnTo>
                      <a:pt x="2031" y="1553"/>
                    </a:lnTo>
                    <a:lnTo>
                      <a:pt x="2031" y="1555"/>
                    </a:lnTo>
                    <a:lnTo>
                      <a:pt x="2029" y="1557"/>
                    </a:lnTo>
                    <a:lnTo>
                      <a:pt x="2029" y="1561"/>
                    </a:lnTo>
                    <a:lnTo>
                      <a:pt x="2028" y="1563"/>
                    </a:lnTo>
                    <a:lnTo>
                      <a:pt x="2026" y="1564"/>
                    </a:lnTo>
                    <a:lnTo>
                      <a:pt x="2024" y="1566"/>
                    </a:lnTo>
                    <a:lnTo>
                      <a:pt x="2022" y="1566"/>
                    </a:lnTo>
                    <a:lnTo>
                      <a:pt x="2022" y="1568"/>
                    </a:lnTo>
                    <a:lnTo>
                      <a:pt x="2022" y="1570"/>
                    </a:lnTo>
                    <a:lnTo>
                      <a:pt x="2020" y="1570"/>
                    </a:lnTo>
                    <a:lnTo>
                      <a:pt x="2020" y="1572"/>
                    </a:lnTo>
                    <a:lnTo>
                      <a:pt x="2018" y="1572"/>
                    </a:lnTo>
                    <a:lnTo>
                      <a:pt x="2018" y="1574"/>
                    </a:lnTo>
                    <a:lnTo>
                      <a:pt x="2016" y="1574"/>
                    </a:lnTo>
                    <a:lnTo>
                      <a:pt x="2016" y="1576"/>
                    </a:lnTo>
                    <a:lnTo>
                      <a:pt x="2015" y="1576"/>
                    </a:lnTo>
                    <a:lnTo>
                      <a:pt x="2013" y="1576"/>
                    </a:lnTo>
                    <a:lnTo>
                      <a:pt x="2013" y="1577"/>
                    </a:lnTo>
                    <a:lnTo>
                      <a:pt x="2011" y="1577"/>
                    </a:lnTo>
                    <a:lnTo>
                      <a:pt x="2009" y="1577"/>
                    </a:lnTo>
                    <a:lnTo>
                      <a:pt x="2007" y="1577"/>
                    </a:lnTo>
                    <a:lnTo>
                      <a:pt x="2005" y="1577"/>
                    </a:lnTo>
                    <a:lnTo>
                      <a:pt x="2004" y="1577"/>
                    </a:lnTo>
                    <a:lnTo>
                      <a:pt x="2002" y="1579"/>
                    </a:lnTo>
                    <a:lnTo>
                      <a:pt x="2000" y="1579"/>
                    </a:lnTo>
                    <a:lnTo>
                      <a:pt x="1998" y="1579"/>
                    </a:lnTo>
                    <a:lnTo>
                      <a:pt x="1996" y="1581"/>
                    </a:lnTo>
                    <a:lnTo>
                      <a:pt x="1994" y="1581"/>
                    </a:lnTo>
                    <a:lnTo>
                      <a:pt x="1992" y="1583"/>
                    </a:lnTo>
                    <a:lnTo>
                      <a:pt x="1992" y="1585"/>
                    </a:lnTo>
                    <a:lnTo>
                      <a:pt x="1991" y="1585"/>
                    </a:lnTo>
                    <a:lnTo>
                      <a:pt x="1991" y="1587"/>
                    </a:lnTo>
                    <a:lnTo>
                      <a:pt x="1991" y="1588"/>
                    </a:lnTo>
                    <a:lnTo>
                      <a:pt x="1989" y="1588"/>
                    </a:lnTo>
                    <a:lnTo>
                      <a:pt x="1989" y="1590"/>
                    </a:lnTo>
                    <a:lnTo>
                      <a:pt x="1987" y="1590"/>
                    </a:lnTo>
                    <a:lnTo>
                      <a:pt x="1987" y="1592"/>
                    </a:lnTo>
                    <a:lnTo>
                      <a:pt x="1985" y="1592"/>
                    </a:lnTo>
                    <a:lnTo>
                      <a:pt x="1983" y="1594"/>
                    </a:lnTo>
                    <a:lnTo>
                      <a:pt x="1983" y="1596"/>
                    </a:lnTo>
                    <a:lnTo>
                      <a:pt x="1981" y="1596"/>
                    </a:lnTo>
                    <a:lnTo>
                      <a:pt x="1981" y="1594"/>
                    </a:lnTo>
                    <a:lnTo>
                      <a:pt x="1979" y="1594"/>
                    </a:lnTo>
                    <a:lnTo>
                      <a:pt x="1978" y="1594"/>
                    </a:lnTo>
                    <a:lnTo>
                      <a:pt x="1976" y="1594"/>
                    </a:lnTo>
                    <a:lnTo>
                      <a:pt x="1974" y="1594"/>
                    </a:lnTo>
                    <a:lnTo>
                      <a:pt x="1972" y="1596"/>
                    </a:lnTo>
                    <a:lnTo>
                      <a:pt x="1970" y="1596"/>
                    </a:lnTo>
                    <a:lnTo>
                      <a:pt x="1970" y="1598"/>
                    </a:lnTo>
                    <a:lnTo>
                      <a:pt x="1968" y="1598"/>
                    </a:lnTo>
                    <a:lnTo>
                      <a:pt x="1968" y="1600"/>
                    </a:lnTo>
                    <a:lnTo>
                      <a:pt x="1967" y="1600"/>
                    </a:lnTo>
                    <a:lnTo>
                      <a:pt x="1965" y="1600"/>
                    </a:lnTo>
                    <a:lnTo>
                      <a:pt x="1961" y="1601"/>
                    </a:lnTo>
                    <a:lnTo>
                      <a:pt x="1961" y="1600"/>
                    </a:lnTo>
                    <a:lnTo>
                      <a:pt x="1959" y="1601"/>
                    </a:lnTo>
                    <a:lnTo>
                      <a:pt x="1959" y="1603"/>
                    </a:lnTo>
                    <a:lnTo>
                      <a:pt x="1959" y="1605"/>
                    </a:lnTo>
                    <a:lnTo>
                      <a:pt x="1957" y="1605"/>
                    </a:lnTo>
                    <a:lnTo>
                      <a:pt x="1954" y="1609"/>
                    </a:lnTo>
                    <a:lnTo>
                      <a:pt x="1952" y="1609"/>
                    </a:lnTo>
                    <a:lnTo>
                      <a:pt x="1950" y="1609"/>
                    </a:lnTo>
                    <a:lnTo>
                      <a:pt x="1946" y="1609"/>
                    </a:lnTo>
                    <a:lnTo>
                      <a:pt x="1944" y="1609"/>
                    </a:lnTo>
                    <a:lnTo>
                      <a:pt x="1942" y="1609"/>
                    </a:lnTo>
                    <a:lnTo>
                      <a:pt x="1942" y="1611"/>
                    </a:lnTo>
                    <a:lnTo>
                      <a:pt x="1941" y="1611"/>
                    </a:lnTo>
                    <a:lnTo>
                      <a:pt x="1939" y="1611"/>
                    </a:lnTo>
                    <a:lnTo>
                      <a:pt x="1937" y="1611"/>
                    </a:lnTo>
                    <a:lnTo>
                      <a:pt x="1937" y="1612"/>
                    </a:lnTo>
                    <a:lnTo>
                      <a:pt x="1933" y="1614"/>
                    </a:lnTo>
                    <a:lnTo>
                      <a:pt x="1931" y="1614"/>
                    </a:lnTo>
                    <a:lnTo>
                      <a:pt x="1930" y="1614"/>
                    </a:lnTo>
                    <a:lnTo>
                      <a:pt x="1926" y="1614"/>
                    </a:lnTo>
                    <a:lnTo>
                      <a:pt x="1924" y="1614"/>
                    </a:lnTo>
                    <a:lnTo>
                      <a:pt x="1922" y="1614"/>
                    </a:lnTo>
                    <a:lnTo>
                      <a:pt x="1920" y="1614"/>
                    </a:lnTo>
                    <a:lnTo>
                      <a:pt x="1918" y="1614"/>
                    </a:lnTo>
                    <a:lnTo>
                      <a:pt x="1917" y="1614"/>
                    </a:lnTo>
                    <a:lnTo>
                      <a:pt x="1915" y="1614"/>
                    </a:lnTo>
                    <a:lnTo>
                      <a:pt x="1913" y="1614"/>
                    </a:lnTo>
                    <a:lnTo>
                      <a:pt x="1911" y="1616"/>
                    </a:lnTo>
                    <a:lnTo>
                      <a:pt x="1909" y="1614"/>
                    </a:lnTo>
                    <a:lnTo>
                      <a:pt x="1907" y="1614"/>
                    </a:lnTo>
                    <a:lnTo>
                      <a:pt x="1906" y="1614"/>
                    </a:lnTo>
                    <a:lnTo>
                      <a:pt x="1904" y="1616"/>
                    </a:lnTo>
                    <a:lnTo>
                      <a:pt x="1900" y="1616"/>
                    </a:lnTo>
                    <a:lnTo>
                      <a:pt x="1898" y="1616"/>
                    </a:lnTo>
                    <a:lnTo>
                      <a:pt x="1896" y="1616"/>
                    </a:lnTo>
                    <a:lnTo>
                      <a:pt x="1894" y="1616"/>
                    </a:lnTo>
                    <a:lnTo>
                      <a:pt x="1893" y="1616"/>
                    </a:lnTo>
                    <a:lnTo>
                      <a:pt x="1891" y="1618"/>
                    </a:lnTo>
                    <a:lnTo>
                      <a:pt x="1889" y="1618"/>
                    </a:lnTo>
                    <a:lnTo>
                      <a:pt x="1887" y="1618"/>
                    </a:lnTo>
                    <a:lnTo>
                      <a:pt x="1885" y="1618"/>
                    </a:lnTo>
                    <a:lnTo>
                      <a:pt x="1885" y="1620"/>
                    </a:lnTo>
                    <a:lnTo>
                      <a:pt x="1883" y="1620"/>
                    </a:lnTo>
                    <a:lnTo>
                      <a:pt x="1881" y="1620"/>
                    </a:lnTo>
                    <a:lnTo>
                      <a:pt x="1881" y="1622"/>
                    </a:lnTo>
                    <a:lnTo>
                      <a:pt x="1880" y="1622"/>
                    </a:lnTo>
                    <a:lnTo>
                      <a:pt x="1880" y="1624"/>
                    </a:lnTo>
                    <a:lnTo>
                      <a:pt x="1878" y="1624"/>
                    </a:lnTo>
                    <a:lnTo>
                      <a:pt x="1878" y="1622"/>
                    </a:lnTo>
                    <a:lnTo>
                      <a:pt x="1876" y="1622"/>
                    </a:lnTo>
                    <a:lnTo>
                      <a:pt x="1874" y="1622"/>
                    </a:lnTo>
                    <a:lnTo>
                      <a:pt x="1872" y="1620"/>
                    </a:lnTo>
                    <a:lnTo>
                      <a:pt x="1870" y="1622"/>
                    </a:lnTo>
                    <a:lnTo>
                      <a:pt x="1869" y="1622"/>
                    </a:lnTo>
                    <a:lnTo>
                      <a:pt x="1867" y="1622"/>
                    </a:lnTo>
                    <a:lnTo>
                      <a:pt x="1865" y="1622"/>
                    </a:lnTo>
                    <a:lnTo>
                      <a:pt x="1863" y="1624"/>
                    </a:lnTo>
                    <a:lnTo>
                      <a:pt x="1861" y="1624"/>
                    </a:lnTo>
                    <a:lnTo>
                      <a:pt x="1859" y="1624"/>
                    </a:lnTo>
                    <a:lnTo>
                      <a:pt x="1856" y="1625"/>
                    </a:lnTo>
                    <a:lnTo>
                      <a:pt x="1854" y="1625"/>
                    </a:lnTo>
                    <a:lnTo>
                      <a:pt x="1852" y="1627"/>
                    </a:lnTo>
                    <a:lnTo>
                      <a:pt x="1850" y="1627"/>
                    </a:lnTo>
                    <a:lnTo>
                      <a:pt x="1850" y="1629"/>
                    </a:lnTo>
                    <a:lnTo>
                      <a:pt x="1848" y="1629"/>
                    </a:lnTo>
                    <a:lnTo>
                      <a:pt x="1846" y="1627"/>
                    </a:lnTo>
                    <a:lnTo>
                      <a:pt x="1845" y="1629"/>
                    </a:lnTo>
                    <a:lnTo>
                      <a:pt x="1845" y="1627"/>
                    </a:lnTo>
                    <a:lnTo>
                      <a:pt x="1843" y="1625"/>
                    </a:lnTo>
                    <a:lnTo>
                      <a:pt x="1843" y="1624"/>
                    </a:lnTo>
                    <a:lnTo>
                      <a:pt x="1841" y="1624"/>
                    </a:lnTo>
                    <a:lnTo>
                      <a:pt x="1837" y="1622"/>
                    </a:lnTo>
                    <a:lnTo>
                      <a:pt x="1835" y="1620"/>
                    </a:lnTo>
                    <a:lnTo>
                      <a:pt x="1835" y="1618"/>
                    </a:lnTo>
                    <a:lnTo>
                      <a:pt x="1835" y="1616"/>
                    </a:lnTo>
                    <a:lnTo>
                      <a:pt x="1835" y="1614"/>
                    </a:lnTo>
                    <a:lnTo>
                      <a:pt x="1835" y="1612"/>
                    </a:lnTo>
                    <a:lnTo>
                      <a:pt x="1835" y="1611"/>
                    </a:lnTo>
                    <a:lnTo>
                      <a:pt x="1835" y="1609"/>
                    </a:lnTo>
                    <a:lnTo>
                      <a:pt x="1835" y="1607"/>
                    </a:lnTo>
                    <a:lnTo>
                      <a:pt x="1833" y="1607"/>
                    </a:lnTo>
                    <a:lnTo>
                      <a:pt x="1832" y="1607"/>
                    </a:lnTo>
                    <a:lnTo>
                      <a:pt x="1830" y="1607"/>
                    </a:lnTo>
                    <a:lnTo>
                      <a:pt x="1828" y="1607"/>
                    </a:lnTo>
                    <a:lnTo>
                      <a:pt x="1824" y="1607"/>
                    </a:lnTo>
                    <a:lnTo>
                      <a:pt x="1822" y="1605"/>
                    </a:lnTo>
                    <a:lnTo>
                      <a:pt x="1820" y="1605"/>
                    </a:lnTo>
                    <a:lnTo>
                      <a:pt x="1819" y="1605"/>
                    </a:lnTo>
                    <a:lnTo>
                      <a:pt x="1819" y="1607"/>
                    </a:lnTo>
                    <a:lnTo>
                      <a:pt x="1817" y="1607"/>
                    </a:lnTo>
                    <a:lnTo>
                      <a:pt x="1815" y="1607"/>
                    </a:lnTo>
                    <a:lnTo>
                      <a:pt x="1813" y="1607"/>
                    </a:lnTo>
                    <a:lnTo>
                      <a:pt x="1813" y="1605"/>
                    </a:lnTo>
                    <a:lnTo>
                      <a:pt x="1811" y="1605"/>
                    </a:lnTo>
                    <a:lnTo>
                      <a:pt x="1811" y="1607"/>
                    </a:lnTo>
                    <a:lnTo>
                      <a:pt x="1809" y="1605"/>
                    </a:lnTo>
                    <a:lnTo>
                      <a:pt x="1808" y="1607"/>
                    </a:lnTo>
                    <a:lnTo>
                      <a:pt x="1808" y="1605"/>
                    </a:lnTo>
                    <a:lnTo>
                      <a:pt x="1808" y="1607"/>
                    </a:lnTo>
                    <a:lnTo>
                      <a:pt x="1806" y="1607"/>
                    </a:lnTo>
                    <a:lnTo>
                      <a:pt x="1806" y="1605"/>
                    </a:lnTo>
                    <a:lnTo>
                      <a:pt x="1804" y="1605"/>
                    </a:lnTo>
                    <a:lnTo>
                      <a:pt x="1800" y="1605"/>
                    </a:lnTo>
                    <a:lnTo>
                      <a:pt x="1798" y="1603"/>
                    </a:lnTo>
                    <a:lnTo>
                      <a:pt x="1795" y="1603"/>
                    </a:lnTo>
                    <a:lnTo>
                      <a:pt x="1793" y="1601"/>
                    </a:lnTo>
                    <a:lnTo>
                      <a:pt x="1791" y="1601"/>
                    </a:lnTo>
                    <a:lnTo>
                      <a:pt x="1789" y="1600"/>
                    </a:lnTo>
                    <a:lnTo>
                      <a:pt x="1787" y="1600"/>
                    </a:lnTo>
                    <a:lnTo>
                      <a:pt x="1785" y="1600"/>
                    </a:lnTo>
                    <a:lnTo>
                      <a:pt x="1784" y="1600"/>
                    </a:lnTo>
                    <a:lnTo>
                      <a:pt x="1782" y="1600"/>
                    </a:lnTo>
                    <a:lnTo>
                      <a:pt x="1780" y="1600"/>
                    </a:lnTo>
                    <a:lnTo>
                      <a:pt x="1780" y="1598"/>
                    </a:lnTo>
                    <a:lnTo>
                      <a:pt x="1778" y="1598"/>
                    </a:lnTo>
                    <a:lnTo>
                      <a:pt x="1776" y="1598"/>
                    </a:lnTo>
                    <a:lnTo>
                      <a:pt x="1772" y="1596"/>
                    </a:lnTo>
                    <a:lnTo>
                      <a:pt x="1771" y="1596"/>
                    </a:lnTo>
                    <a:lnTo>
                      <a:pt x="1769" y="1596"/>
                    </a:lnTo>
                    <a:lnTo>
                      <a:pt x="1767" y="1596"/>
                    </a:lnTo>
                    <a:lnTo>
                      <a:pt x="1767" y="1594"/>
                    </a:lnTo>
                    <a:lnTo>
                      <a:pt x="1767" y="1592"/>
                    </a:lnTo>
                    <a:lnTo>
                      <a:pt x="1765" y="1592"/>
                    </a:lnTo>
                    <a:lnTo>
                      <a:pt x="1765" y="1590"/>
                    </a:lnTo>
                    <a:lnTo>
                      <a:pt x="1763" y="1590"/>
                    </a:lnTo>
                    <a:lnTo>
                      <a:pt x="1763" y="1588"/>
                    </a:lnTo>
                    <a:lnTo>
                      <a:pt x="1761" y="1588"/>
                    </a:lnTo>
                    <a:lnTo>
                      <a:pt x="1759" y="1587"/>
                    </a:lnTo>
                    <a:lnTo>
                      <a:pt x="1759" y="1585"/>
                    </a:lnTo>
                    <a:lnTo>
                      <a:pt x="1758" y="1585"/>
                    </a:lnTo>
                    <a:lnTo>
                      <a:pt x="1756" y="1583"/>
                    </a:lnTo>
                    <a:lnTo>
                      <a:pt x="1756" y="1581"/>
                    </a:lnTo>
                    <a:lnTo>
                      <a:pt x="1754" y="1581"/>
                    </a:lnTo>
                    <a:lnTo>
                      <a:pt x="1754" y="1579"/>
                    </a:lnTo>
                    <a:lnTo>
                      <a:pt x="1754" y="1577"/>
                    </a:lnTo>
                    <a:lnTo>
                      <a:pt x="1752" y="1577"/>
                    </a:lnTo>
                    <a:lnTo>
                      <a:pt x="1750" y="1576"/>
                    </a:lnTo>
                    <a:lnTo>
                      <a:pt x="1748" y="1576"/>
                    </a:lnTo>
                    <a:lnTo>
                      <a:pt x="1747" y="1576"/>
                    </a:lnTo>
                    <a:lnTo>
                      <a:pt x="1745" y="1574"/>
                    </a:lnTo>
                    <a:lnTo>
                      <a:pt x="1743" y="1574"/>
                    </a:lnTo>
                    <a:lnTo>
                      <a:pt x="1741" y="1574"/>
                    </a:lnTo>
                    <a:lnTo>
                      <a:pt x="1739" y="1572"/>
                    </a:lnTo>
                    <a:lnTo>
                      <a:pt x="1737" y="1572"/>
                    </a:lnTo>
                    <a:lnTo>
                      <a:pt x="1735" y="1572"/>
                    </a:lnTo>
                    <a:lnTo>
                      <a:pt x="1734" y="1572"/>
                    </a:lnTo>
                    <a:lnTo>
                      <a:pt x="1734" y="1574"/>
                    </a:lnTo>
                    <a:lnTo>
                      <a:pt x="1732" y="1574"/>
                    </a:lnTo>
                    <a:lnTo>
                      <a:pt x="1730" y="1574"/>
                    </a:lnTo>
                    <a:lnTo>
                      <a:pt x="1728" y="1572"/>
                    </a:lnTo>
                    <a:lnTo>
                      <a:pt x="1726" y="1572"/>
                    </a:lnTo>
                    <a:lnTo>
                      <a:pt x="1724" y="1570"/>
                    </a:lnTo>
                    <a:lnTo>
                      <a:pt x="1723" y="1568"/>
                    </a:lnTo>
                    <a:lnTo>
                      <a:pt x="1723" y="1566"/>
                    </a:lnTo>
                    <a:lnTo>
                      <a:pt x="1721" y="1566"/>
                    </a:lnTo>
                    <a:lnTo>
                      <a:pt x="1719" y="1566"/>
                    </a:lnTo>
                    <a:lnTo>
                      <a:pt x="1717" y="1566"/>
                    </a:lnTo>
                    <a:lnTo>
                      <a:pt x="1715" y="1566"/>
                    </a:lnTo>
                    <a:lnTo>
                      <a:pt x="1713" y="1566"/>
                    </a:lnTo>
                    <a:lnTo>
                      <a:pt x="1711" y="1566"/>
                    </a:lnTo>
                    <a:lnTo>
                      <a:pt x="1710" y="1566"/>
                    </a:lnTo>
                    <a:lnTo>
                      <a:pt x="1708" y="1564"/>
                    </a:lnTo>
                    <a:lnTo>
                      <a:pt x="1706" y="1564"/>
                    </a:lnTo>
                    <a:lnTo>
                      <a:pt x="1704" y="1563"/>
                    </a:lnTo>
                    <a:lnTo>
                      <a:pt x="1702" y="1563"/>
                    </a:lnTo>
                    <a:lnTo>
                      <a:pt x="1702" y="1561"/>
                    </a:lnTo>
                    <a:lnTo>
                      <a:pt x="1700" y="1561"/>
                    </a:lnTo>
                    <a:lnTo>
                      <a:pt x="1700" y="1559"/>
                    </a:lnTo>
                    <a:lnTo>
                      <a:pt x="1698" y="1559"/>
                    </a:lnTo>
                    <a:lnTo>
                      <a:pt x="1697" y="1559"/>
                    </a:lnTo>
                    <a:lnTo>
                      <a:pt x="1695" y="1559"/>
                    </a:lnTo>
                    <a:lnTo>
                      <a:pt x="1693" y="1561"/>
                    </a:lnTo>
                    <a:lnTo>
                      <a:pt x="1691" y="1561"/>
                    </a:lnTo>
                    <a:lnTo>
                      <a:pt x="1691" y="1563"/>
                    </a:lnTo>
                    <a:lnTo>
                      <a:pt x="1689" y="1563"/>
                    </a:lnTo>
                    <a:lnTo>
                      <a:pt x="1687" y="1563"/>
                    </a:lnTo>
                    <a:lnTo>
                      <a:pt x="1686" y="1563"/>
                    </a:lnTo>
                    <a:lnTo>
                      <a:pt x="1684" y="1563"/>
                    </a:lnTo>
                    <a:lnTo>
                      <a:pt x="1682" y="1563"/>
                    </a:lnTo>
                    <a:lnTo>
                      <a:pt x="1680" y="1563"/>
                    </a:lnTo>
                    <a:lnTo>
                      <a:pt x="1678" y="1563"/>
                    </a:lnTo>
                    <a:lnTo>
                      <a:pt x="1678" y="1564"/>
                    </a:lnTo>
                    <a:lnTo>
                      <a:pt x="1676" y="1564"/>
                    </a:lnTo>
                    <a:lnTo>
                      <a:pt x="1676" y="1566"/>
                    </a:lnTo>
                    <a:lnTo>
                      <a:pt x="1674" y="1566"/>
                    </a:lnTo>
                    <a:lnTo>
                      <a:pt x="1674" y="1564"/>
                    </a:lnTo>
                    <a:lnTo>
                      <a:pt x="1673" y="1564"/>
                    </a:lnTo>
                    <a:lnTo>
                      <a:pt x="1673" y="1563"/>
                    </a:lnTo>
                    <a:lnTo>
                      <a:pt x="1671" y="1563"/>
                    </a:lnTo>
                    <a:lnTo>
                      <a:pt x="1669" y="1561"/>
                    </a:lnTo>
                    <a:lnTo>
                      <a:pt x="1667" y="1559"/>
                    </a:lnTo>
                    <a:lnTo>
                      <a:pt x="1665" y="1557"/>
                    </a:lnTo>
                    <a:lnTo>
                      <a:pt x="1663" y="1557"/>
                    </a:lnTo>
                    <a:lnTo>
                      <a:pt x="1662" y="1557"/>
                    </a:lnTo>
                    <a:lnTo>
                      <a:pt x="1660" y="1557"/>
                    </a:lnTo>
                    <a:lnTo>
                      <a:pt x="1658" y="1557"/>
                    </a:lnTo>
                    <a:lnTo>
                      <a:pt x="1656" y="1557"/>
                    </a:lnTo>
                    <a:lnTo>
                      <a:pt x="1656" y="1555"/>
                    </a:lnTo>
                    <a:lnTo>
                      <a:pt x="1654" y="1555"/>
                    </a:lnTo>
                    <a:lnTo>
                      <a:pt x="1652" y="1555"/>
                    </a:lnTo>
                    <a:lnTo>
                      <a:pt x="1650" y="1555"/>
                    </a:lnTo>
                    <a:lnTo>
                      <a:pt x="1649" y="1555"/>
                    </a:lnTo>
                    <a:lnTo>
                      <a:pt x="1647" y="1555"/>
                    </a:lnTo>
                    <a:lnTo>
                      <a:pt x="1647" y="1553"/>
                    </a:lnTo>
                    <a:lnTo>
                      <a:pt x="1645" y="1553"/>
                    </a:lnTo>
                    <a:lnTo>
                      <a:pt x="1643" y="1551"/>
                    </a:lnTo>
                    <a:lnTo>
                      <a:pt x="1641" y="1551"/>
                    </a:lnTo>
                    <a:lnTo>
                      <a:pt x="1639" y="1550"/>
                    </a:lnTo>
                    <a:lnTo>
                      <a:pt x="1639" y="1548"/>
                    </a:lnTo>
                    <a:lnTo>
                      <a:pt x="1637" y="1548"/>
                    </a:lnTo>
                    <a:lnTo>
                      <a:pt x="1637" y="1546"/>
                    </a:lnTo>
                    <a:lnTo>
                      <a:pt x="1636" y="1546"/>
                    </a:lnTo>
                    <a:lnTo>
                      <a:pt x="1634" y="1546"/>
                    </a:lnTo>
                    <a:lnTo>
                      <a:pt x="1634" y="1544"/>
                    </a:lnTo>
                    <a:lnTo>
                      <a:pt x="1632" y="1544"/>
                    </a:lnTo>
                    <a:lnTo>
                      <a:pt x="1630" y="1544"/>
                    </a:lnTo>
                    <a:lnTo>
                      <a:pt x="1630" y="1546"/>
                    </a:lnTo>
                    <a:lnTo>
                      <a:pt x="1628" y="1546"/>
                    </a:lnTo>
                    <a:lnTo>
                      <a:pt x="1626" y="1546"/>
                    </a:lnTo>
                    <a:lnTo>
                      <a:pt x="1625" y="1546"/>
                    </a:lnTo>
                    <a:lnTo>
                      <a:pt x="1623" y="1544"/>
                    </a:lnTo>
                    <a:lnTo>
                      <a:pt x="1621" y="1544"/>
                    </a:lnTo>
                    <a:lnTo>
                      <a:pt x="1619" y="1544"/>
                    </a:lnTo>
                    <a:lnTo>
                      <a:pt x="1617" y="1544"/>
                    </a:lnTo>
                    <a:lnTo>
                      <a:pt x="1615" y="1544"/>
                    </a:lnTo>
                    <a:lnTo>
                      <a:pt x="1613" y="1544"/>
                    </a:lnTo>
                    <a:lnTo>
                      <a:pt x="1613" y="1542"/>
                    </a:lnTo>
                    <a:lnTo>
                      <a:pt x="1612" y="1542"/>
                    </a:lnTo>
                    <a:lnTo>
                      <a:pt x="1612" y="1544"/>
                    </a:lnTo>
                    <a:lnTo>
                      <a:pt x="1610" y="1544"/>
                    </a:lnTo>
                    <a:lnTo>
                      <a:pt x="1608" y="1546"/>
                    </a:lnTo>
                    <a:lnTo>
                      <a:pt x="1606" y="1546"/>
                    </a:lnTo>
                    <a:lnTo>
                      <a:pt x="1602" y="1548"/>
                    </a:lnTo>
                    <a:lnTo>
                      <a:pt x="1601" y="1548"/>
                    </a:lnTo>
                    <a:lnTo>
                      <a:pt x="1597" y="1551"/>
                    </a:lnTo>
                    <a:lnTo>
                      <a:pt x="1595" y="1551"/>
                    </a:lnTo>
                    <a:lnTo>
                      <a:pt x="1593" y="1553"/>
                    </a:lnTo>
                    <a:lnTo>
                      <a:pt x="1591" y="1555"/>
                    </a:lnTo>
                    <a:lnTo>
                      <a:pt x="1589" y="1555"/>
                    </a:lnTo>
                    <a:lnTo>
                      <a:pt x="1589" y="1553"/>
                    </a:lnTo>
                    <a:lnTo>
                      <a:pt x="1588" y="1553"/>
                    </a:lnTo>
                    <a:lnTo>
                      <a:pt x="1586" y="1553"/>
                    </a:lnTo>
                    <a:lnTo>
                      <a:pt x="1582" y="1555"/>
                    </a:lnTo>
                    <a:lnTo>
                      <a:pt x="1582" y="1557"/>
                    </a:lnTo>
                    <a:lnTo>
                      <a:pt x="1580" y="1557"/>
                    </a:lnTo>
                    <a:lnTo>
                      <a:pt x="1580" y="1559"/>
                    </a:lnTo>
                    <a:lnTo>
                      <a:pt x="1580" y="1561"/>
                    </a:lnTo>
                    <a:lnTo>
                      <a:pt x="1578" y="1563"/>
                    </a:lnTo>
                    <a:lnTo>
                      <a:pt x="1578" y="1564"/>
                    </a:lnTo>
                    <a:lnTo>
                      <a:pt x="1576" y="1564"/>
                    </a:lnTo>
                    <a:lnTo>
                      <a:pt x="1576" y="1566"/>
                    </a:lnTo>
                    <a:lnTo>
                      <a:pt x="1575" y="1568"/>
                    </a:lnTo>
                    <a:lnTo>
                      <a:pt x="1575" y="1570"/>
                    </a:lnTo>
                    <a:lnTo>
                      <a:pt x="1573" y="1572"/>
                    </a:lnTo>
                    <a:lnTo>
                      <a:pt x="1573" y="1574"/>
                    </a:lnTo>
                    <a:lnTo>
                      <a:pt x="1571" y="1574"/>
                    </a:lnTo>
                    <a:lnTo>
                      <a:pt x="1571" y="1576"/>
                    </a:lnTo>
                    <a:lnTo>
                      <a:pt x="1569" y="1576"/>
                    </a:lnTo>
                    <a:lnTo>
                      <a:pt x="1567" y="1576"/>
                    </a:lnTo>
                    <a:lnTo>
                      <a:pt x="1565" y="1576"/>
                    </a:lnTo>
                    <a:lnTo>
                      <a:pt x="1564" y="1574"/>
                    </a:lnTo>
                    <a:lnTo>
                      <a:pt x="1562" y="1574"/>
                    </a:lnTo>
                    <a:lnTo>
                      <a:pt x="1560" y="1576"/>
                    </a:lnTo>
                    <a:lnTo>
                      <a:pt x="1558" y="1576"/>
                    </a:lnTo>
                    <a:lnTo>
                      <a:pt x="1558" y="1577"/>
                    </a:lnTo>
                    <a:lnTo>
                      <a:pt x="1556" y="1577"/>
                    </a:lnTo>
                    <a:lnTo>
                      <a:pt x="1554" y="1577"/>
                    </a:lnTo>
                    <a:lnTo>
                      <a:pt x="1552" y="1577"/>
                    </a:lnTo>
                    <a:lnTo>
                      <a:pt x="1551" y="1579"/>
                    </a:lnTo>
                    <a:lnTo>
                      <a:pt x="1549" y="1581"/>
                    </a:lnTo>
                    <a:lnTo>
                      <a:pt x="1547" y="1581"/>
                    </a:lnTo>
                    <a:lnTo>
                      <a:pt x="1547" y="1583"/>
                    </a:lnTo>
                    <a:lnTo>
                      <a:pt x="1545" y="1585"/>
                    </a:lnTo>
                    <a:lnTo>
                      <a:pt x="1545" y="1587"/>
                    </a:lnTo>
                    <a:lnTo>
                      <a:pt x="1545" y="1588"/>
                    </a:lnTo>
                    <a:lnTo>
                      <a:pt x="1543" y="1588"/>
                    </a:lnTo>
                    <a:lnTo>
                      <a:pt x="1541" y="1590"/>
                    </a:lnTo>
                    <a:lnTo>
                      <a:pt x="1540" y="1590"/>
                    </a:lnTo>
                    <a:lnTo>
                      <a:pt x="1538" y="1592"/>
                    </a:lnTo>
                    <a:lnTo>
                      <a:pt x="1538" y="1594"/>
                    </a:lnTo>
                    <a:lnTo>
                      <a:pt x="1538" y="1596"/>
                    </a:lnTo>
                    <a:lnTo>
                      <a:pt x="1538" y="1598"/>
                    </a:lnTo>
                    <a:lnTo>
                      <a:pt x="1538" y="1600"/>
                    </a:lnTo>
                    <a:lnTo>
                      <a:pt x="1540" y="1601"/>
                    </a:lnTo>
                    <a:lnTo>
                      <a:pt x="1541" y="1603"/>
                    </a:lnTo>
                    <a:lnTo>
                      <a:pt x="1541" y="1605"/>
                    </a:lnTo>
                    <a:lnTo>
                      <a:pt x="1543" y="1605"/>
                    </a:lnTo>
                    <a:lnTo>
                      <a:pt x="1543" y="1607"/>
                    </a:lnTo>
                    <a:lnTo>
                      <a:pt x="1545" y="1607"/>
                    </a:lnTo>
                    <a:lnTo>
                      <a:pt x="1543" y="1609"/>
                    </a:lnTo>
                    <a:lnTo>
                      <a:pt x="1543" y="1611"/>
                    </a:lnTo>
                    <a:lnTo>
                      <a:pt x="1545" y="1612"/>
                    </a:lnTo>
                    <a:lnTo>
                      <a:pt x="1547" y="1614"/>
                    </a:lnTo>
                    <a:lnTo>
                      <a:pt x="1547" y="1616"/>
                    </a:lnTo>
                    <a:lnTo>
                      <a:pt x="1547" y="1618"/>
                    </a:lnTo>
                    <a:lnTo>
                      <a:pt x="1549" y="1618"/>
                    </a:lnTo>
                    <a:lnTo>
                      <a:pt x="1551" y="1620"/>
                    </a:lnTo>
                    <a:lnTo>
                      <a:pt x="1552" y="1624"/>
                    </a:lnTo>
                    <a:lnTo>
                      <a:pt x="1552" y="1625"/>
                    </a:lnTo>
                    <a:lnTo>
                      <a:pt x="1551" y="1625"/>
                    </a:lnTo>
                    <a:lnTo>
                      <a:pt x="1551" y="1627"/>
                    </a:lnTo>
                    <a:lnTo>
                      <a:pt x="1549" y="1629"/>
                    </a:lnTo>
                    <a:lnTo>
                      <a:pt x="1549" y="1631"/>
                    </a:lnTo>
                    <a:lnTo>
                      <a:pt x="1551" y="1635"/>
                    </a:lnTo>
                    <a:lnTo>
                      <a:pt x="1549" y="1635"/>
                    </a:lnTo>
                    <a:lnTo>
                      <a:pt x="1549" y="1637"/>
                    </a:lnTo>
                    <a:lnTo>
                      <a:pt x="1549" y="1638"/>
                    </a:lnTo>
                    <a:lnTo>
                      <a:pt x="1549" y="1640"/>
                    </a:lnTo>
                    <a:lnTo>
                      <a:pt x="1547" y="1640"/>
                    </a:lnTo>
                    <a:lnTo>
                      <a:pt x="1547" y="1642"/>
                    </a:lnTo>
                    <a:lnTo>
                      <a:pt x="1547" y="1644"/>
                    </a:lnTo>
                    <a:lnTo>
                      <a:pt x="1545" y="1644"/>
                    </a:lnTo>
                    <a:lnTo>
                      <a:pt x="1545" y="1646"/>
                    </a:lnTo>
                    <a:lnTo>
                      <a:pt x="1543" y="1646"/>
                    </a:lnTo>
                    <a:lnTo>
                      <a:pt x="1541" y="1646"/>
                    </a:lnTo>
                    <a:lnTo>
                      <a:pt x="1540" y="1646"/>
                    </a:lnTo>
                    <a:lnTo>
                      <a:pt x="1540" y="1648"/>
                    </a:lnTo>
                    <a:lnTo>
                      <a:pt x="1538" y="1648"/>
                    </a:lnTo>
                    <a:lnTo>
                      <a:pt x="1536" y="1649"/>
                    </a:lnTo>
                    <a:lnTo>
                      <a:pt x="1534" y="1651"/>
                    </a:lnTo>
                    <a:lnTo>
                      <a:pt x="1532" y="1651"/>
                    </a:lnTo>
                    <a:lnTo>
                      <a:pt x="1532" y="1653"/>
                    </a:lnTo>
                    <a:lnTo>
                      <a:pt x="1525" y="1657"/>
                    </a:lnTo>
                    <a:lnTo>
                      <a:pt x="1523" y="1655"/>
                    </a:lnTo>
                    <a:lnTo>
                      <a:pt x="1521" y="1655"/>
                    </a:lnTo>
                    <a:lnTo>
                      <a:pt x="1519" y="1655"/>
                    </a:lnTo>
                    <a:lnTo>
                      <a:pt x="1519" y="1657"/>
                    </a:lnTo>
                    <a:lnTo>
                      <a:pt x="1517" y="1657"/>
                    </a:lnTo>
                    <a:lnTo>
                      <a:pt x="1515" y="1657"/>
                    </a:lnTo>
                    <a:lnTo>
                      <a:pt x="1514" y="1657"/>
                    </a:lnTo>
                    <a:lnTo>
                      <a:pt x="1512" y="1657"/>
                    </a:lnTo>
                    <a:lnTo>
                      <a:pt x="1510" y="1657"/>
                    </a:lnTo>
                    <a:lnTo>
                      <a:pt x="1508" y="1657"/>
                    </a:lnTo>
                    <a:lnTo>
                      <a:pt x="1508" y="1659"/>
                    </a:lnTo>
                    <a:lnTo>
                      <a:pt x="1506" y="1661"/>
                    </a:lnTo>
                    <a:lnTo>
                      <a:pt x="1504" y="1661"/>
                    </a:lnTo>
                    <a:lnTo>
                      <a:pt x="1504" y="1662"/>
                    </a:lnTo>
                    <a:lnTo>
                      <a:pt x="1503" y="1662"/>
                    </a:lnTo>
                    <a:lnTo>
                      <a:pt x="1501" y="1664"/>
                    </a:lnTo>
                    <a:lnTo>
                      <a:pt x="1499" y="1666"/>
                    </a:lnTo>
                    <a:lnTo>
                      <a:pt x="1499" y="1668"/>
                    </a:lnTo>
                    <a:lnTo>
                      <a:pt x="1497" y="1668"/>
                    </a:lnTo>
                    <a:lnTo>
                      <a:pt x="1497" y="1670"/>
                    </a:lnTo>
                    <a:lnTo>
                      <a:pt x="1497" y="1672"/>
                    </a:lnTo>
                    <a:lnTo>
                      <a:pt x="1495" y="1674"/>
                    </a:lnTo>
                    <a:lnTo>
                      <a:pt x="1495" y="1675"/>
                    </a:lnTo>
                    <a:lnTo>
                      <a:pt x="1495" y="1677"/>
                    </a:lnTo>
                    <a:lnTo>
                      <a:pt x="1493" y="1677"/>
                    </a:lnTo>
                    <a:lnTo>
                      <a:pt x="1491" y="1677"/>
                    </a:lnTo>
                    <a:lnTo>
                      <a:pt x="1490" y="1677"/>
                    </a:lnTo>
                    <a:lnTo>
                      <a:pt x="1490" y="1679"/>
                    </a:lnTo>
                    <a:lnTo>
                      <a:pt x="1488" y="1679"/>
                    </a:lnTo>
                    <a:lnTo>
                      <a:pt x="1486" y="1679"/>
                    </a:lnTo>
                    <a:lnTo>
                      <a:pt x="1486" y="1681"/>
                    </a:lnTo>
                    <a:lnTo>
                      <a:pt x="1484" y="1681"/>
                    </a:lnTo>
                    <a:lnTo>
                      <a:pt x="1484" y="1683"/>
                    </a:lnTo>
                    <a:lnTo>
                      <a:pt x="1482" y="1683"/>
                    </a:lnTo>
                    <a:lnTo>
                      <a:pt x="1486" y="1685"/>
                    </a:lnTo>
                    <a:lnTo>
                      <a:pt x="1486" y="1686"/>
                    </a:lnTo>
                    <a:lnTo>
                      <a:pt x="1484" y="1690"/>
                    </a:lnTo>
                    <a:lnTo>
                      <a:pt x="1482" y="1690"/>
                    </a:lnTo>
                    <a:lnTo>
                      <a:pt x="1480" y="1690"/>
                    </a:lnTo>
                    <a:lnTo>
                      <a:pt x="1479" y="1690"/>
                    </a:lnTo>
                    <a:lnTo>
                      <a:pt x="1477" y="1690"/>
                    </a:lnTo>
                    <a:lnTo>
                      <a:pt x="1475" y="1690"/>
                    </a:lnTo>
                    <a:lnTo>
                      <a:pt x="1473" y="1690"/>
                    </a:lnTo>
                    <a:lnTo>
                      <a:pt x="1471" y="1692"/>
                    </a:lnTo>
                    <a:lnTo>
                      <a:pt x="1471" y="1694"/>
                    </a:lnTo>
                    <a:lnTo>
                      <a:pt x="1469" y="1696"/>
                    </a:lnTo>
                    <a:lnTo>
                      <a:pt x="1467" y="1698"/>
                    </a:lnTo>
                    <a:lnTo>
                      <a:pt x="1467" y="1699"/>
                    </a:lnTo>
                    <a:lnTo>
                      <a:pt x="1466" y="1699"/>
                    </a:lnTo>
                    <a:lnTo>
                      <a:pt x="1464" y="1699"/>
                    </a:lnTo>
                    <a:lnTo>
                      <a:pt x="1462" y="1699"/>
                    </a:lnTo>
                    <a:lnTo>
                      <a:pt x="1460" y="1699"/>
                    </a:lnTo>
                    <a:lnTo>
                      <a:pt x="1458" y="1699"/>
                    </a:lnTo>
                    <a:lnTo>
                      <a:pt x="1458" y="1701"/>
                    </a:lnTo>
                    <a:lnTo>
                      <a:pt x="1456" y="1701"/>
                    </a:lnTo>
                    <a:lnTo>
                      <a:pt x="1454" y="1701"/>
                    </a:lnTo>
                    <a:lnTo>
                      <a:pt x="1453" y="1703"/>
                    </a:lnTo>
                    <a:lnTo>
                      <a:pt x="1453" y="1705"/>
                    </a:lnTo>
                    <a:lnTo>
                      <a:pt x="1451" y="1705"/>
                    </a:lnTo>
                    <a:lnTo>
                      <a:pt x="1449" y="1707"/>
                    </a:lnTo>
                    <a:lnTo>
                      <a:pt x="1447" y="1709"/>
                    </a:lnTo>
                    <a:lnTo>
                      <a:pt x="1445" y="1709"/>
                    </a:lnTo>
                    <a:lnTo>
                      <a:pt x="1443" y="1709"/>
                    </a:lnTo>
                    <a:lnTo>
                      <a:pt x="1442" y="1709"/>
                    </a:lnTo>
                    <a:lnTo>
                      <a:pt x="1440" y="1709"/>
                    </a:lnTo>
                    <a:lnTo>
                      <a:pt x="1438" y="1707"/>
                    </a:lnTo>
                    <a:lnTo>
                      <a:pt x="1436" y="1707"/>
                    </a:lnTo>
                    <a:lnTo>
                      <a:pt x="1436" y="1709"/>
                    </a:lnTo>
                    <a:lnTo>
                      <a:pt x="1434" y="1709"/>
                    </a:lnTo>
                    <a:lnTo>
                      <a:pt x="1432" y="1711"/>
                    </a:lnTo>
                    <a:lnTo>
                      <a:pt x="1432" y="1712"/>
                    </a:lnTo>
                    <a:lnTo>
                      <a:pt x="1430" y="1712"/>
                    </a:lnTo>
                    <a:lnTo>
                      <a:pt x="1427" y="1712"/>
                    </a:lnTo>
                    <a:lnTo>
                      <a:pt x="1427" y="1714"/>
                    </a:lnTo>
                    <a:lnTo>
                      <a:pt x="1425" y="1714"/>
                    </a:lnTo>
                    <a:lnTo>
                      <a:pt x="1423" y="1714"/>
                    </a:lnTo>
                    <a:lnTo>
                      <a:pt x="1423" y="1716"/>
                    </a:lnTo>
                    <a:lnTo>
                      <a:pt x="1421" y="1716"/>
                    </a:lnTo>
                    <a:lnTo>
                      <a:pt x="1419" y="1716"/>
                    </a:lnTo>
                    <a:lnTo>
                      <a:pt x="1418" y="1716"/>
                    </a:lnTo>
                    <a:lnTo>
                      <a:pt x="1418" y="1718"/>
                    </a:lnTo>
                    <a:lnTo>
                      <a:pt x="1416" y="1718"/>
                    </a:lnTo>
                    <a:lnTo>
                      <a:pt x="1414" y="1718"/>
                    </a:lnTo>
                    <a:lnTo>
                      <a:pt x="1412" y="1718"/>
                    </a:lnTo>
                    <a:lnTo>
                      <a:pt x="1410" y="1718"/>
                    </a:lnTo>
                    <a:lnTo>
                      <a:pt x="1408" y="1718"/>
                    </a:lnTo>
                    <a:lnTo>
                      <a:pt x="1406" y="1718"/>
                    </a:lnTo>
                    <a:lnTo>
                      <a:pt x="1405" y="1718"/>
                    </a:lnTo>
                    <a:lnTo>
                      <a:pt x="1403" y="1718"/>
                    </a:lnTo>
                    <a:lnTo>
                      <a:pt x="1401" y="1718"/>
                    </a:lnTo>
                    <a:lnTo>
                      <a:pt x="1399" y="1718"/>
                    </a:lnTo>
                    <a:lnTo>
                      <a:pt x="1397" y="1718"/>
                    </a:lnTo>
                    <a:lnTo>
                      <a:pt x="1395" y="1718"/>
                    </a:lnTo>
                    <a:lnTo>
                      <a:pt x="1393" y="1718"/>
                    </a:lnTo>
                    <a:lnTo>
                      <a:pt x="1390" y="1718"/>
                    </a:lnTo>
                    <a:lnTo>
                      <a:pt x="1384" y="1720"/>
                    </a:lnTo>
                    <a:lnTo>
                      <a:pt x="1382" y="1720"/>
                    </a:lnTo>
                    <a:lnTo>
                      <a:pt x="1381" y="1720"/>
                    </a:lnTo>
                    <a:lnTo>
                      <a:pt x="1379" y="1718"/>
                    </a:lnTo>
                    <a:lnTo>
                      <a:pt x="1379" y="1716"/>
                    </a:lnTo>
                    <a:lnTo>
                      <a:pt x="1377" y="1716"/>
                    </a:lnTo>
                    <a:lnTo>
                      <a:pt x="1375" y="1716"/>
                    </a:lnTo>
                    <a:lnTo>
                      <a:pt x="1373" y="1716"/>
                    </a:lnTo>
                    <a:lnTo>
                      <a:pt x="1373" y="1718"/>
                    </a:lnTo>
                    <a:lnTo>
                      <a:pt x="1371" y="1718"/>
                    </a:lnTo>
                    <a:lnTo>
                      <a:pt x="1369" y="1720"/>
                    </a:lnTo>
                    <a:lnTo>
                      <a:pt x="1368" y="1720"/>
                    </a:lnTo>
                    <a:lnTo>
                      <a:pt x="1369" y="1720"/>
                    </a:lnTo>
                    <a:lnTo>
                      <a:pt x="1368" y="1720"/>
                    </a:lnTo>
                    <a:lnTo>
                      <a:pt x="1366" y="1722"/>
                    </a:lnTo>
                    <a:lnTo>
                      <a:pt x="1366" y="1723"/>
                    </a:lnTo>
                    <a:lnTo>
                      <a:pt x="1364" y="1723"/>
                    </a:lnTo>
                    <a:lnTo>
                      <a:pt x="1364" y="1725"/>
                    </a:lnTo>
                    <a:lnTo>
                      <a:pt x="1362" y="1725"/>
                    </a:lnTo>
                    <a:lnTo>
                      <a:pt x="1360" y="1725"/>
                    </a:lnTo>
                    <a:lnTo>
                      <a:pt x="1360" y="1727"/>
                    </a:lnTo>
                    <a:lnTo>
                      <a:pt x="1358" y="1727"/>
                    </a:lnTo>
                    <a:lnTo>
                      <a:pt x="1358" y="1729"/>
                    </a:lnTo>
                    <a:lnTo>
                      <a:pt x="1357" y="1729"/>
                    </a:lnTo>
                    <a:lnTo>
                      <a:pt x="1355" y="1729"/>
                    </a:lnTo>
                    <a:lnTo>
                      <a:pt x="1353" y="1729"/>
                    </a:lnTo>
                    <a:lnTo>
                      <a:pt x="1353" y="1731"/>
                    </a:lnTo>
                    <a:lnTo>
                      <a:pt x="1351" y="1731"/>
                    </a:lnTo>
                    <a:lnTo>
                      <a:pt x="1351" y="1733"/>
                    </a:lnTo>
                    <a:lnTo>
                      <a:pt x="1349" y="1733"/>
                    </a:lnTo>
                    <a:lnTo>
                      <a:pt x="1349" y="1735"/>
                    </a:lnTo>
                    <a:lnTo>
                      <a:pt x="1347" y="1736"/>
                    </a:lnTo>
                    <a:lnTo>
                      <a:pt x="1345" y="1738"/>
                    </a:lnTo>
                    <a:lnTo>
                      <a:pt x="1347" y="1738"/>
                    </a:lnTo>
                    <a:lnTo>
                      <a:pt x="1347" y="1740"/>
                    </a:lnTo>
                    <a:lnTo>
                      <a:pt x="1345" y="1740"/>
                    </a:lnTo>
                    <a:lnTo>
                      <a:pt x="1308" y="1757"/>
                    </a:lnTo>
                    <a:lnTo>
                      <a:pt x="1307" y="1759"/>
                    </a:lnTo>
                    <a:lnTo>
                      <a:pt x="1305" y="1760"/>
                    </a:lnTo>
                    <a:lnTo>
                      <a:pt x="1305" y="1762"/>
                    </a:lnTo>
                    <a:lnTo>
                      <a:pt x="1303" y="1764"/>
                    </a:lnTo>
                    <a:lnTo>
                      <a:pt x="1301" y="1764"/>
                    </a:lnTo>
                    <a:lnTo>
                      <a:pt x="1301" y="1766"/>
                    </a:lnTo>
                    <a:lnTo>
                      <a:pt x="1299" y="1768"/>
                    </a:lnTo>
                    <a:lnTo>
                      <a:pt x="1297" y="1768"/>
                    </a:lnTo>
                    <a:lnTo>
                      <a:pt x="1296" y="1770"/>
                    </a:lnTo>
                    <a:lnTo>
                      <a:pt x="1294" y="1770"/>
                    </a:lnTo>
                    <a:lnTo>
                      <a:pt x="1292" y="1772"/>
                    </a:lnTo>
                    <a:lnTo>
                      <a:pt x="1290" y="1773"/>
                    </a:lnTo>
                    <a:lnTo>
                      <a:pt x="1290" y="1775"/>
                    </a:lnTo>
                    <a:lnTo>
                      <a:pt x="1288" y="1777"/>
                    </a:lnTo>
                    <a:lnTo>
                      <a:pt x="1286" y="1779"/>
                    </a:lnTo>
                    <a:lnTo>
                      <a:pt x="1284" y="1779"/>
                    </a:lnTo>
                    <a:lnTo>
                      <a:pt x="1284" y="1781"/>
                    </a:lnTo>
                    <a:lnTo>
                      <a:pt x="1283" y="1783"/>
                    </a:lnTo>
                    <a:lnTo>
                      <a:pt x="1281" y="1783"/>
                    </a:lnTo>
                    <a:lnTo>
                      <a:pt x="1281" y="1785"/>
                    </a:lnTo>
                    <a:lnTo>
                      <a:pt x="1279" y="1786"/>
                    </a:lnTo>
                    <a:lnTo>
                      <a:pt x="1281" y="1788"/>
                    </a:lnTo>
                    <a:lnTo>
                      <a:pt x="1279" y="1790"/>
                    </a:lnTo>
                    <a:lnTo>
                      <a:pt x="1277" y="1790"/>
                    </a:lnTo>
                    <a:lnTo>
                      <a:pt x="1275" y="1790"/>
                    </a:lnTo>
                    <a:lnTo>
                      <a:pt x="1273" y="1790"/>
                    </a:lnTo>
                    <a:lnTo>
                      <a:pt x="1271" y="1792"/>
                    </a:lnTo>
                    <a:lnTo>
                      <a:pt x="1270" y="1792"/>
                    </a:lnTo>
                    <a:lnTo>
                      <a:pt x="1268" y="1794"/>
                    </a:lnTo>
                    <a:lnTo>
                      <a:pt x="1268" y="1796"/>
                    </a:lnTo>
                    <a:lnTo>
                      <a:pt x="1266" y="1797"/>
                    </a:lnTo>
                    <a:lnTo>
                      <a:pt x="1264" y="1797"/>
                    </a:lnTo>
                    <a:lnTo>
                      <a:pt x="1262" y="1797"/>
                    </a:lnTo>
                    <a:lnTo>
                      <a:pt x="1262" y="1796"/>
                    </a:lnTo>
                    <a:lnTo>
                      <a:pt x="1260" y="1797"/>
                    </a:lnTo>
                    <a:lnTo>
                      <a:pt x="1260" y="1799"/>
                    </a:lnTo>
                    <a:lnTo>
                      <a:pt x="1260" y="1801"/>
                    </a:lnTo>
                    <a:lnTo>
                      <a:pt x="1259" y="1801"/>
                    </a:lnTo>
                    <a:lnTo>
                      <a:pt x="1257" y="1803"/>
                    </a:lnTo>
                    <a:lnTo>
                      <a:pt x="1255" y="1803"/>
                    </a:lnTo>
                    <a:lnTo>
                      <a:pt x="1255" y="1805"/>
                    </a:lnTo>
                    <a:lnTo>
                      <a:pt x="1253" y="1805"/>
                    </a:lnTo>
                    <a:lnTo>
                      <a:pt x="1251" y="1807"/>
                    </a:lnTo>
                    <a:lnTo>
                      <a:pt x="1249" y="1807"/>
                    </a:lnTo>
                    <a:lnTo>
                      <a:pt x="1247" y="1807"/>
                    </a:lnTo>
                    <a:lnTo>
                      <a:pt x="1247" y="1809"/>
                    </a:lnTo>
                    <a:lnTo>
                      <a:pt x="1247" y="1810"/>
                    </a:lnTo>
                    <a:lnTo>
                      <a:pt x="1246" y="1810"/>
                    </a:lnTo>
                    <a:lnTo>
                      <a:pt x="1246" y="1812"/>
                    </a:lnTo>
                    <a:lnTo>
                      <a:pt x="1244" y="1812"/>
                    </a:lnTo>
                    <a:lnTo>
                      <a:pt x="1242" y="1812"/>
                    </a:lnTo>
                    <a:lnTo>
                      <a:pt x="1242" y="1814"/>
                    </a:lnTo>
                    <a:lnTo>
                      <a:pt x="1240" y="1814"/>
                    </a:lnTo>
                    <a:lnTo>
                      <a:pt x="1238" y="1816"/>
                    </a:lnTo>
                    <a:lnTo>
                      <a:pt x="1236" y="1816"/>
                    </a:lnTo>
                    <a:lnTo>
                      <a:pt x="1235" y="1818"/>
                    </a:lnTo>
                    <a:lnTo>
                      <a:pt x="1233" y="1820"/>
                    </a:lnTo>
                    <a:lnTo>
                      <a:pt x="1231" y="1820"/>
                    </a:lnTo>
                    <a:lnTo>
                      <a:pt x="1231" y="1822"/>
                    </a:lnTo>
                    <a:lnTo>
                      <a:pt x="1229" y="1822"/>
                    </a:lnTo>
                    <a:lnTo>
                      <a:pt x="1229" y="1823"/>
                    </a:lnTo>
                    <a:lnTo>
                      <a:pt x="1227" y="1825"/>
                    </a:lnTo>
                    <a:lnTo>
                      <a:pt x="1225" y="1825"/>
                    </a:lnTo>
                    <a:lnTo>
                      <a:pt x="1225" y="1827"/>
                    </a:lnTo>
                    <a:lnTo>
                      <a:pt x="1223" y="1827"/>
                    </a:lnTo>
                    <a:lnTo>
                      <a:pt x="1222" y="1827"/>
                    </a:lnTo>
                    <a:lnTo>
                      <a:pt x="1220" y="1827"/>
                    </a:lnTo>
                    <a:lnTo>
                      <a:pt x="1220" y="1829"/>
                    </a:lnTo>
                    <a:lnTo>
                      <a:pt x="1218" y="1831"/>
                    </a:lnTo>
                    <a:lnTo>
                      <a:pt x="1216" y="1831"/>
                    </a:lnTo>
                    <a:lnTo>
                      <a:pt x="1214" y="1833"/>
                    </a:lnTo>
                    <a:lnTo>
                      <a:pt x="1212" y="1833"/>
                    </a:lnTo>
                    <a:lnTo>
                      <a:pt x="1209" y="1834"/>
                    </a:lnTo>
                    <a:lnTo>
                      <a:pt x="1199" y="1834"/>
                    </a:lnTo>
                    <a:lnTo>
                      <a:pt x="1194" y="1842"/>
                    </a:lnTo>
                    <a:lnTo>
                      <a:pt x="1194" y="1844"/>
                    </a:lnTo>
                    <a:lnTo>
                      <a:pt x="1192" y="1846"/>
                    </a:lnTo>
                    <a:lnTo>
                      <a:pt x="1192" y="1847"/>
                    </a:lnTo>
                    <a:lnTo>
                      <a:pt x="1181" y="1849"/>
                    </a:lnTo>
                    <a:lnTo>
                      <a:pt x="1177" y="1846"/>
                    </a:lnTo>
                    <a:lnTo>
                      <a:pt x="1175" y="1846"/>
                    </a:lnTo>
                    <a:lnTo>
                      <a:pt x="1175" y="1844"/>
                    </a:lnTo>
                    <a:lnTo>
                      <a:pt x="1174" y="1844"/>
                    </a:lnTo>
                    <a:lnTo>
                      <a:pt x="1174" y="1842"/>
                    </a:lnTo>
                    <a:lnTo>
                      <a:pt x="1172" y="1842"/>
                    </a:lnTo>
                    <a:lnTo>
                      <a:pt x="1172" y="1840"/>
                    </a:lnTo>
                    <a:lnTo>
                      <a:pt x="1170" y="1840"/>
                    </a:lnTo>
                    <a:lnTo>
                      <a:pt x="1168" y="1838"/>
                    </a:lnTo>
                    <a:lnTo>
                      <a:pt x="1166" y="1836"/>
                    </a:lnTo>
                    <a:lnTo>
                      <a:pt x="1164" y="1834"/>
                    </a:lnTo>
                    <a:lnTo>
                      <a:pt x="1164" y="1833"/>
                    </a:lnTo>
                    <a:lnTo>
                      <a:pt x="1162" y="1833"/>
                    </a:lnTo>
                    <a:lnTo>
                      <a:pt x="1162" y="1831"/>
                    </a:lnTo>
                    <a:lnTo>
                      <a:pt x="1161" y="1829"/>
                    </a:lnTo>
                    <a:lnTo>
                      <a:pt x="1161" y="1827"/>
                    </a:lnTo>
                    <a:lnTo>
                      <a:pt x="1159" y="1827"/>
                    </a:lnTo>
                    <a:lnTo>
                      <a:pt x="1157" y="1827"/>
                    </a:lnTo>
                    <a:lnTo>
                      <a:pt x="1155" y="1827"/>
                    </a:lnTo>
                    <a:lnTo>
                      <a:pt x="1153" y="1827"/>
                    </a:lnTo>
                    <a:lnTo>
                      <a:pt x="1153" y="1825"/>
                    </a:lnTo>
                    <a:lnTo>
                      <a:pt x="1151" y="1825"/>
                    </a:lnTo>
                    <a:lnTo>
                      <a:pt x="1149" y="1825"/>
                    </a:lnTo>
                    <a:lnTo>
                      <a:pt x="1149" y="1823"/>
                    </a:lnTo>
                    <a:lnTo>
                      <a:pt x="1148" y="1825"/>
                    </a:lnTo>
                    <a:lnTo>
                      <a:pt x="1148" y="1823"/>
                    </a:lnTo>
                    <a:lnTo>
                      <a:pt x="1146" y="1823"/>
                    </a:lnTo>
                    <a:lnTo>
                      <a:pt x="1144" y="1823"/>
                    </a:lnTo>
                    <a:lnTo>
                      <a:pt x="1144" y="1822"/>
                    </a:lnTo>
                    <a:lnTo>
                      <a:pt x="1142" y="1822"/>
                    </a:lnTo>
                    <a:lnTo>
                      <a:pt x="1140" y="1822"/>
                    </a:lnTo>
                    <a:lnTo>
                      <a:pt x="1140" y="1820"/>
                    </a:lnTo>
                    <a:lnTo>
                      <a:pt x="1138" y="1820"/>
                    </a:lnTo>
                    <a:lnTo>
                      <a:pt x="1096" y="1801"/>
                    </a:lnTo>
                    <a:lnTo>
                      <a:pt x="1092" y="1801"/>
                    </a:lnTo>
                    <a:lnTo>
                      <a:pt x="1087" y="1797"/>
                    </a:lnTo>
                    <a:lnTo>
                      <a:pt x="1081" y="1796"/>
                    </a:lnTo>
                    <a:lnTo>
                      <a:pt x="1077" y="1794"/>
                    </a:lnTo>
                    <a:lnTo>
                      <a:pt x="1076" y="1792"/>
                    </a:lnTo>
                    <a:lnTo>
                      <a:pt x="1064" y="1786"/>
                    </a:lnTo>
                    <a:lnTo>
                      <a:pt x="1064" y="1788"/>
                    </a:lnTo>
                    <a:lnTo>
                      <a:pt x="1064" y="1790"/>
                    </a:lnTo>
                    <a:lnTo>
                      <a:pt x="1063" y="1792"/>
                    </a:lnTo>
                    <a:lnTo>
                      <a:pt x="1063" y="1794"/>
                    </a:lnTo>
                    <a:lnTo>
                      <a:pt x="1061" y="1794"/>
                    </a:lnTo>
                    <a:lnTo>
                      <a:pt x="1059" y="1796"/>
                    </a:lnTo>
                    <a:lnTo>
                      <a:pt x="1059" y="1797"/>
                    </a:lnTo>
                    <a:lnTo>
                      <a:pt x="1057" y="1799"/>
                    </a:lnTo>
                    <a:lnTo>
                      <a:pt x="1055" y="1799"/>
                    </a:lnTo>
                    <a:lnTo>
                      <a:pt x="1055" y="1801"/>
                    </a:lnTo>
                    <a:lnTo>
                      <a:pt x="1053" y="1801"/>
                    </a:lnTo>
                    <a:lnTo>
                      <a:pt x="1051" y="1801"/>
                    </a:lnTo>
                    <a:lnTo>
                      <a:pt x="1050" y="1801"/>
                    </a:lnTo>
                    <a:lnTo>
                      <a:pt x="1048" y="1801"/>
                    </a:lnTo>
                    <a:lnTo>
                      <a:pt x="1046" y="1803"/>
                    </a:lnTo>
                    <a:lnTo>
                      <a:pt x="1044" y="1803"/>
                    </a:lnTo>
                    <a:lnTo>
                      <a:pt x="1042" y="1803"/>
                    </a:lnTo>
                    <a:lnTo>
                      <a:pt x="1042" y="1805"/>
                    </a:lnTo>
                    <a:lnTo>
                      <a:pt x="1042" y="1807"/>
                    </a:lnTo>
                    <a:lnTo>
                      <a:pt x="1040" y="1807"/>
                    </a:lnTo>
                    <a:lnTo>
                      <a:pt x="1040" y="1809"/>
                    </a:lnTo>
                    <a:lnTo>
                      <a:pt x="1040" y="1810"/>
                    </a:lnTo>
                    <a:lnTo>
                      <a:pt x="1040" y="1812"/>
                    </a:lnTo>
                    <a:lnTo>
                      <a:pt x="1042" y="1814"/>
                    </a:lnTo>
                    <a:lnTo>
                      <a:pt x="1042" y="1816"/>
                    </a:lnTo>
                    <a:lnTo>
                      <a:pt x="1042" y="1818"/>
                    </a:lnTo>
                    <a:lnTo>
                      <a:pt x="1042" y="1820"/>
                    </a:lnTo>
                    <a:lnTo>
                      <a:pt x="1040" y="1822"/>
                    </a:lnTo>
                    <a:lnTo>
                      <a:pt x="1040" y="1823"/>
                    </a:lnTo>
                    <a:lnTo>
                      <a:pt x="1040" y="1825"/>
                    </a:lnTo>
                    <a:lnTo>
                      <a:pt x="1040" y="1827"/>
                    </a:lnTo>
                    <a:lnTo>
                      <a:pt x="1039" y="1827"/>
                    </a:lnTo>
                    <a:lnTo>
                      <a:pt x="1039" y="1829"/>
                    </a:lnTo>
                    <a:lnTo>
                      <a:pt x="1037" y="1829"/>
                    </a:lnTo>
                    <a:lnTo>
                      <a:pt x="1033" y="1833"/>
                    </a:lnTo>
                    <a:lnTo>
                      <a:pt x="1031" y="1833"/>
                    </a:lnTo>
                    <a:lnTo>
                      <a:pt x="1029" y="1831"/>
                    </a:lnTo>
                    <a:lnTo>
                      <a:pt x="1029" y="1833"/>
                    </a:lnTo>
                    <a:lnTo>
                      <a:pt x="1027" y="1833"/>
                    </a:lnTo>
                    <a:lnTo>
                      <a:pt x="1027" y="1834"/>
                    </a:lnTo>
                    <a:lnTo>
                      <a:pt x="1026" y="1834"/>
                    </a:lnTo>
                    <a:lnTo>
                      <a:pt x="1026" y="1836"/>
                    </a:lnTo>
                    <a:lnTo>
                      <a:pt x="1026" y="1838"/>
                    </a:lnTo>
                    <a:lnTo>
                      <a:pt x="1027" y="1842"/>
                    </a:lnTo>
                    <a:lnTo>
                      <a:pt x="1029" y="1844"/>
                    </a:lnTo>
                    <a:lnTo>
                      <a:pt x="1029" y="1846"/>
                    </a:lnTo>
                    <a:lnTo>
                      <a:pt x="1027" y="1847"/>
                    </a:lnTo>
                    <a:lnTo>
                      <a:pt x="1026" y="1849"/>
                    </a:lnTo>
                    <a:lnTo>
                      <a:pt x="1024" y="1851"/>
                    </a:lnTo>
                    <a:lnTo>
                      <a:pt x="1024" y="1853"/>
                    </a:lnTo>
                    <a:lnTo>
                      <a:pt x="1024" y="1855"/>
                    </a:lnTo>
                    <a:lnTo>
                      <a:pt x="1022" y="1855"/>
                    </a:lnTo>
                    <a:lnTo>
                      <a:pt x="1020" y="1855"/>
                    </a:lnTo>
                    <a:lnTo>
                      <a:pt x="1018" y="1853"/>
                    </a:lnTo>
                    <a:lnTo>
                      <a:pt x="1016" y="1853"/>
                    </a:lnTo>
                    <a:lnTo>
                      <a:pt x="1015" y="1853"/>
                    </a:lnTo>
                    <a:lnTo>
                      <a:pt x="1013" y="1853"/>
                    </a:lnTo>
                    <a:lnTo>
                      <a:pt x="1011" y="1851"/>
                    </a:lnTo>
                    <a:lnTo>
                      <a:pt x="1009" y="1851"/>
                    </a:lnTo>
                    <a:lnTo>
                      <a:pt x="1009" y="1849"/>
                    </a:lnTo>
                    <a:lnTo>
                      <a:pt x="1007" y="1849"/>
                    </a:lnTo>
                    <a:lnTo>
                      <a:pt x="1007" y="1847"/>
                    </a:lnTo>
                    <a:lnTo>
                      <a:pt x="1005" y="1846"/>
                    </a:lnTo>
                    <a:lnTo>
                      <a:pt x="1005" y="1844"/>
                    </a:lnTo>
                    <a:lnTo>
                      <a:pt x="1003" y="1844"/>
                    </a:lnTo>
                    <a:lnTo>
                      <a:pt x="1002" y="1842"/>
                    </a:lnTo>
                    <a:lnTo>
                      <a:pt x="1002" y="1844"/>
                    </a:lnTo>
                    <a:lnTo>
                      <a:pt x="1000" y="1844"/>
                    </a:lnTo>
                    <a:lnTo>
                      <a:pt x="998" y="1844"/>
                    </a:lnTo>
                    <a:lnTo>
                      <a:pt x="996" y="1844"/>
                    </a:lnTo>
                    <a:lnTo>
                      <a:pt x="994" y="1844"/>
                    </a:lnTo>
                    <a:lnTo>
                      <a:pt x="994" y="1846"/>
                    </a:lnTo>
                    <a:lnTo>
                      <a:pt x="992" y="1847"/>
                    </a:lnTo>
                    <a:lnTo>
                      <a:pt x="992" y="1846"/>
                    </a:lnTo>
                    <a:lnTo>
                      <a:pt x="990" y="1847"/>
                    </a:lnTo>
                    <a:lnTo>
                      <a:pt x="989" y="1849"/>
                    </a:lnTo>
                    <a:lnTo>
                      <a:pt x="987" y="1849"/>
                    </a:lnTo>
                    <a:lnTo>
                      <a:pt x="985" y="1849"/>
                    </a:lnTo>
                    <a:lnTo>
                      <a:pt x="983" y="1849"/>
                    </a:lnTo>
                    <a:lnTo>
                      <a:pt x="981" y="1849"/>
                    </a:lnTo>
                    <a:lnTo>
                      <a:pt x="979" y="1849"/>
                    </a:lnTo>
                    <a:lnTo>
                      <a:pt x="978" y="1851"/>
                    </a:lnTo>
                    <a:lnTo>
                      <a:pt x="976" y="1851"/>
                    </a:lnTo>
                    <a:lnTo>
                      <a:pt x="976" y="1853"/>
                    </a:lnTo>
                    <a:lnTo>
                      <a:pt x="974" y="1851"/>
                    </a:lnTo>
                    <a:lnTo>
                      <a:pt x="970" y="1851"/>
                    </a:lnTo>
                    <a:lnTo>
                      <a:pt x="965" y="1851"/>
                    </a:lnTo>
                    <a:lnTo>
                      <a:pt x="963" y="1851"/>
                    </a:lnTo>
                    <a:lnTo>
                      <a:pt x="961" y="1853"/>
                    </a:lnTo>
                    <a:lnTo>
                      <a:pt x="959" y="1853"/>
                    </a:lnTo>
                    <a:lnTo>
                      <a:pt x="959" y="1855"/>
                    </a:lnTo>
                    <a:lnTo>
                      <a:pt x="957" y="1855"/>
                    </a:lnTo>
                    <a:lnTo>
                      <a:pt x="955" y="1855"/>
                    </a:lnTo>
                    <a:lnTo>
                      <a:pt x="954" y="1855"/>
                    </a:lnTo>
                    <a:lnTo>
                      <a:pt x="952" y="1855"/>
                    </a:lnTo>
                    <a:lnTo>
                      <a:pt x="950" y="1855"/>
                    </a:lnTo>
                    <a:lnTo>
                      <a:pt x="950" y="1853"/>
                    </a:lnTo>
                    <a:lnTo>
                      <a:pt x="950" y="1855"/>
                    </a:lnTo>
                    <a:lnTo>
                      <a:pt x="948" y="1855"/>
                    </a:lnTo>
                    <a:lnTo>
                      <a:pt x="946" y="1855"/>
                    </a:lnTo>
                    <a:lnTo>
                      <a:pt x="944" y="1855"/>
                    </a:lnTo>
                    <a:lnTo>
                      <a:pt x="942" y="1855"/>
                    </a:lnTo>
                    <a:lnTo>
                      <a:pt x="942" y="1857"/>
                    </a:lnTo>
                    <a:lnTo>
                      <a:pt x="941" y="1857"/>
                    </a:lnTo>
                    <a:lnTo>
                      <a:pt x="941" y="1859"/>
                    </a:lnTo>
                    <a:lnTo>
                      <a:pt x="939" y="1859"/>
                    </a:lnTo>
                    <a:lnTo>
                      <a:pt x="937" y="1859"/>
                    </a:lnTo>
                    <a:lnTo>
                      <a:pt x="935" y="1859"/>
                    </a:lnTo>
                    <a:lnTo>
                      <a:pt x="935" y="1860"/>
                    </a:lnTo>
                    <a:lnTo>
                      <a:pt x="933" y="1860"/>
                    </a:lnTo>
                    <a:lnTo>
                      <a:pt x="933" y="1862"/>
                    </a:lnTo>
                    <a:lnTo>
                      <a:pt x="935" y="1862"/>
                    </a:lnTo>
                    <a:lnTo>
                      <a:pt x="935" y="1864"/>
                    </a:lnTo>
                    <a:lnTo>
                      <a:pt x="933" y="1866"/>
                    </a:lnTo>
                    <a:lnTo>
                      <a:pt x="933" y="1868"/>
                    </a:lnTo>
                    <a:lnTo>
                      <a:pt x="931" y="1868"/>
                    </a:lnTo>
                    <a:lnTo>
                      <a:pt x="931" y="1870"/>
                    </a:lnTo>
                    <a:lnTo>
                      <a:pt x="931" y="1871"/>
                    </a:lnTo>
                    <a:lnTo>
                      <a:pt x="929" y="1873"/>
                    </a:lnTo>
                    <a:lnTo>
                      <a:pt x="929" y="1875"/>
                    </a:lnTo>
                    <a:lnTo>
                      <a:pt x="928" y="1875"/>
                    </a:lnTo>
                    <a:lnTo>
                      <a:pt x="928" y="1877"/>
                    </a:lnTo>
                    <a:lnTo>
                      <a:pt x="928" y="1879"/>
                    </a:lnTo>
                    <a:lnTo>
                      <a:pt x="929" y="1879"/>
                    </a:lnTo>
                    <a:lnTo>
                      <a:pt x="931" y="1881"/>
                    </a:lnTo>
                    <a:lnTo>
                      <a:pt x="933" y="1881"/>
                    </a:lnTo>
                    <a:lnTo>
                      <a:pt x="933" y="1883"/>
                    </a:lnTo>
                    <a:lnTo>
                      <a:pt x="935" y="1883"/>
                    </a:lnTo>
                    <a:lnTo>
                      <a:pt x="935" y="1884"/>
                    </a:lnTo>
                    <a:lnTo>
                      <a:pt x="937" y="1884"/>
                    </a:lnTo>
                    <a:lnTo>
                      <a:pt x="939" y="1884"/>
                    </a:lnTo>
                    <a:lnTo>
                      <a:pt x="939" y="1886"/>
                    </a:lnTo>
                    <a:lnTo>
                      <a:pt x="941" y="1886"/>
                    </a:lnTo>
                    <a:lnTo>
                      <a:pt x="942" y="1886"/>
                    </a:lnTo>
                    <a:lnTo>
                      <a:pt x="942" y="1888"/>
                    </a:lnTo>
                    <a:lnTo>
                      <a:pt x="944" y="1888"/>
                    </a:lnTo>
                    <a:lnTo>
                      <a:pt x="944" y="1890"/>
                    </a:lnTo>
                    <a:lnTo>
                      <a:pt x="946" y="1890"/>
                    </a:lnTo>
                    <a:lnTo>
                      <a:pt x="948" y="1890"/>
                    </a:lnTo>
                    <a:lnTo>
                      <a:pt x="950" y="1890"/>
                    </a:lnTo>
                    <a:lnTo>
                      <a:pt x="952" y="1890"/>
                    </a:lnTo>
                    <a:lnTo>
                      <a:pt x="954" y="1890"/>
                    </a:lnTo>
                    <a:lnTo>
                      <a:pt x="954" y="1892"/>
                    </a:lnTo>
                    <a:lnTo>
                      <a:pt x="955" y="1892"/>
                    </a:lnTo>
                    <a:lnTo>
                      <a:pt x="955" y="1894"/>
                    </a:lnTo>
                    <a:lnTo>
                      <a:pt x="957" y="1894"/>
                    </a:lnTo>
                    <a:lnTo>
                      <a:pt x="959" y="1896"/>
                    </a:lnTo>
                    <a:lnTo>
                      <a:pt x="961" y="1896"/>
                    </a:lnTo>
                    <a:lnTo>
                      <a:pt x="961" y="1897"/>
                    </a:lnTo>
                    <a:lnTo>
                      <a:pt x="963" y="1897"/>
                    </a:lnTo>
                    <a:lnTo>
                      <a:pt x="963" y="1899"/>
                    </a:lnTo>
                    <a:lnTo>
                      <a:pt x="965" y="1899"/>
                    </a:lnTo>
                    <a:lnTo>
                      <a:pt x="965" y="1901"/>
                    </a:lnTo>
                    <a:lnTo>
                      <a:pt x="963" y="1903"/>
                    </a:lnTo>
                    <a:lnTo>
                      <a:pt x="955" y="1907"/>
                    </a:lnTo>
                    <a:lnTo>
                      <a:pt x="952" y="1908"/>
                    </a:lnTo>
                    <a:lnTo>
                      <a:pt x="950" y="1908"/>
                    </a:lnTo>
                    <a:lnTo>
                      <a:pt x="948" y="1910"/>
                    </a:lnTo>
                    <a:lnTo>
                      <a:pt x="946" y="1910"/>
                    </a:lnTo>
                    <a:lnTo>
                      <a:pt x="944" y="1912"/>
                    </a:lnTo>
                    <a:lnTo>
                      <a:pt x="944" y="1914"/>
                    </a:lnTo>
                    <a:lnTo>
                      <a:pt x="942" y="1916"/>
                    </a:lnTo>
                    <a:lnTo>
                      <a:pt x="942" y="1920"/>
                    </a:lnTo>
                    <a:lnTo>
                      <a:pt x="942" y="1921"/>
                    </a:lnTo>
                    <a:lnTo>
                      <a:pt x="942" y="1923"/>
                    </a:lnTo>
                    <a:lnTo>
                      <a:pt x="942" y="1925"/>
                    </a:lnTo>
                    <a:lnTo>
                      <a:pt x="941" y="1925"/>
                    </a:lnTo>
                    <a:lnTo>
                      <a:pt x="939" y="1925"/>
                    </a:lnTo>
                    <a:lnTo>
                      <a:pt x="937" y="1925"/>
                    </a:lnTo>
                    <a:lnTo>
                      <a:pt x="937" y="1927"/>
                    </a:lnTo>
                    <a:lnTo>
                      <a:pt x="935" y="1927"/>
                    </a:lnTo>
                    <a:lnTo>
                      <a:pt x="933" y="1927"/>
                    </a:lnTo>
                    <a:lnTo>
                      <a:pt x="931" y="1927"/>
                    </a:lnTo>
                    <a:lnTo>
                      <a:pt x="929" y="1927"/>
                    </a:lnTo>
                    <a:lnTo>
                      <a:pt x="929" y="1929"/>
                    </a:lnTo>
                    <a:lnTo>
                      <a:pt x="928" y="1929"/>
                    </a:lnTo>
                    <a:lnTo>
                      <a:pt x="926" y="1931"/>
                    </a:lnTo>
                    <a:lnTo>
                      <a:pt x="924" y="1931"/>
                    </a:lnTo>
                    <a:lnTo>
                      <a:pt x="922" y="1931"/>
                    </a:lnTo>
                    <a:lnTo>
                      <a:pt x="920" y="1931"/>
                    </a:lnTo>
                    <a:lnTo>
                      <a:pt x="918" y="1931"/>
                    </a:lnTo>
                    <a:lnTo>
                      <a:pt x="917" y="1931"/>
                    </a:lnTo>
                    <a:lnTo>
                      <a:pt x="917" y="1929"/>
                    </a:lnTo>
                    <a:lnTo>
                      <a:pt x="915" y="1929"/>
                    </a:lnTo>
                    <a:lnTo>
                      <a:pt x="913" y="1929"/>
                    </a:lnTo>
                    <a:lnTo>
                      <a:pt x="911" y="1929"/>
                    </a:lnTo>
                    <a:lnTo>
                      <a:pt x="909" y="1929"/>
                    </a:lnTo>
                    <a:lnTo>
                      <a:pt x="907" y="1927"/>
                    </a:lnTo>
                    <a:lnTo>
                      <a:pt x="905" y="1927"/>
                    </a:lnTo>
                    <a:lnTo>
                      <a:pt x="904" y="1927"/>
                    </a:lnTo>
                    <a:lnTo>
                      <a:pt x="902" y="1927"/>
                    </a:lnTo>
                    <a:lnTo>
                      <a:pt x="900" y="1927"/>
                    </a:lnTo>
                    <a:lnTo>
                      <a:pt x="898" y="1927"/>
                    </a:lnTo>
                    <a:lnTo>
                      <a:pt x="898" y="1929"/>
                    </a:lnTo>
                    <a:lnTo>
                      <a:pt x="896" y="1929"/>
                    </a:lnTo>
                    <a:lnTo>
                      <a:pt x="896" y="1931"/>
                    </a:lnTo>
                    <a:lnTo>
                      <a:pt x="896" y="1932"/>
                    </a:lnTo>
                    <a:lnTo>
                      <a:pt x="894" y="1934"/>
                    </a:lnTo>
                    <a:lnTo>
                      <a:pt x="893" y="1936"/>
                    </a:lnTo>
                    <a:lnTo>
                      <a:pt x="891" y="1938"/>
                    </a:lnTo>
                    <a:lnTo>
                      <a:pt x="891" y="1940"/>
                    </a:lnTo>
                    <a:lnTo>
                      <a:pt x="889" y="1940"/>
                    </a:lnTo>
                    <a:lnTo>
                      <a:pt x="887" y="1940"/>
                    </a:lnTo>
                    <a:lnTo>
                      <a:pt x="885" y="1940"/>
                    </a:lnTo>
                    <a:lnTo>
                      <a:pt x="885" y="1938"/>
                    </a:lnTo>
                    <a:lnTo>
                      <a:pt x="883" y="1938"/>
                    </a:lnTo>
                    <a:lnTo>
                      <a:pt x="881" y="1938"/>
                    </a:lnTo>
                    <a:lnTo>
                      <a:pt x="881" y="1936"/>
                    </a:lnTo>
                    <a:lnTo>
                      <a:pt x="880" y="1936"/>
                    </a:lnTo>
                    <a:lnTo>
                      <a:pt x="878" y="1936"/>
                    </a:lnTo>
                    <a:lnTo>
                      <a:pt x="878" y="1938"/>
                    </a:lnTo>
                    <a:lnTo>
                      <a:pt x="876" y="1938"/>
                    </a:lnTo>
                    <a:lnTo>
                      <a:pt x="874" y="1938"/>
                    </a:lnTo>
                    <a:lnTo>
                      <a:pt x="874" y="1940"/>
                    </a:lnTo>
                    <a:lnTo>
                      <a:pt x="872" y="1938"/>
                    </a:lnTo>
                    <a:lnTo>
                      <a:pt x="870" y="1938"/>
                    </a:lnTo>
                    <a:lnTo>
                      <a:pt x="868" y="1938"/>
                    </a:lnTo>
                    <a:lnTo>
                      <a:pt x="867" y="1936"/>
                    </a:lnTo>
                    <a:lnTo>
                      <a:pt x="867" y="1934"/>
                    </a:lnTo>
                    <a:lnTo>
                      <a:pt x="867" y="1932"/>
                    </a:lnTo>
                    <a:lnTo>
                      <a:pt x="867" y="1927"/>
                    </a:lnTo>
                    <a:lnTo>
                      <a:pt x="867" y="1925"/>
                    </a:lnTo>
                    <a:lnTo>
                      <a:pt x="867" y="1923"/>
                    </a:lnTo>
                    <a:lnTo>
                      <a:pt x="867" y="1921"/>
                    </a:lnTo>
                    <a:lnTo>
                      <a:pt x="865" y="1920"/>
                    </a:lnTo>
                    <a:lnTo>
                      <a:pt x="861" y="1912"/>
                    </a:lnTo>
                    <a:lnTo>
                      <a:pt x="861" y="1910"/>
                    </a:lnTo>
                    <a:lnTo>
                      <a:pt x="859" y="1908"/>
                    </a:lnTo>
                    <a:lnTo>
                      <a:pt x="857" y="1908"/>
                    </a:lnTo>
                    <a:lnTo>
                      <a:pt x="857" y="1910"/>
                    </a:lnTo>
                    <a:lnTo>
                      <a:pt x="856" y="1910"/>
                    </a:lnTo>
                    <a:lnTo>
                      <a:pt x="854" y="1910"/>
                    </a:lnTo>
                    <a:lnTo>
                      <a:pt x="854" y="1912"/>
                    </a:lnTo>
                    <a:lnTo>
                      <a:pt x="852" y="1912"/>
                    </a:lnTo>
                    <a:lnTo>
                      <a:pt x="850" y="1912"/>
                    </a:lnTo>
                    <a:lnTo>
                      <a:pt x="850" y="1914"/>
                    </a:lnTo>
                    <a:lnTo>
                      <a:pt x="850" y="1916"/>
                    </a:lnTo>
                    <a:lnTo>
                      <a:pt x="850" y="1918"/>
                    </a:lnTo>
                    <a:lnTo>
                      <a:pt x="848" y="1918"/>
                    </a:lnTo>
                    <a:lnTo>
                      <a:pt x="846" y="1920"/>
                    </a:lnTo>
                    <a:lnTo>
                      <a:pt x="846" y="1921"/>
                    </a:lnTo>
                    <a:lnTo>
                      <a:pt x="844" y="1923"/>
                    </a:lnTo>
                    <a:lnTo>
                      <a:pt x="843" y="1923"/>
                    </a:lnTo>
                    <a:lnTo>
                      <a:pt x="841" y="1923"/>
                    </a:lnTo>
                    <a:lnTo>
                      <a:pt x="839" y="1923"/>
                    </a:lnTo>
                    <a:lnTo>
                      <a:pt x="837" y="1923"/>
                    </a:lnTo>
                    <a:lnTo>
                      <a:pt x="837" y="1925"/>
                    </a:lnTo>
                    <a:lnTo>
                      <a:pt x="835" y="1925"/>
                    </a:lnTo>
                    <a:lnTo>
                      <a:pt x="833" y="1927"/>
                    </a:lnTo>
                    <a:lnTo>
                      <a:pt x="833" y="1925"/>
                    </a:lnTo>
                    <a:lnTo>
                      <a:pt x="832" y="1925"/>
                    </a:lnTo>
                    <a:lnTo>
                      <a:pt x="830" y="1923"/>
                    </a:lnTo>
                    <a:lnTo>
                      <a:pt x="830" y="1921"/>
                    </a:lnTo>
                    <a:lnTo>
                      <a:pt x="830" y="1920"/>
                    </a:lnTo>
                    <a:lnTo>
                      <a:pt x="830" y="1918"/>
                    </a:lnTo>
                    <a:lnTo>
                      <a:pt x="828" y="1918"/>
                    </a:lnTo>
                    <a:lnTo>
                      <a:pt x="828" y="1916"/>
                    </a:lnTo>
                    <a:lnTo>
                      <a:pt x="826" y="1916"/>
                    </a:lnTo>
                    <a:lnTo>
                      <a:pt x="824" y="1916"/>
                    </a:lnTo>
                    <a:lnTo>
                      <a:pt x="824" y="1914"/>
                    </a:lnTo>
                    <a:lnTo>
                      <a:pt x="820" y="1916"/>
                    </a:lnTo>
                    <a:lnTo>
                      <a:pt x="819" y="1916"/>
                    </a:lnTo>
                    <a:lnTo>
                      <a:pt x="817" y="1916"/>
                    </a:lnTo>
                    <a:lnTo>
                      <a:pt x="817" y="1914"/>
                    </a:lnTo>
                    <a:lnTo>
                      <a:pt x="815" y="1914"/>
                    </a:lnTo>
                    <a:lnTo>
                      <a:pt x="813" y="1914"/>
                    </a:lnTo>
                    <a:lnTo>
                      <a:pt x="811" y="1914"/>
                    </a:lnTo>
                    <a:lnTo>
                      <a:pt x="809" y="1914"/>
                    </a:lnTo>
                    <a:lnTo>
                      <a:pt x="807" y="1914"/>
                    </a:lnTo>
                    <a:lnTo>
                      <a:pt x="806" y="1912"/>
                    </a:lnTo>
                    <a:lnTo>
                      <a:pt x="804" y="1912"/>
                    </a:lnTo>
                    <a:lnTo>
                      <a:pt x="804" y="1910"/>
                    </a:lnTo>
                    <a:lnTo>
                      <a:pt x="802" y="1910"/>
                    </a:lnTo>
                    <a:lnTo>
                      <a:pt x="802" y="1908"/>
                    </a:lnTo>
                    <a:lnTo>
                      <a:pt x="802" y="1907"/>
                    </a:lnTo>
                    <a:lnTo>
                      <a:pt x="800" y="1907"/>
                    </a:lnTo>
                    <a:lnTo>
                      <a:pt x="798" y="1908"/>
                    </a:lnTo>
                    <a:lnTo>
                      <a:pt x="796" y="1908"/>
                    </a:lnTo>
                    <a:lnTo>
                      <a:pt x="795" y="1908"/>
                    </a:lnTo>
                    <a:lnTo>
                      <a:pt x="795" y="1910"/>
                    </a:lnTo>
                    <a:lnTo>
                      <a:pt x="793" y="1910"/>
                    </a:lnTo>
                    <a:lnTo>
                      <a:pt x="793" y="1912"/>
                    </a:lnTo>
                    <a:lnTo>
                      <a:pt x="791" y="1912"/>
                    </a:lnTo>
                    <a:lnTo>
                      <a:pt x="791" y="1914"/>
                    </a:lnTo>
                    <a:lnTo>
                      <a:pt x="789" y="1914"/>
                    </a:lnTo>
                    <a:lnTo>
                      <a:pt x="789" y="1916"/>
                    </a:lnTo>
                    <a:lnTo>
                      <a:pt x="787" y="1916"/>
                    </a:lnTo>
                    <a:lnTo>
                      <a:pt x="787" y="1918"/>
                    </a:lnTo>
                    <a:lnTo>
                      <a:pt x="785" y="1918"/>
                    </a:lnTo>
                    <a:lnTo>
                      <a:pt x="783" y="1918"/>
                    </a:lnTo>
                    <a:lnTo>
                      <a:pt x="782" y="1918"/>
                    </a:lnTo>
                    <a:lnTo>
                      <a:pt x="780" y="1918"/>
                    </a:lnTo>
                    <a:lnTo>
                      <a:pt x="778" y="1920"/>
                    </a:lnTo>
                    <a:lnTo>
                      <a:pt x="778" y="1918"/>
                    </a:lnTo>
                    <a:lnTo>
                      <a:pt x="776" y="1918"/>
                    </a:lnTo>
                    <a:lnTo>
                      <a:pt x="774" y="1920"/>
                    </a:lnTo>
                    <a:lnTo>
                      <a:pt x="772" y="1920"/>
                    </a:lnTo>
                    <a:lnTo>
                      <a:pt x="771" y="1920"/>
                    </a:lnTo>
                    <a:lnTo>
                      <a:pt x="769" y="1921"/>
                    </a:lnTo>
                    <a:lnTo>
                      <a:pt x="767" y="1921"/>
                    </a:lnTo>
                    <a:lnTo>
                      <a:pt x="765" y="1921"/>
                    </a:lnTo>
                    <a:lnTo>
                      <a:pt x="763" y="1923"/>
                    </a:lnTo>
                    <a:lnTo>
                      <a:pt x="761" y="1923"/>
                    </a:lnTo>
                    <a:lnTo>
                      <a:pt x="761" y="1925"/>
                    </a:lnTo>
                    <a:lnTo>
                      <a:pt x="759" y="1925"/>
                    </a:lnTo>
                    <a:lnTo>
                      <a:pt x="758" y="1925"/>
                    </a:lnTo>
                    <a:lnTo>
                      <a:pt x="758" y="1927"/>
                    </a:lnTo>
                    <a:lnTo>
                      <a:pt x="756" y="1927"/>
                    </a:lnTo>
                    <a:lnTo>
                      <a:pt x="754" y="1927"/>
                    </a:lnTo>
                    <a:lnTo>
                      <a:pt x="752" y="1927"/>
                    </a:lnTo>
                    <a:lnTo>
                      <a:pt x="752" y="1929"/>
                    </a:lnTo>
                    <a:lnTo>
                      <a:pt x="750" y="1929"/>
                    </a:lnTo>
                    <a:lnTo>
                      <a:pt x="750" y="1931"/>
                    </a:lnTo>
                    <a:lnTo>
                      <a:pt x="748" y="1931"/>
                    </a:lnTo>
                    <a:lnTo>
                      <a:pt x="748" y="1929"/>
                    </a:lnTo>
                    <a:lnTo>
                      <a:pt x="746" y="1927"/>
                    </a:lnTo>
                    <a:lnTo>
                      <a:pt x="745" y="1927"/>
                    </a:lnTo>
                    <a:lnTo>
                      <a:pt x="745" y="1929"/>
                    </a:lnTo>
                    <a:lnTo>
                      <a:pt x="743" y="1929"/>
                    </a:lnTo>
                    <a:lnTo>
                      <a:pt x="743" y="1931"/>
                    </a:lnTo>
                    <a:lnTo>
                      <a:pt x="741" y="1931"/>
                    </a:lnTo>
                    <a:lnTo>
                      <a:pt x="739" y="1931"/>
                    </a:lnTo>
                    <a:lnTo>
                      <a:pt x="739" y="1932"/>
                    </a:lnTo>
                    <a:lnTo>
                      <a:pt x="737" y="1932"/>
                    </a:lnTo>
                    <a:lnTo>
                      <a:pt x="737" y="1934"/>
                    </a:lnTo>
                    <a:lnTo>
                      <a:pt x="735" y="1934"/>
                    </a:lnTo>
                    <a:lnTo>
                      <a:pt x="735" y="1936"/>
                    </a:lnTo>
                    <a:lnTo>
                      <a:pt x="734" y="1938"/>
                    </a:lnTo>
                    <a:lnTo>
                      <a:pt x="732" y="1938"/>
                    </a:lnTo>
                    <a:lnTo>
                      <a:pt x="732" y="1940"/>
                    </a:lnTo>
                    <a:lnTo>
                      <a:pt x="732" y="1942"/>
                    </a:lnTo>
                    <a:lnTo>
                      <a:pt x="730" y="1942"/>
                    </a:lnTo>
                    <a:lnTo>
                      <a:pt x="728" y="1942"/>
                    </a:lnTo>
                    <a:lnTo>
                      <a:pt x="726" y="1942"/>
                    </a:lnTo>
                    <a:lnTo>
                      <a:pt x="726" y="1944"/>
                    </a:lnTo>
                    <a:lnTo>
                      <a:pt x="726" y="1942"/>
                    </a:lnTo>
                    <a:lnTo>
                      <a:pt x="726" y="1944"/>
                    </a:lnTo>
                    <a:lnTo>
                      <a:pt x="724" y="1944"/>
                    </a:lnTo>
                    <a:lnTo>
                      <a:pt x="724" y="1945"/>
                    </a:lnTo>
                    <a:lnTo>
                      <a:pt x="724" y="1947"/>
                    </a:lnTo>
                    <a:lnTo>
                      <a:pt x="722" y="1947"/>
                    </a:lnTo>
                    <a:lnTo>
                      <a:pt x="722" y="1949"/>
                    </a:lnTo>
                    <a:lnTo>
                      <a:pt x="721" y="1951"/>
                    </a:lnTo>
                    <a:lnTo>
                      <a:pt x="719" y="1953"/>
                    </a:lnTo>
                    <a:lnTo>
                      <a:pt x="717" y="1953"/>
                    </a:lnTo>
                    <a:lnTo>
                      <a:pt x="715" y="1953"/>
                    </a:lnTo>
                    <a:lnTo>
                      <a:pt x="713" y="1953"/>
                    </a:lnTo>
                    <a:lnTo>
                      <a:pt x="711" y="1957"/>
                    </a:lnTo>
                    <a:lnTo>
                      <a:pt x="710" y="1960"/>
                    </a:lnTo>
                    <a:lnTo>
                      <a:pt x="708" y="1960"/>
                    </a:lnTo>
                    <a:lnTo>
                      <a:pt x="704" y="1962"/>
                    </a:lnTo>
                    <a:lnTo>
                      <a:pt x="702" y="1964"/>
                    </a:lnTo>
                    <a:lnTo>
                      <a:pt x="700" y="1966"/>
                    </a:lnTo>
                    <a:lnTo>
                      <a:pt x="698" y="1966"/>
                    </a:lnTo>
                    <a:lnTo>
                      <a:pt x="697" y="1966"/>
                    </a:lnTo>
                    <a:lnTo>
                      <a:pt x="695" y="1968"/>
                    </a:lnTo>
                    <a:lnTo>
                      <a:pt x="693" y="1968"/>
                    </a:lnTo>
                    <a:lnTo>
                      <a:pt x="693" y="1969"/>
                    </a:lnTo>
                    <a:lnTo>
                      <a:pt x="691" y="1971"/>
                    </a:lnTo>
                    <a:lnTo>
                      <a:pt x="689" y="1973"/>
                    </a:lnTo>
                    <a:lnTo>
                      <a:pt x="689" y="1975"/>
                    </a:lnTo>
                    <a:lnTo>
                      <a:pt x="687" y="1975"/>
                    </a:lnTo>
                    <a:lnTo>
                      <a:pt x="685" y="1977"/>
                    </a:lnTo>
                    <a:lnTo>
                      <a:pt x="684" y="1979"/>
                    </a:lnTo>
                    <a:lnTo>
                      <a:pt x="682" y="1979"/>
                    </a:lnTo>
                    <a:lnTo>
                      <a:pt x="680" y="1979"/>
                    </a:lnTo>
                    <a:lnTo>
                      <a:pt x="678" y="1979"/>
                    </a:lnTo>
                    <a:lnTo>
                      <a:pt x="676" y="1979"/>
                    </a:lnTo>
                    <a:lnTo>
                      <a:pt x="674" y="1981"/>
                    </a:lnTo>
                    <a:lnTo>
                      <a:pt x="673" y="1981"/>
                    </a:lnTo>
                    <a:lnTo>
                      <a:pt x="671" y="1981"/>
                    </a:lnTo>
                    <a:lnTo>
                      <a:pt x="669" y="1982"/>
                    </a:lnTo>
                    <a:lnTo>
                      <a:pt x="665" y="1984"/>
                    </a:lnTo>
                    <a:lnTo>
                      <a:pt x="663" y="1984"/>
                    </a:lnTo>
                    <a:lnTo>
                      <a:pt x="661" y="1986"/>
                    </a:lnTo>
                    <a:lnTo>
                      <a:pt x="660" y="1986"/>
                    </a:lnTo>
                    <a:lnTo>
                      <a:pt x="658" y="1986"/>
                    </a:lnTo>
                    <a:lnTo>
                      <a:pt x="656" y="1986"/>
                    </a:lnTo>
                    <a:lnTo>
                      <a:pt x="656" y="1988"/>
                    </a:lnTo>
                    <a:lnTo>
                      <a:pt x="654" y="1988"/>
                    </a:lnTo>
                    <a:lnTo>
                      <a:pt x="652" y="1988"/>
                    </a:lnTo>
                    <a:lnTo>
                      <a:pt x="650" y="1988"/>
                    </a:lnTo>
                    <a:lnTo>
                      <a:pt x="649" y="1988"/>
                    </a:lnTo>
                    <a:lnTo>
                      <a:pt x="647" y="1990"/>
                    </a:lnTo>
                    <a:lnTo>
                      <a:pt x="645" y="1990"/>
                    </a:lnTo>
                    <a:lnTo>
                      <a:pt x="643" y="1992"/>
                    </a:lnTo>
                    <a:lnTo>
                      <a:pt x="641" y="1992"/>
                    </a:lnTo>
                    <a:lnTo>
                      <a:pt x="639" y="1992"/>
                    </a:lnTo>
                    <a:lnTo>
                      <a:pt x="637" y="1992"/>
                    </a:lnTo>
                    <a:lnTo>
                      <a:pt x="636" y="1992"/>
                    </a:lnTo>
                    <a:lnTo>
                      <a:pt x="634" y="1994"/>
                    </a:lnTo>
                    <a:lnTo>
                      <a:pt x="632" y="1994"/>
                    </a:lnTo>
                    <a:lnTo>
                      <a:pt x="628" y="1994"/>
                    </a:lnTo>
                    <a:lnTo>
                      <a:pt x="626" y="1994"/>
                    </a:lnTo>
                    <a:lnTo>
                      <a:pt x="626" y="1992"/>
                    </a:lnTo>
                    <a:lnTo>
                      <a:pt x="624" y="1988"/>
                    </a:lnTo>
                    <a:lnTo>
                      <a:pt x="623" y="1986"/>
                    </a:lnTo>
                    <a:lnTo>
                      <a:pt x="621" y="1984"/>
                    </a:lnTo>
                    <a:lnTo>
                      <a:pt x="621" y="1982"/>
                    </a:lnTo>
                    <a:lnTo>
                      <a:pt x="621" y="1981"/>
                    </a:lnTo>
                    <a:lnTo>
                      <a:pt x="619" y="1981"/>
                    </a:lnTo>
                    <a:lnTo>
                      <a:pt x="619" y="1979"/>
                    </a:lnTo>
                    <a:lnTo>
                      <a:pt x="617" y="1979"/>
                    </a:lnTo>
                    <a:lnTo>
                      <a:pt x="617" y="1977"/>
                    </a:lnTo>
                    <a:lnTo>
                      <a:pt x="617" y="1975"/>
                    </a:lnTo>
                    <a:lnTo>
                      <a:pt x="617" y="1973"/>
                    </a:lnTo>
                    <a:lnTo>
                      <a:pt x="619" y="1971"/>
                    </a:lnTo>
                    <a:lnTo>
                      <a:pt x="619" y="1969"/>
                    </a:lnTo>
                    <a:lnTo>
                      <a:pt x="619" y="1968"/>
                    </a:lnTo>
                    <a:lnTo>
                      <a:pt x="619" y="1966"/>
                    </a:lnTo>
                    <a:lnTo>
                      <a:pt x="617" y="1962"/>
                    </a:lnTo>
                    <a:lnTo>
                      <a:pt x="619" y="1962"/>
                    </a:lnTo>
                    <a:lnTo>
                      <a:pt x="619" y="1960"/>
                    </a:lnTo>
                    <a:lnTo>
                      <a:pt x="621" y="1960"/>
                    </a:lnTo>
                    <a:lnTo>
                      <a:pt x="621" y="1958"/>
                    </a:lnTo>
                    <a:lnTo>
                      <a:pt x="621" y="1957"/>
                    </a:lnTo>
                    <a:lnTo>
                      <a:pt x="621" y="1955"/>
                    </a:lnTo>
                    <a:lnTo>
                      <a:pt x="623" y="1955"/>
                    </a:lnTo>
                    <a:lnTo>
                      <a:pt x="623" y="1953"/>
                    </a:lnTo>
                    <a:lnTo>
                      <a:pt x="624" y="1951"/>
                    </a:lnTo>
                    <a:lnTo>
                      <a:pt x="623" y="1949"/>
                    </a:lnTo>
                    <a:lnTo>
                      <a:pt x="623" y="1947"/>
                    </a:lnTo>
                    <a:lnTo>
                      <a:pt x="623" y="1945"/>
                    </a:lnTo>
                    <a:lnTo>
                      <a:pt x="624" y="1945"/>
                    </a:lnTo>
                    <a:lnTo>
                      <a:pt x="623" y="1945"/>
                    </a:lnTo>
                    <a:lnTo>
                      <a:pt x="623" y="1944"/>
                    </a:lnTo>
                    <a:lnTo>
                      <a:pt x="623" y="1942"/>
                    </a:lnTo>
                    <a:lnTo>
                      <a:pt x="624" y="1942"/>
                    </a:lnTo>
                    <a:lnTo>
                      <a:pt x="624" y="1940"/>
                    </a:lnTo>
                    <a:lnTo>
                      <a:pt x="624" y="1938"/>
                    </a:lnTo>
                    <a:lnTo>
                      <a:pt x="623" y="1938"/>
                    </a:lnTo>
                    <a:lnTo>
                      <a:pt x="623" y="1936"/>
                    </a:lnTo>
                    <a:lnTo>
                      <a:pt x="623" y="1934"/>
                    </a:lnTo>
                    <a:lnTo>
                      <a:pt x="621" y="1932"/>
                    </a:lnTo>
                    <a:lnTo>
                      <a:pt x="621" y="1931"/>
                    </a:lnTo>
                    <a:lnTo>
                      <a:pt x="621" y="1929"/>
                    </a:lnTo>
                    <a:lnTo>
                      <a:pt x="604" y="1947"/>
                    </a:lnTo>
                    <a:lnTo>
                      <a:pt x="602" y="1947"/>
                    </a:lnTo>
                    <a:lnTo>
                      <a:pt x="599" y="1949"/>
                    </a:lnTo>
                    <a:lnTo>
                      <a:pt x="597" y="1947"/>
                    </a:lnTo>
                    <a:lnTo>
                      <a:pt x="593" y="1945"/>
                    </a:lnTo>
                    <a:lnTo>
                      <a:pt x="591" y="1945"/>
                    </a:lnTo>
                    <a:lnTo>
                      <a:pt x="589" y="1947"/>
                    </a:lnTo>
                    <a:lnTo>
                      <a:pt x="589" y="1949"/>
                    </a:lnTo>
                    <a:lnTo>
                      <a:pt x="552" y="1964"/>
                    </a:lnTo>
                    <a:lnTo>
                      <a:pt x="552" y="1966"/>
                    </a:lnTo>
                    <a:lnTo>
                      <a:pt x="551" y="1968"/>
                    </a:lnTo>
                    <a:lnTo>
                      <a:pt x="551" y="1969"/>
                    </a:lnTo>
                    <a:lnTo>
                      <a:pt x="551" y="1971"/>
                    </a:lnTo>
                    <a:lnTo>
                      <a:pt x="549" y="1971"/>
                    </a:lnTo>
                    <a:lnTo>
                      <a:pt x="551" y="1971"/>
                    </a:lnTo>
                    <a:lnTo>
                      <a:pt x="551" y="1973"/>
                    </a:lnTo>
                    <a:lnTo>
                      <a:pt x="552" y="1975"/>
                    </a:lnTo>
                    <a:lnTo>
                      <a:pt x="551" y="1977"/>
                    </a:lnTo>
                    <a:lnTo>
                      <a:pt x="551" y="1979"/>
                    </a:lnTo>
                    <a:lnTo>
                      <a:pt x="552" y="1981"/>
                    </a:lnTo>
                    <a:lnTo>
                      <a:pt x="552" y="1982"/>
                    </a:lnTo>
                    <a:lnTo>
                      <a:pt x="551" y="1982"/>
                    </a:lnTo>
                    <a:lnTo>
                      <a:pt x="551" y="1984"/>
                    </a:lnTo>
                    <a:lnTo>
                      <a:pt x="551" y="1986"/>
                    </a:lnTo>
                    <a:lnTo>
                      <a:pt x="551" y="1988"/>
                    </a:lnTo>
                    <a:lnTo>
                      <a:pt x="552" y="1988"/>
                    </a:lnTo>
                    <a:lnTo>
                      <a:pt x="551" y="1988"/>
                    </a:lnTo>
                    <a:lnTo>
                      <a:pt x="551" y="1990"/>
                    </a:lnTo>
                    <a:lnTo>
                      <a:pt x="549" y="1992"/>
                    </a:lnTo>
                    <a:lnTo>
                      <a:pt x="551" y="1994"/>
                    </a:lnTo>
                    <a:lnTo>
                      <a:pt x="551" y="1995"/>
                    </a:lnTo>
                    <a:lnTo>
                      <a:pt x="551" y="1999"/>
                    </a:lnTo>
                    <a:lnTo>
                      <a:pt x="551" y="2001"/>
                    </a:lnTo>
                    <a:lnTo>
                      <a:pt x="552" y="2003"/>
                    </a:lnTo>
                    <a:lnTo>
                      <a:pt x="552" y="2005"/>
                    </a:lnTo>
                    <a:lnTo>
                      <a:pt x="552" y="2006"/>
                    </a:lnTo>
                    <a:lnTo>
                      <a:pt x="551" y="2006"/>
                    </a:lnTo>
                    <a:lnTo>
                      <a:pt x="549" y="2008"/>
                    </a:lnTo>
                    <a:lnTo>
                      <a:pt x="547" y="2010"/>
                    </a:lnTo>
                    <a:lnTo>
                      <a:pt x="545" y="2012"/>
                    </a:lnTo>
                    <a:lnTo>
                      <a:pt x="545" y="2014"/>
                    </a:lnTo>
                    <a:lnTo>
                      <a:pt x="543" y="2016"/>
                    </a:lnTo>
                    <a:lnTo>
                      <a:pt x="541" y="2018"/>
                    </a:lnTo>
                    <a:lnTo>
                      <a:pt x="539" y="2019"/>
                    </a:lnTo>
                    <a:lnTo>
                      <a:pt x="538" y="2021"/>
                    </a:lnTo>
                    <a:lnTo>
                      <a:pt x="536" y="2021"/>
                    </a:lnTo>
                    <a:lnTo>
                      <a:pt x="534" y="2021"/>
                    </a:lnTo>
                    <a:lnTo>
                      <a:pt x="532" y="2023"/>
                    </a:lnTo>
                    <a:lnTo>
                      <a:pt x="530" y="2025"/>
                    </a:lnTo>
                    <a:lnTo>
                      <a:pt x="528" y="2025"/>
                    </a:lnTo>
                    <a:lnTo>
                      <a:pt x="527" y="2025"/>
                    </a:lnTo>
                    <a:lnTo>
                      <a:pt x="525" y="2025"/>
                    </a:lnTo>
                    <a:lnTo>
                      <a:pt x="523" y="2027"/>
                    </a:lnTo>
                    <a:lnTo>
                      <a:pt x="521" y="2027"/>
                    </a:lnTo>
                    <a:lnTo>
                      <a:pt x="519" y="2027"/>
                    </a:lnTo>
                    <a:lnTo>
                      <a:pt x="517" y="2027"/>
                    </a:lnTo>
                    <a:lnTo>
                      <a:pt x="514" y="2029"/>
                    </a:lnTo>
                    <a:lnTo>
                      <a:pt x="512" y="2029"/>
                    </a:lnTo>
                    <a:lnTo>
                      <a:pt x="510" y="2029"/>
                    </a:lnTo>
                    <a:lnTo>
                      <a:pt x="508" y="2027"/>
                    </a:lnTo>
                    <a:lnTo>
                      <a:pt x="506" y="2027"/>
                    </a:lnTo>
                    <a:lnTo>
                      <a:pt x="504" y="2027"/>
                    </a:lnTo>
                    <a:lnTo>
                      <a:pt x="502" y="2025"/>
                    </a:lnTo>
                    <a:lnTo>
                      <a:pt x="501" y="2025"/>
                    </a:lnTo>
                    <a:lnTo>
                      <a:pt x="499" y="2025"/>
                    </a:lnTo>
                    <a:lnTo>
                      <a:pt x="499" y="2023"/>
                    </a:lnTo>
                    <a:lnTo>
                      <a:pt x="497" y="2023"/>
                    </a:lnTo>
                    <a:lnTo>
                      <a:pt x="495" y="2023"/>
                    </a:lnTo>
                    <a:lnTo>
                      <a:pt x="497" y="1982"/>
                    </a:lnTo>
                    <a:lnTo>
                      <a:pt x="495" y="1977"/>
                    </a:lnTo>
                    <a:lnTo>
                      <a:pt x="495" y="1975"/>
                    </a:lnTo>
                    <a:lnTo>
                      <a:pt x="493" y="1968"/>
                    </a:lnTo>
                    <a:lnTo>
                      <a:pt x="491" y="1964"/>
                    </a:lnTo>
                    <a:lnTo>
                      <a:pt x="493" y="1964"/>
                    </a:lnTo>
                    <a:lnTo>
                      <a:pt x="495" y="1964"/>
                    </a:lnTo>
                    <a:lnTo>
                      <a:pt x="495" y="1962"/>
                    </a:lnTo>
                    <a:lnTo>
                      <a:pt x="497" y="1962"/>
                    </a:lnTo>
                    <a:lnTo>
                      <a:pt x="499" y="1962"/>
                    </a:lnTo>
                    <a:lnTo>
                      <a:pt x="501" y="1962"/>
                    </a:lnTo>
                    <a:lnTo>
                      <a:pt x="502" y="1962"/>
                    </a:lnTo>
                    <a:lnTo>
                      <a:pt x="502" y="1960"/>
                    </a:lnTo>
                    <a:lnTo>
                      <a:pt x="502" y="1958"/>
                    </a:lnTo>
                    <a:lnTo>
                      <a:pt x="504" y="1958"/>
                    </a:lnTo>
                    <a:lnTo>
                      <a:pt x="506" y="1958"/>
                    </a:lnTo>
                    <a:lnTo>
                      <a:pt x="506" y="1957"/>
                    </a:lnTo>
                    <a:lnTo>
                      <a:pt x="506" y="1955"/>
                    </a:lnTo>
                    <a:lnTo>
                      <a:pt x="504" y="1955"/>
                    </a:lnTo>
                    <a:lnTo>
                      <a:pt x="504" y="1953"/>
                    </a:lnTo>
                    <a:lnTo>
                      <a:pt x="502" y="1953"/>
                    </a:lnTo>
                    <a:lnTo>
                      <a:pt x="502" y="1951"/>
                    </a:lnTo>
                    <a:lnTo>
                      <a:pt x="502" y="1949"/>
                    </a:lnTo>
                    <a:lnTo>
                      <a:pt x="495" y="1955"/>
                    </a:lnTo>
                    <a:lnTo>
                      <a:pt x="491" y="1957"/>
                    </a:lnTo>
                    <a:lnTo>
                      <a:pt x="488" y="1957"/>
                    </a:lnTo>
                    <a:lnTo>
                      <a:pt x="488" y="1955"/>
                    </a:lnTo>
                    <a:lnTo>
                      <a:pt x="488" y="1957"/>
                    </a:lnTo>
                    <a:lnTo>
                      <a:pt x="486" y="1951"/>
                    </a:lnTo>
                    <a:lnTo>
                      <a:pt x="480" y="1944"/>
                    </a:lnTo>
                    <a:lnTo>
                      <a:pt x="480" y="1942"/>
                    </a:lnTo>
                    <a:lnTo>
                      <a:pt x="480" y="1938"/>
                    </a:lnTo>
                    <a:lnTo>
                      <a:pt x="478" y="1938"/>
                    </a:lnTo>
                    <a:lnTo>
                      <a:pt x="478" y="1936"/>
                    </a:lnTo>
                    <a:lnTo>
                      <a:pt x="478" y="1934"/>
                    </a:lnTo>
                    <a:lnTo>
                      <a:pt x="477" y="1934"/>
                    </a:lnTo>
                    <a:lnTo>
                      <a:pt x="477" y="1932"/>
                    </a:lnTo>
                    <a:lnTo>
                      <a:pt x="475" y="1932"/>
                    </a:lnTo>
                    <a:lnTo>
                      <a:pt x="475" y="1929"/>
                    </a:lnTo>
                    <a:lnTo>
                      <a:pt x="477" y="1929"/>
                    </a:lnTo>
                    <a:lnTo>
                      <a:pt x="475" y="1927"/>
                    </a:lnTo>
                    <a:lnTo>
                      <a:pt x="475" y="1925"/>
                    </a:lnTo>
                    <a:lnTo>
                      <a:pt x="475" y="1923"/>
                    </a:lnTo>
                    <a:lnTo>
                      <a:pt x="477" y="1923"/>
                    </a:lnTo>
                    <a:lnTo>
                      <a:pt x="477" y="1921"/>
                    </a:lnTo>
                    <a:lnTo>
                      <a:pt x="475" y="1921"/>
                    </a:lnTo>
                    <a:lnTo>
                      <a:pt x="475" y="1920"/>
                    </a:lnTo>
                    <a:lnTo>
                      <a:pt x="473" y="1920"/>
                    </a:lnTo>
                    <a:lnTo>
                      <a:pt x="471" y="1921"/>
                    </a:lnTo>
                    <a:lnTo>
                      <a:pt x="469" y="1921"/>
                    </a:lnTo>
                    <a:lnTo>
                      <a:pt x="467" y="1921"/>
                    </a:lnTo>
                    <a:lnTo>
                      <a:pt x="456" y="1921"/>
                    </a:lnTo>
                    <a:lnTo>
                      <a:pt x="456" y="1920"/>
                    </a:lnTo>
                    <a:lnTo>
                      <a:pt x="456" y="1918"/>
                    </a:lnTo>
                    <a:lnTo>
                      <a:pt x="456" y="1914"/>
                    </a:lnTo>
                    <a:lnTo>
                      <a:pt x="456" y="1912"/>
                    </a:lnTo>
                    <a:lnTo>
                      <a:pt x="456" y="1910"/>
                    </a:lnTo>
                    <a:lnTo>
                      <a:pt x="458" y="1910"/>
                    </a:lnTo>
                    <a:lnTo>
                      <a:pt x="458" y="1908"/>
                    </a:lnTo>
                    <a:lnTo>
                      <a:pt x="460" y="1905"/>
                    </a:lnTo>
                    <a:lnTo>
                      <a:pt x="464" y="1899"/>
                    </a:lnTo>
                    <a:lnTo>
                      <a:pt x="462" y="1897"/>
                    </a:lnTo>
                    <a:lnTo>
                      <a:pt x="466" y="1894"/>
                    </a:lnTo>
                    <a:lnTo>
                      <a:pt x="467" y="1892"/>
                    </a:lnTo>
                    <a:lnTo>
                      <a:pt x="467" y="1890"/>
                    </a:lnTo>
                    <a:lnTo>
                      <a:pt x="467" y="1888"/>
                    </a:lnTo>
                    <a:lnTo>
                      <a:pt x="469" y="1884"/>
                    </a:lnTo>
                    <a:lnTo>
                      <a:pt x="471" y="1884"/>
                    </a:lnTo>
                    <a:lnTo>
                      <a:pt x="471" y="1881"/>
                    </a:lnTo>
                    <a:lnTo>
                      <a:pt x="471" y="1879"/>
                    </a:lnTo>
                    <a:lnTo>
                      <a:pt x="471" y="1877"/>
                    </a:lnTo>
                    <a:lnTo>
                      <a:pt x="473" y="1875"/>
                    </a:lnTo>
                    <a:lnTo>
                      <a:pt x="475" y="1873"/>
                    </a:lnTo>
                    <a:lnTo>
                      <a:pt x="477" y="1871"/>
                    </a:lnTo>
                    <a:lnTo>
                      <a:pt x="477" y="1866"/>
                    </a:lnTo>
                    <a:lnTo>
                      <a:pt x="475" y="1862"/>
                    </a:lnTo>
                    <a:lnTo>
                      <a:pt x="475" y="1860"/>
                    </a:lnTo>
                    <a:lnTo>
                      <a:pt x="475" y="1859"/>
                    </a:lnTo>
                    <a:lnTo>
                      <a:pt x="477" y="1855"/>
                    </a:lnTo>
                    <a:lnTo>
                      <a:pt x="477" y="1853"/>
                    </a:lnTo>
                    <a:lnTo>
                      <a:pt x="477" y="1851"/>
                    </a:lnTo>
                    <a:lnTo>
                      <a:pt x="477" y="1849"/>
                    </a:lnTo>
                    <a:lnTo>
                      <a:pt x="478" y="1849"/>
                    </a:lnTo>
                    <a:lnTo>
                      <a:pt x="477" y="1847"/>
                    </a:lnTo>
                    <a:lnTo>
                      <a:pt x="478" y="1847"/>
                    </a:lnTo>
                    <a:lnTo>
                      <a:pt x="478" y="1846"/>
                    </a:lnTo>
                    <a:lnTo>
                      <a:pt x="478" y="1844"/>
                    </a:lnTo>
                    <a:lnTo>
                      <a:pt x="477" y="1842"/>
                    </a:lnTo>
                    <a:lnTo>
                      <a:pt x="475" y="1838"/>
                    </a:lnTo>
                    <a:lnTo>
                      <a:pt x="475" y="1836"/>
                    </a:lnTo>
                    <a:lnTo>
                      <a:pt x="475" y="1834"/>
                    </a:lnTo>
                    <a:lnTo>
                      <a:pt x="473" y="1834"/>
                    </a:lnTo>
                    <a:lnTo>
                      <a:pt x="471" y="1833"/>
                    </a:lnTo>
                    <a:lnTo>
                      <a:pt x="467" y="1829"/>
                    </a:lnTo>
                    <a:lnTo>
                      <a:pt x="466" y="1825"/>
                    </a:lnTo>
                    <a:lnTo>
                      <a:pt x="466" y="1823"/>
                    </a:lnTo>
                    <a:lnTo>
                      <a:pt x="466" y="1822"/>
                    </a:lnTo>
                    <a:lnTo>
                      <a:pt x="466" y="1820"/>
                    </a:lnTo>
                    <a:lnTo>
                      <a:pt x="464" y="1818"/>
                    </a:lnTo>
                    <a:lnTo>
                      <a:pt x="460" y="1816"/>
                    </a:lnTo>
                    <a:lnTo>
                      <a:pt x="460" y="1814"/>
                    </a:lnTo>
                    <a:lnTo>
                      <a:pt x="458" y="1814"/>
                    </a:lnTo>
                    <a:lnTo>
                      <a:pt x="458" y="1812"/>
                    </a:lnTo>
                    <a:lnTo>
                      <a:pt x="456" y="1810"/>
                    </a:lnTo>
                    <a:lnTo>
                      <a:pt x="454" y="1809"/>
                    </a:lnTo>
                    <a:lnTo>
                      <a:pt x="454" y="1807"/>
                    </a:lnTo>
                    <a:lnTo>
                      <a:pt x="456" y="1805"/>
                    </a:lnTo>
                    <a:lnTo>
                      <a:pt x="456" y="1801"/>
                    </a:lnTo>
                    <a:lnTo>
                      <a:pt x="458" y="1796"/>
                    </a:lnTo>
                    <a:lnTo>
                      <a:pt x="460" y="1796"/>
                    </a:lnTo>
                    <a:lnTo>
                      <a:pt x="462" y="1796"/>
                    </a:lnTo>
                    <a:lnTo>
                      <a:pt x="464" y="1796"/>
                    </a:lnTo>
                    <a:lnTo>
                      <a:pt x="466" y="1796"/>
                    </a:lnTo>
                    <a:lnTo>
                      <a:pt x="467" y="1796"/>
                    </a:lnTo>
                    <a:lnTo>
                      <a:pt x="469" y="1796"/>
                    </a:lnTo>
                    <a:lnTo>
                      <a:pt x="471" y="1796"/>
                    </a:lnTo>
                    <a:lnTo>
                      <a:pt x="471" y="1797"/>
                    </a:lnTo>
                    <a:lnTo>
                      <a:pt x="473" y="1799"/>
                    </a:lnTo>
                    <a:lnTo>
                      <a:pt x="478" y="1797"/>
                    </a:lnTo>
                    <a:lnTo>
                      <a:pt x="484" y="1797"/>
                    </a:lnTo>
                    <a:lnTo>
                      <a:pt x="491" y="1794"/>
                    </a:lnTo>
                    <a:lnTo>
                      <a:pt x="497" y="1792"/>
                    </a:lnTo>
                    <a:lnTo>
                      <a:pt x="501" y="1788"/>
                    </a:lnTo>
                    <a:lnTo>
                      <a:pt x="501" y="1785"/>
                    </a:lnTo>
                    <a:lnTo>
                      <a:pt x="502" y="1783"/>
                    </a:lnTo>
                    <a:lnTo>
                      <a:pt x="502" y="1781"/>
                    </a:lnTo>
                    <a:lnTo>
                      <a:pt x="502" y="1779"/>
                    </a:lnTo>
                    <a:lnTo>
                      <a:pt x="502" y="1777"/>
                    </a:lnTo>
                    <a:lnTo>
                      <a:pt x="502" y="1775"/>
                    </a:lnTo>
                    <a:lnTo>
                      <a:pt x="502" y="1773"/>
                    </a:lnTo>
                    <a:lnTo>
                      <a:pt x="502" y="1772"/>
                    </a:lnTo>
                    <a:lnTo>
                      <a:pt x="504" y="1772"/>
                    </a:lnTo>
                    <a:lnTo>
                      <a:pt x="506" y="1772"/>
                    </a:lnTo>
                    <a:lnTo>
                      <a:pt x="506" y="1770"/>
                    </a:lnTo>
                    <a:lnTo>
                      <a:pt x="508" y="1770"/>
                    </a:lnTo>
                    <a:lnTo>
                      <a:pt x="510" y="1770"/>
                    </a:lnTo>
                    <a:lnTo>
                      <a:pt x="510" y="1768"/>
                    </a:lnTo>
                    <a:lnTo>
                      <a:pt x="512" y="1768"/>
                    </a:lnTo>
                    <a:lnTo>
                      <a:pt x="510" y="1768"/>
                    </a:lnTo>
                    <a:lnTo>
                      <a:pt x="508" y="1766"/>
                    </a:lnTo>
                    <a:lnTo>
                      <a:pt x="506" y="1764"/>
                    </a:lnTo>
                    <a:lnTo>
                      <a:pt x="506" y="1762"/>
                    </a:lnTo>
                    <a:lnTo>
                      <a:pt x="504" y="1762"/>
                    </a:lnTo>
                    <a:lnTo>
                      <a:pt x="502" y="1762"/>
                    </a:lnTo>
                    <a:lnTo>
                      <a:pt x="502" y="1760"/>
                    </a:lnTo>
                    <a:lnTo>
                      <a:pt x="504" y="1760"/>
                    </a:lnTo>
                    <a:lnTo>
                      <a:pt x="506" y="1759"/>
                    </a:lnTo>
                    <a:lnTo>
                      <a:pt x="506" y="1757"/>
                    </a:lnTo>
                    <a:lnTo>
                      <a:pt x="506" y="1753"/>
                    </a:lnTo>
                    <a:lnTo>
                      <a:pt x="508" y="1753"/>
                    </a:lnTo>
                    <a:lnTo>
                      <a:pt x="506" y="1751"/>
                    </a:lnTo>
                    <a:lnTo>
                      <a:pt x="506" y="1749"/>
                    </a:lnTo>
                    <a:lnTo>
                      <a:pt x="508" y="1748"/>
                    </a:lnTo>
                    <a:lnTo>
                      <a:pt x="508" y="1744"/>
                    </a:lnTo>
                    <a:lnTo>
                      <a:pt x="508" y="1742"/>
                    </a:lnTo>
                    <a:lnTo>
                      <a:pt x="508" y="1738"/>
                    </a:lnTo>
                    <a:lnTo>
                      <a:pt x="504" y="1731"/>
                    </a:lnTo>
                    <a:lnTo>
                      <a:pt x="502" y="1725"/>
                    </a:lnTo>
                    <a:lnTo>
                      <a:pt x="501" y="1720"/>
                    </a:lnTo>
                    <a:lnTo>
                      <a:pt x="501" y="1716"/>
                    </a:lnTo>
                    <a:lnTo>
                      <a:pt x="501" y="1711"/>
                    </a:lnTo>
                    <a:lnTo>
                      <a:pt x="501" y="1705"/>
                    </a:lnTo>
                    <a:lnTo>
                      <a:pt x="499" y="1701"/>
                    </a:lnTo>
                    <a:lnTo>
                      <a:pt x="501" y="1701"/>
                    </a:lnTo>
                    <a:lnTo>
                      <a:pt x="502" y="1701"/>
                    </a:lnTo>
                    <a:lnTo>
                      <a:pt x="502" y="1703"/>
                    </a:lnTo>
                    <a:lnTo>
                      <a:pt x="504" y="1703"/>
                    </a:lnTo>
                    <a:lnTo>
                      <a:pt x="504" y="1701"/>
                    </a:lnTo>
                    <a:lnTo>
                      <a:pt x="506" y="1701"/>
                    </a:lnTo>
                    <a:lnTo>
                      <a:pt x="506" y="1699"/>
                    </a:lnTo>
                    <a:lnTo>
                      <a:pt x="508" y="1699"/>
                    </a:lnTo>
                    <a:lnTo>
                      <a:pt x="510" y="1699"/>
                    </a:lnTo>
                    <a:lnTo>
                      <a:pt x="512" y="1699"/>
                    </a:lnTo>
                    <a:lnTo>
                      <a:pt x="514" y="1699"/>
                    </a:lnTo>
                    <a:lnTo>
                      <a:pt x="517" y="1699"/>
                    </a:lnTo>
                    <a:lnTo>
                      <a:pt x="515" y="1698"/>
                    </a:lnTo>
                    <a:lnTo>
                      <a:pt x="515" y="1696"/>
                    </a:lnTo>
                    <a:lnTo>
                      <a:pt x="515" y="1694"/>
                    </a:lnTo>
                    <a:lnTo>
                      <a:pt x="515" y="1692"/>
                    </a:lnTo>
                    <a:lnTo>
                      <a:pt x="515" y="1690"/>
                    </a:lnTo>
                    <a:lnTo>
                      <a:pt x="515" y="1688"/>
                    </a:lnTo>
                    <a:lnTo>
                      <a:pt x="514" y="1686"/>
                    </a:lnTo>
                    <a:lnTo>
                      <a:pt x="512" y="1686"/>
                    </a:lnTo>
                    <a:lnTo>
                      <a:pt x="512" y="1685"/>
                    </a:lnTo>
                    <a:lnTo>
                      <a:pt x="514" y="1685"/>
                    </a:lnTo>
                    <a:lnTo>
                      <a:pt x="515" y="1685"/>
                    </a:lnTo>
                    <a:lnTo>
                      <a:pt x="515" y="1683"/>
                    </a:lnTo>
                    <a:lnTo>
                      <a:pt x="515" y="1685"/>
                    </a:lnTo>
                    <a:lnTo>
                      <a:pt x="517" y="1685"/>
                    </a:lnTo>
                    <a:lnTo>
                      <a:pt x="517" y="1683"/>
                    </a:lnTo>
                    <a:lnTo>
                      <a:pt x="519" y="1683"/>
                    </a:lnTo>
                    <a:lnTo>
                      <a:pt x="521" y="1681"/>
                    </a:lnTo>
                    <a:lnTo>
                      <a:pt x="521" y="1683"/>
                    </a:lnTo>
                    <a:lnTo>
                      <a:pt x="521" y="1681"/>
                    </a:lnTo>
                    <a:lnTo>
                      <a:pt x="523" y="1681"/>
                    </a:lnTo>
                    <a:lnTo>
                      <a:pt x="525" y="1681"/>
                    </a:lnTo>
                    <a:lnTo>
                      <a:pt x="525" y="1679"/>
                    </a:lnTo>
                    <a:lnTo>
                      <a:pt x="523" y="1679"/>
                    </a:lnTo>
                    <a:lnTo>
                      <a:pt x="525" y="1679"/>
                    </a:lnTo>
                    <a:lnTo>
                      <a:pt x="525" y="1677"/>
                    </a:lnTo>
                    <a:lnTo>
                      <a:pt x="525" y="1675"/>
                    </a:lnTo>
                    <a:lnTo>
                      <a:pt x="527" y="1675"/>
                    </a:lnTo>
                    <a:lnTo>
                      <a:pt x="527" y="1674"/>
                    </a:lnTo>
                    <a:lnTo>
                      <a:pt x="528" y="1672"/>
                    </a:lnTo>
                    <a:lnTo>
                      <a:pt x="528" y="1670"/>
                    </a:lnTo>
                    <a:lnTo>
                      <a:pt x="530" y="1670"/>
                    </a:lnTo>
                    <a:lnTo>
                      <a:pt x="528" y="1670"/>
                    </a:lnTo>
                    <a:lnTo>
                      <a:pt x="528" y="1668"/>
                    </a:lnTo>
                    <a:lnTo>
                      <a:pt x="528" y="1666"/>
                    </a:lnTo>
                    <a:lnTo>
                      <a:pt x="528" y="1664"/>
                    </a:lnTo>
                    <a:lnTo>
                      <a:pt x="530" y="1664"/>
                    </a:lnTo>
                    <a:lnTo>
                      <a:pt x="530" y="1662"/>
                    </a:lnTo>
                    <a:lnTo>
                      <a:pt x="532" y="1662"/>
                    </a:lnTo>
                    <a:lnTo>
                      <a:pt x="532" y="1661"/>
                    </a:lnTo>
                    <a:lnTo>
                      <a:pt x="530" y="1661"/>
                    </a:lnTo>
                    <a:lnTo>
                      <a:pt x="530" y="1659"/>
                    </a:lnTo>
                    <a:lnTo>
                      <a:pt x="530" y="1657"/>
                    </a:lnTo>
                    <a:lnTo>
                      <a:pt x="532" y="1657"/>
                    </a:lnTo>
                    <a:lnTo>
                      <a:pt x="532" y="1655"/>
                    </a:lnTo>
                    <a:lnTo>
                      <a:pt x="532" y="1653"/>
                    </a:lnTo>
                    <a:lnTo>
                      <a:pt x="534" y="1653"/>
                    </a:lnTo>
                    <a:lnTo>
                      <a:pt x="534" y="1651"/>
                    </a:lnTo>
                    <a:lnTo>
                      <a:pt x="534" y="1649"/>
                    </a:lnTo>
                    <a:lnTo>
                      <a:pt x="534" y="1648"/>
                    </a:lnTo>
                    <a:lnTo>
                      <a:pt x="532" y="1648"/>
                    </a:lnTo>
                    <a:lnTo>
                      <a:pt x="532" y="1646"/>
                    </a:lnTo>
                    <a:lnTo>
                      <a:pt x="532" y="1644"/>
                    </a:lnTo>
                    <a:lnTo>
                      <a:pt x="532" y="1642"/>
                    </a:lnTo>
                    <a:lnTo>
                      <a:pt x="534" y="1642"/>
                    </a:lnTo>
                    <a:lnTo>
                      <a:pt x="534" y="1640"/>
                    </a:lnTo>
                    <a:lnTo>
                      <a:pt x="534" y="1638"/>
                    </a:lnTo>
                    <a:lnTo>
                      <a:pt x="534" y="1637"/>
                    </a:lnTo>
                    <a:lnTo>
                      <a:pt x="534" y="1635"/>
                    </a:lnTo>
                    <a:lnTo>
                      <a:pt x="534" y="1633"/>
                    </a:lnTo>
                    <a:lnTo>
                      <a:pt x="536" y="1633"/>
                    </a:lnTo>
                    <a:lnTo>
                      <a:pt x="536" y="1631"/>
                    </a:lnTo>
                    <a:lnTo>
                      <a:pt x="534" y="1631"/>
                    </a:lnTo>
                    <a:lnTo>
                      <a:pt x="534" y="1629"/>
                    </a:lnTo>
                    <a:lnTo>
                      <a:pt x="534" y="1627"/>
                    </a:lnTo>
                    <a:lnTo>
                      <a:pt x="534" y="1625"/>
                    </a:lnTo>
                    <a:lnTo>
                      <a:pt x="534" y="1624"/>
                    </a:lnTo>
                    <a:lnTo>
                      <a:pt x="534" y="1622"/>
                    </a:lnTo>
                    <a:lnTo>
                      <a:pt x="532" y="1622"/>
                    </a:lnTo>
                    <a:lnTo>
                      <a:pt x="532" y="1620"/>
                    </a:lnTo>
                    <a:lnTo>
                      <a:pt x="532" y="1618"/>
                    </a:lnTo>
                    <a:lnTo>
                      <a:pt x="532" y="1616"/>
                    </a:lnTo>
                    <a:lnTo>
                      <a:pt x="532" y="1614"/>
                    </a:lnTo>
                    <a:lnTo>
                      <a:pt x="532" y="1612"/>
                    </a:lnTo>
                    <a:lnTo>
                      <a:pt x="532" y="1611"/>
                    </a:lnTo>
                    <a:lnTo>
                      <a:pt x="530" y="1611"/>
                    </a:lnTo>
                    <a:lnTo>
                      <a:pt x="530" y="1609"/>
                    </a:lnTo>
                    <a:lnTo>
                      <a:pt x="528" y="1609"/>
                    </a:lnTo>
                    <a:lnTo>
                      <a:pt x="528" y="1607"/>
                    </a:lnTo>
                    <a:lnTo>
                      <a:pt x="528" y="1605"/>
                    </a:lnTo>
                    <a:lnTo>
                      <a:pt x="530" y="1605"/>
                    </a:lnTo>
                    <a:lnTo>
                      <a:pt x="530" y="1603"/>
                    </a:lnTo>
                    <a:lnTo>
                      <a:pt x="530" y="1601"/>
                    </a:lnTo>
                    <a:lnTo>
                      <a:pt x="530" y="1600"/>
                    </a:lnTo>
                    <a:lnTo>
                      <a:pt x="530" y="1598"/>
                    </a:lnTo>
                    <a:lnTo>
                      <a:pt x="530" y="1596"/>
                    </a:lnTo>
                    <a:lnTo>
                      <a:pt x="528" y="1596"/>
                    </a:lnTo>
                    <a:lnTo>
                      <a:pt x="528" y="1594"/>
                    </a:lnTo>
                    <a:lnTo>
                      <a:pt x="528" y="1592"/>
                    </a:lnTo>
                    <a:lnTo>
                      <a:pt x="527" y="1592"/>
                    </a:lnTo>
                    <a:lnTo>
                      <a:pt x="527" y="1590"/>
                    </a:lnTo>
                    <a:lnTo>
                      <a:pt x="525" y="1590"/>
                    </a:lnTo>
                    <a:lnTo>
                      <a:pt x="525" y="1588"/>
                    </a:lnTo>
                    <a:lnTo>
                      <a:pt x="523" y="1587"/>
                    </a:lnTo>
                    <a:lnTo>
                      <a:pt x="523" y="1585"/>
                    </a:lnTo>
                    <a:lnTo>
                      <a:pt x="521" y="1585"/>
                    </a:lnTo>
                    <a:lnTo>
                      <a:pt x="521" y="1583"/>
                    </a:lnTo>
                    <a:lnTo>
                      <a:pt x="521" y="1581"/>
                    </a:lnTo>
                    <a:lnTo>
                      <a:pt x="519" y="1581"/>
                    </a:lnTo>
                    <a:lnTo>
                      <a:pt x="519" y="1579"/>
                    </a:lnTo>
                    <a:lnTo>
                      <a:pt x="517" y="1579"/>
                    </a:lnTo>
                    <a:lnTo>
                      <a:pt x="517" y="1572"/>
                    </a:lnTo>
                    <a:lnTo>
                      <a:pt x="517" y="1570"/>
                    </a:lnTo>
                    <a:lnTo>
                      <a:pt x="517" y="1564"/>
                    </a:lnTo>
                    <a:lnTo>
                      <a:pt x="521" y="1564"/>
                    </a:lnTo>
                    <a:lnTo>
                      <a:pt x="523" y="1564"/>
                    </a:lnTo>
                    <a:lnTo>
                      <a:pt x="527" y="1563"/>
                    </a:lnTo>
                    <a:lnTo>
                      <a:pt x="528" y="1563"/>
                    </a:lnTo>
                    <a:lnTo>
                      <a:pt x="532" y="1561"/>
                    </a:lnTo>
                    <a:lnTo>
                      <a:pt x="534" y="1559"/>
                    </a:lnTo>
                    <a:lnTo>
                      <a:pt x="536" y="1557"/>
                    </a:lnTo>
                    <a:lnTo>
                      <a:pt x="538" y="1557"/>
                    </a:lnTo>
                    <a:lnTo>
                      <a:pt x="538" y="1555"/>
                    </a:lnTo>
                    <a:lnTo>
                      <a:pt x="539" y="1555"/>
                    </a:lnTo>
                    <a:lnTo>
                      <a:pt x="541" y="1555"/>
                    </a:lnTo>
                    <a:lnTo>
                      <a:pt x="541" y="1553"/>
                    </a:lnTo>
                    <a:lnTo>
                      <a:pt x="543" y="1553"/>
                    </a:lnTo>
                    <a:lnTo>
                      <a:pt x="545" y="1551"/>
                    </a:lnTo>
                    <a:lnTo>
                      <a:pt x="547" y="1550"/>
                    </a:lnTo>
                    <a:lnTo>
                      <a:pt x="549" y="1548"/>
                    </a:lnTo>
                    <a:lnTo>
                      <a:pt x="551" y="1546"/>
                    </a:lnTo>
                    <a:lnTo>
                      <a:pt x="551" y="1544"/>
                    </a:lnTo>
                    <a:lnTo>
                      <a:pt x="556" y="1537"/>
                    </a:lnTo>
                    <a:lnTo>
                      <a:pt x="558" y="1533"/>
                    </a:lnTo>
                    <a:lnTo>
                      <a:pt x="560" y="1529"/>
                    </a:lnTo>
                    <a:lnTo>
                      <a:pt x="562" y="1527"/>
                    </a:lnTo>
                    <a:lnTo>
                      <a:pt x="562" y="1526"/>
                    </a:lnTo>
                    <a:lnTo>
                      <a:pt x="562" y="1524"/>
                    </a:lnTo>
                    <a:lnTo>
                      <a:pt x="563" y="1524"/>
                    </a:lnTo>
                    <a:lnTo>
                      <a:pt x="563" y="1522"/>
                    </a:lnTo>
                    <a:lnTo>
                      <a:pt x="565" y="1522"/>
                    </a:lnTo>
                    <a:lnTo>
                      <a:pt x="565" y="1520"/>
                    </a:lnTo>
                    <a:lnTo>
                      <a:pt x="565" y="1518"/>
                    </a:lnTo>
                    <a:lnTo>
                      <a:pt x="567" y="1518"/>
                    </a:lnTo>
                    <a:lnTo>
                      <a:pt x="569" y="1516"/>
                    </a:lnTo>
                    <a:lnTo>
                      <a:pt x="569" y="1514"/>
                    </a:lnTo>
                    <a:lnTo>
                      <a:pt x="571" y="1513"/>
                    </a:lnTo>
                    <a:lnTo>
                      <a:pt x="573" y="1513"/>
                    </a:lnTo>
                    <a:lnTo>
                      <a:pt x="575" y="1509"/>
                    </a:lnTo>
                    <a:lnTo>
                      <a:pt x="576" y="1509"/>
                    </a:lnTo>
                    <a:lnTo>
                      <a:pt x="578" y="1505"/>
                    </a:lnTo>
                    <a:lnTo>
                      <a:pt x="580" y="1505"/>
                    </a:lnTo>
                    <a:lnTo>
                      <a:pt x="580" y="1503"/>
                    </a:lnTo>
                    <a:lnTo>
                      <a:pt x="584" y="1503"/>
                    </a:lnTo>
                    <a:lnTo>
                      <a:pt x="589" y="1507"/>
                    </a:lnTo>
                    <a:lnTo>
                      <a:pt x="591" y="1507"/>
                    </a:lnTo>
                    <a:lnTo>
                      <a:pt x="591" y="1509"/>
                    </a:lnTo>
                    <a:lnTo>
                      <a:pt x="593" y="1509"/>
                    </a:lnTo>
                    <a:lnTo>
                      <a:pt x="595" y="1509"/>
                    </a:lnTo>
                    <a:lnTo>
                      <a:pt x="595" y="1511"/>
                    </a:lnTo>
                    <a:lnTo>
                      <a:pt x="597" y="1511"/>
                    </a:lnTo>
                    <a:lnTo>
                      <a:pt x="599" y="1511"/>
                    </a:lnTo>
                    <a:lnTo>
                      <a:pt x="600" y="1511"/>
                    </a:lnTo>
                    <a:lnTo>
                      <a:pt x="600" y="1513"/>
                    </a:lnTo>
                    <a:lnTo>
                      <a:pt x="602" y="1513"/>
                    </a:lnTo>
                    <a:lnTo>
                      <a:pt x="604" y="1513"/>
                    </a:lnTo>
                    <a:lnTo>
                      <a:pt x="606" y="1514"/>
                    </a:lnTo>
                    <a:lnTo>
                      <a:pt x="612" y="1513"/>
                    </a:lnTo>
                    <a:lnTo>
                      <a:pt x="617" y="1509"/>
                    </a:lnTo>
                    <a:lnTo>
                      <a:pt x="623" y="1500"/>
                    </a:lnTo>
                    <a:lnTo>
                      <a:pt x="624" y="1492"/>
                    </a:lnTo>
                    <a:lnTo>
                      <a:pt x="628" y="1490"/>
                    </a:lnTo>
                    <a:lnTo>
                      <a:pt x="636" y="1487"/>
                    </a:lnTo>
                    <a:lnTo>
                      <a:pt x="632" y="1481"/>
                    </a:lnTo>
                    <a:lnTo>
                      <a:pt x="628" y="1470"/>
                    </a:lnTo>
                    <a:lnTo>
                      <a:pt x="630" y="1452"/>
                    </a:lnTo>
                    <a:lnTo>
                      <a:pt x="632" y="1439"/>
                    </a:lnTo>
                    <a:lnTo>
                      <a:pt x="632" y="1433"/>
                    </a:lnTo>
                    <a:lnTo>
                      <a:pt x="624" y="1428"/>
                    </a:lnTo>
                    <a:lnTo>
                      <a:pt x="624" y="1422"/>
                    </a:lnTo>
                    <a:lnTo>
                      <a:pt x="624" y="1409"/>
                    </a:lnTo>
                    <a:lnTo>
                      <a:pt x="624" y="1396"/>
                    </a:lnTo>
                    <a:lnTo>
                      <a:pt x="626" y="1396"/>
                    </a:lnTo>
                    <a:lnTo>
                      <a:pt x="628" y="1396"/>
                    </a:lnTo>
                    <a:lnTo>
                      <a:pt x="630" y="1396"/>
                    </a:lnTo>
                    <a:lnTo>
                      <a:pt x="632" y="1396"/>
                    </a:lnTo>
                    <a:lnTo>
                      <a:pt x="634" y="1396"/>
                    </a:lnTo>
                    <a:lnTo>
                      <a:pt x="636" y="1396"/>
                    </a:lnTo>
                    <a:lnTo>
                      <a:pt x="637" y="1396"/>
                    </a:lnTo>
                    <a:lnTo>
                      <a:pt x="639" y="1396"/>
                    </a:lnTo>
                    <a:lnTo>
                      <a:pt x="639" y="1394"/>
                    </a:lnTo>
                    <a:lnTo>
                      <a:pt x="641" y="1394"/>
                    </a:lnTo>
                    <a:lnTo>
                      <a:pt x="643" y="1394"/>
                    </a:lnTo>
                    <a:lnTo>
                      <a:pt x="643" y="1392"/>
                    </a:lnTo>
                    <a:lnTo>
                      <a:pt x="645" y="1391"/>
                    </a:lnTo>
                    <a:lnTo>
                      <a:pt x="647" y="1389"/>
                    </a:lnTo>
                    <a:lnTo>
                      <a:pt x="649" y="1385"/>
                    </a:lnTo>
                    <a:lnTo>
                      <a:pt x="647" y="1379"/>
                    </a:lnTo>
                    <a:lnTo>
                      <a:pt x="647" y="1378"/>
                    </a:lnTo>
                    <a:lnTo>
                      <a:pt x="645" y="1378"/>
                    </a:lnTo>
                    <a:lnTo>
                      <a:pt x="645" y="1376"/>
                    </a:lnTo>
                    <a:lnTo>
                      <a:pt x="645" y="1374"/>
                    </a:lnTo>
                    <a:lnTo>
                      <a:pt x="643" y="1374"/>
                    </a:lnTo>
                    <a:lnTo>
                      <a:pt x="643" y="1372"/>
                    </a:lnTo>
                    <a:lnTo>
                      <a:pt x="643" y="1370"/>
                    </a:lnTo>
                    <a:lnTo>
                      <a:pt x="641" y="1370"/>
                    </a:lnTo>
                    <a:lnTo>
                      <a:pt x="641" y="1368"/>
                    </a:lnTo>
                    <a:lnTo>
                      <a:pt x="639" y="1365"/>
                    </a:lnTo>
                    <a:lnTo>
                      <a:pt x="636" y="1359"/>
                    </a:lnTo>
                    <a:lnTo>
                      <a:pt x="637" y="1359"/>
                    </a:lnTo>
                    <a:lnTo>
                      <a:pt x="639" y="1359"/>
                    </a:lnTo>
                    <a:lnTo>
                      <a:pt x="641" y="1359"/>
                    </a:lnTo>
                    <a:lnTo>
                      <a:pt x="643" y="1359"/>
                    </a:lnTo>
                    <a:lnTo>
                      <a:pt x="645" y="1359"/>
                    </a:lnTo>
                    <a:lnTo>
                      <a:pt x="647" y="1359"/>
                    </a:lnTo>
                    <a:lnTo>
                      <a:pt x="649" y="1359"/>
                    </a:lnTo>
                    <a:lnTo>
                      <a:pt x="650" y="1359"/>
                    </a:lnTo>
                    <a:lnTo>
                      <a:pt x="652" y="1359"/>
                    </a:lnTo>
                    <a:lnTo>
                      <a:pt x="654" y="1359"/>
                    </a:lnTo>
                    <a:lnTo>
                      <a:pt x="656" y="1359"/>
                    </a:lnTo>
                    <a:lnTo>
                      <a:pt x="658" y="1359"/>
                    </a:lnTo>
                    <a:lnTo>
                      <a:pt x="660" y="1359"/>
                    </a:lnTo>
                    <a:lnTo>
                      <a:pt x="661" y="1359"/>
                    </a:lnTo>
                    <a:lnTo>
                      <a:pt x="661" y="1357"/>
                    </a:lnTo>
                    <a:lnTo>
                      <a:pt x="661" y="1359"/>
                    </a:lnTo>
                    <a:lnTo>
                      <a:pt x="663" y="1357"/>
                    </a:lnTo>
                    <a:lnTo>
                      <a:pt x="665" y="1359"/>
                    </a:lnTo>
                    <a:lnTo>
                      <a:pt x="667" y="1359"/>
                    </a:lnTo>
                    <a:lnTo>
                      <a:pt x="667" y="1357"/>
                    </a:lnTo>
                    <a:lnTo>
                      <a:pt x="667" y="1359"/>
                    </a:lnTo>
                    <a:lnTo>
                      <a:pt x="669" y="1357"/>
                    </a:lnTo>
                    <a:lnTo>
                      <a:pt x="671" y="1359"/>
                    </a:lnTo>
                    <a:lnTo>
                      <a:pt x="671" y="1361"/>
                    </a:lnTo>
                    <a:lnTo>
                      <a:pt x="673" y="1361"/>
                    </a:lnTo>
                    <a:lnTo>
                      <a:pt x="673" y="1363"/>
                    </a:lnTo>
                    <a:lnTo>
                      <a:pt x="674" y="1363"/>
                    </a:lnTo>
                    <a:lnTo>
                      <a:pt x="676" y="1365"/>
                    </a:lnTo>
                    <a:lnTo>
                      <a:pt x="678" y="1365"/>
                    </a:lnTo>
                    <a:lnTo>
                      <a:pt x="678" y="1366"/>
                    </a:lnTo>
                    <a:lnTo>
                      <a:pt x="678" y="1368"/>
                    </a:lnTo>
                    <a:lnTo>
                      <a:pt x="678" y="1370"/>
                    </a:lnTo>
                    <a:lnTo>
                      <a:pt x="678" y="1372"/>
                    </a:lnTo>
                    <a:lnTo>
                      <a:pt x="678" y="1374"/>
                    </a:lnTo>
                    <a:lnTo>
                      <a:pt x="680" y="1374"/>
                    </a:lnTo>
                    <a:lnTo>
                      <a:pt x="680" y="1376"/>
                    </a:lnTo>
                    <a:lnTo>
                      <a:pt x="682" y="1376"/>
                    </a:lnTo>
                    <a:lnTo>
                      <a:pt x="684" y="1376"/>
                    </a:lnTo>
                    <a:lnTo>
                      <a:pt x="684" y="1378"/>
                    </a:lnTo>
                    <a:lnTo>
                      <a:pt x="685" y="1379"/>
                    </a:lnTo>
                    <a:lnTo>
                      <a:pt x="684" y="1379"/>
                    </a:lnTo>
                    <a:lnTo>
                      <a:pt x="685" y="1381"/>
                    </a:lnTo>
                    <a:lnTo>
                      <a:pt x="684" y="1381"/>
                    </a:lnTo>
                    <a:lnTo>
                      <a:pt x="685" y="1385"/>
                    </a:lnTo>
                    <a:lnTo>
                      <a:pt x="684" y="1385"/>
                    </a:lnTo>
                    <a:lnTo>
                      <a:pt x="684" y="1387"/>
                    </a:lnTo>
                    <a:lnTo>
                      <a:pt x="685" y="1387"/>
                    </a:lnTo>
                    <a:lnTo>
                      <a:pt x="685" y="1389"/>
                    </a:lnTo>
                    <a:lnTo>
                      <a:pt x="685" y="1391"/>
                    </a:lnTo>
                    <a:lnTo>
                      <a:pt x="687" y="1391"/>
                    </a:lnTo>
                    <a:lnTo>
                      <a:pt x="687" y="1389"/>
                    </a:lnTo>
                    <a:lnTo>
                      <a:pt x="687" y="1387"/>
                    </a:lnTo>
                    <a:lnTo>
                      <a:pt x="687" y="1385"/>
                    </a:lnTo>
                    <a:lnTo>
                      <a:pt x="689" y="1383"/>
                    </a:lnTo>
                    <a:lnTo>
                      <a:pt x="689" y="1381"/>
                    </a:lnTo>
                    <a:lnTo>
                      <a:pt x="691" y="1381"/>
                    </a:lnTo>
                    <a:lnTo>
                      <a:pt x="691" y="1379"/>
                    </a:lnTo>
                    <a:lnTo>
                      <a:pt x="691" y="1378"/>
                    </a:lnTo>
                    <a:lnTo>
                      <a:pt x="693" y="1378"/>
                    </a:lnTo>
                    <a:lnTo>
                      <a:pt x="695" y="1376"/>
                    </a:lnTo>
                    <a:lnTo>
                      <a:pt x="693" y="1374"/>
                    </a:lnTo>
                    <a:lnTo>
                      <a:pt x="695" y="1374"/>
                    </a:lnTo>
                    <a:lnTo>
                      <a:pt x="700" y="1372"/>
                    </a:lnTo>
                    <a:lnTo>
                      <a:pt x="713" y="1359"/>
                    </a:lnTo>
                    <a:lnTo>
                      <a:pt x="715" y="1357"/>
                    </a:lnTo>
                    <a:lnTo>
                      <a:pt x="711" y="1357"/>
                    </a:lnTo>
                    <a:lnTo>
                      <a:pt x="708" y="1357"/>
                    </a:lnTo>
                    <a:lnTo>
                      <a:pt x="704" y="1357"/>
                    </a:lnTo>
                    <a:lnTo>
                      <a:pt x="704" y="1354"/>
                    </a:lnTo>
                    <a:lnTo>
                      <a:pt x="706" y="1352"/>
                    </a:lnTo>
                    <a:lnTo>
                      <a:pt x="706" y="1350"/>
                    </a:lnTo>
                    <a:lnTo>
                      <a:pt x="706" y="1348"/>
                    </a:lnTo>
                    <a:lnTo>
                      <a:pt x="708" y="1344"/>
                    </a:lnTo>
                    <a:lnTo>
                      <a:pt x="708" y="1342"/>
                    </a:lnTo>
                    <a:lnTo>
                      <a:pt x="706" y="1341"/>
                    </a:lnTo>
                    <a:lnTo>
                      <a:pt x="708" y="1341"/>
                    </a:lnTo>
                    <a:lnTo>
                      <a:pt x="708" y="1339"/>
                    </a:lnTo>
                    <a:lnTo>
                      <a:pt x="708" y="1337"/>
                    </a:lnTo>
                    <a:lnTo>
                      <a:pt x="708" y="1335"/>
                    </a:lnTo>
                    <a:lnTo>
                      <a:pt x="708" y="1333"/>
                    </a:lnTo>
                    <a:lnTo>
                      <a:pt x="708" y="1331"/>
                    </a:lnTo>
                    <a:lnTo>
                      <a:pt x="706" y="1329"/>
                    </a:lnTo>
                    <a:lnTo>
                      <a:pt x="708" y="1328"/>
                    </a:lnTo>
                    <a:lnTo>
                      <a:pt x="710" y="1326"/>
                    </a:lnTo>
                    <a:lnTo>
                      <a:pt x="710" y="1324"/>
                    </a:lnTo>
                    <a:lnTo>
                      <a:pt x="710" y="1322"/>
                    </a:lnTo>
                    <a:lnTo>
                      <a:pt x="711" y="1322"/>
                    </a:lnTo>
                    <a:lnTo>
                      <a:pt x="713" y="1318"/>
                    </a:lnTo>
                    <a:lnTo>
                      <a:pt x="711" y="1313"/>
                    </a:lnTo>
                    <a:lnTo>
                      <a:pt x="711" y="1311"/>
                    </a:lnTo>
                    <a:lnTo>
                      <a:pt x="710" y="1309"/>
                    </a:lnTo>
                    <a:lnTo>
                      <a:pt x="710" y="1307"/>
                    </a:lnTo>
                    <a:lnTo>
                      <a:pt x="710" y="1305"/>
                    </a:lnTo>
                    <a:lnTo>
                      <a:pt x="711" y="1304"/>
                    </a:lnTo>
                    <a:lnTo>
                      <a:pt x="713" y="1304"/>
                    </a:lnTo>
                    <a:lnTo>
                      <a:pt x="715" y="1302"/>
                    </a:lnTo>
                    <a:lnTo>
                      <a:pt x="713" y="1294"/>
                    </a:lnTo>
                    <a:lnTo>
                      <a:pt x="713" y="1292"/>
                    </a:lnTo>
                    <a:lnTo>
                      <a:pt x="715" y="1289"/>
                    </a:lnTo>
                    <a:lnTo>
                      <a:pt x="717" y="1287"/>
                    </a:lnTo>
                    <a:lnTo>
                      <a:pt x="719" y="1287"/>
                    </a:lnTo>
                    <a:lnTo>
                      <a:pt x="717" y="1285"/>
                    </a:lnTo>
                    <a:lnTo>
                      <a:pt x="715" y="1281"/>
                    </a:lnTo>
                    <a:lnTo>
                      <a:pt x="713" y="1283"/>
                    </a:lnTo>
                    <a:lnTo>
                      <a:pt x="711" y="1283"/>
                    </a:lnTo>
                    <a:lnTo>
                      <a:pt x="706" y="1283"/>
                    </a:lnTo>
                    <a:lnTo>
                      <a:pt x="704" y="1283"/>
                    </a:lnTo>
                    <a:lnTo>
                      <a:pt x="700" y="1280"/>
                    </a:lnTo>
                    <a:lnTo>
                      <a:pt x="698" y="1278"/>
                    </a:lnTo>
                    <a:lnTo>
                      <a:pt x="695" y="1268"/>
                    </a:lnTo>
                    <a:lnTo>
                      <a:pt x="693" y="1270"/>
                    </a:lnTo>
                    <a:lnTo>
                      <a:pt x="691" y="1272"/>
                    </a:lnTo>
                    <a:lnTo>
                      <a:pt x="689" y="1272"/>
                    </a:lnTo>
                    <a:lnTo>
                      <a:pt x="687" y="1270"/>
                    </a:lnTo>
                    <a:lnTo>
                      <a:pt x="685" y="1270"/>
                    </a:lnTo>
                    <a:lnTo>
                      <a:pt x="684" y="1270"/>
                    </a:lnTo>
                    <a:lnTo>
                      <a:pt x="682" y="1270"/>
                    </a:lnTo>
                    <a:lnTo>
                      <a:pt x="680" y="1270"/>
                    </a:lnTo>
                    <a:lnTo>
                      <a:pt x="678" y="1270"/>
                    </a:lnTo>
                    <a:lnTo>
                      <a:pt x="673" y="1270"/>
                    </a:lnTo>
                    <a:lnTo>
                      <a:pt x="671" y="1270"/>
                    </a:lnTo>
                    <a:lnTo>
                      <a:pt x="671" y="1268"/>
                    </a:lnTo>
                    <a:lnTo>
                      <a:pt x="671" y="1267"/>
                    </a:lnTo>
                    <a:lnTo>
                      <a:pt x="671" y="1265"/>
                    </a:lnTo>
                    <a:lnTo>
                      <a:pt x="673" y="1263"/>
                    </a:lnTo>
                    <a:lnTo>
                      <a:pt x="673" y="1261"/>
                    </a:lnTo>
                    <a:lnTo>
                      <a:pt x="674" y="1259"/>
                    </a:lnTo>
                    <a:lnTo>
                      <a:pt x="676" y="1257"/>
                    </a:lnTo>
                    <a:lnTo>
                      <a:pt x="676" y="1256"/>
                    </a:lnTo>
                    <a:lnTo>
                      <a:pt x="676" y="1254"/>
                    </a:lnTo>
                    <a:lnTo>
                      <a:pt x="676" y="1252"/>
                    </a:lnTo>
                    <a:lnTo>
                      <a:pt x="678" y="1250"/>
                    </a:lnTo>
                    <a:lnTo>
                      <a:pt x="678" y="1246"/>
                    </a:lnTo>
                    <a:lnTo>
                      <a:pt x="678" y="1244"/>
                    </a:lnTo>
                    <a:lnTo>
                      <a:pt x="676" y="1243"/>
                    </a:lnTo>
                    <a:lnTo>
                      <a:pt x="674" y="1241"/>
                    </a:lnTo>
                    <a:lnTo>
                      <a:pt x="673" y="1241"/>
                    </a:lnTo>
                    <a:lnTo>
                      <a:pt x="671" y="1241"/>
                    </a:lnTo>
                    <a:lnTo>
                      <a:pt x="669" y="1241"/>
                    </a:lnTo>
                    <a:lnTo>
                      <a:pt x="667" y="1241"/>
                    </a:lnTo>
                    <a:lnTo>
                      <a:pt x="667" y="1239"/>
                    </a:lnTo>
                    <a:lnTo>
                      <a:pt x="665" y="1239"/>
                    </a:lnTo>
                    <a:lnTo>
                      <a:pt x="663" y="1237"/>
                    </a:lnTo>
                    <a:lnTo>
                      <a:pt x="661" y="1237"/>
                    </a:lnTo>
                    <a:lnTo>
                      <a:pt x="660" y="1239"/>
                    </a:lnTo>
                    <a:lnTo>
                      <a:pt x="658" y="1237"/>
                    </a:lnTo>
                    <a:lnTo>
                      <a:pt x="656" y="1237"/>
                    </a:lnTo>
                    <a:lnTo>
                      <a:pt x="652" y="1237"/>
                    </a:lnTo>
                    <a:lnTo>
                      <a:pt x="650" y="1235"/>
                    </a:lnTo>
                    <a:lnTo>
                      <a:pt x="649" y="1235"/>
                    </a:lnTo>
                    <a:lnTo>
                      <a:pt x="649" y="1233"/>
                    </a:lnTo>
                    <a:lnTo>
                      <a:pt x="647" y="1233"/>
                    </a:lnTo>
                    <a:lnTo>
                      <a:pt x="645" y="1233"/>
                    </a:lnTo>
                    <a:lnTo>
                      <a:pt x="643" y="1233"/>
                    </a:lnTo>
                    <a:lnTo>
                      <a:pt x="641" y="1233"/>
                    </a:lnTo>
                    <a:lnTo>
                      <a:pt x="639" y="1233"/>
                    </a:lnTo>
                    <a:lnTo>
                      <a:pt x="637" y="1233"/>
                    </a:lnTo>
                    <a:lnTo>
                      <a:pt x="636" y="1231"/>
                    </a:lnTo>
                    <a:lnTo>
                      <a:pt x="632" y="1231"/>
                    </a:lnTo>
                    <a:lnTo>
                      <a:pt x="630" y="1231"/>
                    </a:lnTo>
                    <a:lnTo>
                      <a:pt x="628" y="1231"/>
                    </a:lnTo>
                    <a:lnTo>
                      <a:pt x="626" y="1231"/>
                    </a:lnTo>
                    <a:lnTo>
                      <a:pt x="624" y="1231"/>
                    </a:lnTo>
                    <a:lnTo>
                      <a:pt x="623" y="1231"/>
                    </a:lnTo>
                    <a:lnTo>
                      <a:pt x="621" y="1230"/>
                    </a:lnTo>
                    <a:lnTo>
                      <a:pt x="619" y="1231"/>
                    </a:lnTo>
                    <a:lnTo>
                      <a:pt x="617" y="1231"/>
                    </a:lnTo>
                    <a:lnTo>
                      <a:pt x="615" y="1230"/>
                    </a:lnTo>
                    <a:lnTo>
                      <a:pt x="613" y="1228"/>
                    </a:lnTo>
                    <a:lnTo>
                      <a:pt x="612" y="1226"/>
                    </a:lnTo>
                    <a:lnTo>
                      <a:pt x="610" y="1224"/>
                    </a:lnTo>
                    <a:lnTo>
                      <a:pt x="608" y="1222"/>
                    </a:lnTo>
                    <a:lnTo>
                      <a:pt x="606" y="1220"/>
                    </a:lnTo>
                    <a:lnTo>
                      <a:pt x="606" y="1219"/>
                    </a:lnTo>
                    <a:lnTo>
                      <a:pt x="604" y="1217"/>
                    </a:lnTo>
                    <a:lnTo>
                      <a:pt x="602" y="1213"/>
                    </a:lnTo>
                    <a:lnTo>
                      <a:pt x="602" y="1211"/>
                    </a:lnTo>
                    <a:lnTo>
                      <a:pt x="602" y="1206"/>
                    </a:lnTo>
                    <a:lnTo>
                      <a:pt x="602" y="1204"/>
                    </a:lnTo>
                    <a:lnTo>
                      <a:pt x="602" y="1200"/>
                    </a:lnTo>
                    <a:lnTo>
                      <a:pt x="602" y="1198"/>
                    </a:lnTo>
                    <a:lnTo>
                      <a:pt x="602" y="1194"/>
                    </a:lnTo>
                    <a:lnTo>
                      <a:pt x="602" y="1191"/>
                    </a:lnTo>
                    <a:lnTo>
                      <a:pt x="604" y="1189"/>
                    </a:lnTo>
                    <a:lnTo>
                      <a:pt x="608" y="1182"/>
                    </a:lnTo>
                    <a:lnTo>
                      <a:pt x="610" y="1180"/>
                    </a:lnTo>
                    <a:lnTo>
                      <a:pt x="610" y="1176"/>
                    </a:lnTo>
                    <a:lnTo>
                      <a:pt x="612" y="1174"/>
                    </a:lnTo>
                    <a:lnTo>
                      <a:pt x="612" y="1172"/>
                    </a:lnTo>
                    <a:lnTo>
                      <a:pt x="613" y="1170"/>
                    </a:lnTo>
                    <a:lnTo>
                      <a:pt x="613" y="1165"/>
                    </a:lnTo>
                    <a:lnTo>
                      <a:pt x="613" y="1163"/>
                    </a:lnTo>
                    <a:lnTo>
                      <a:pt x="612" y="1161"/>
                    </a:lnTo>
                    <a:lnTo>
                      <a:pt x="612" y="1157"/>
                    </a:lnTo>
                    <a:lnTo>
                      <a:pt x="612" y="1156"/>
                    </a:lnTo>
                    <a:lnTo>
                      <a:pt x="612" y="1152"/>
                    </a:lnTo>
                    <a:lnTo>
                      <a:pt x="612" y="1150"/>
                    </a:lnTo>
                    <a:lnTo>
                      <a:pt x="612" y="1148"/>
                    </a:lnTo>
                    <a:lnTo>
                      <a:pt x="612" y="1146"/>
                    </a:lnTo>
                    <a:lnTo>
                      <a:pt x="612" y="1145"/>
                    </a:lnTo>
                    <a:lnTo>
                      <a:pt x="610" y="1145"/>
                    </a:lnTo>
                    <a:lnTo>
                      <a:pt x="610" y="1143"/>
                    </a:lnTo>
                    <a:lnTo>
                      <a:pt x="610" y="1141"/>
                    </a:lnTo>
                    <a:lnTo>
                      <a:pt x="608" y="1137"/>
                    </a:lnTo>
                    <a:lnTo>
                      <a:pt x="606" y="1137"/>
                    </a:lnTo>
                    <a:lnTo>
                      <a:pt x="604" y="1137"/>
                    </a:lnTo>
                    <a:lnTo>
                      <a:pt x="606" y="1135"/>
                    </a:lnTo>
                    <a:lnTo>
                      <a:pt x="604" y="1133"/>
                    </a:lnTo>
                    <a:lnTo>
                      <a:pt x="602" y="1133"/>
                    </a:lnTo>
                    <a:lnTo>
                      <a:pt x="600" y="1133"/>
                    </a:lnTo>
                    <a:lnTo>
                      <a:pt x="599" y="1130"/>
                    </a:lnTo>
                    <a:lnTo>
                      <a:pt x="597" y="1128"/>
                    </a:lnTo>
                    <a:lnTo>
                      <a:pt x="597" y="1126"/>
                    </a:lnTo>
                    <a:lnTo>
                      <a:pt x="597" y="1122"/>
                    </a:lnTo>
                    <a:lnTo>
                      <a:pt x="597" y="1120"/>
                    </a:lnTo>
                    <a:lnTo>
                      <a:pt x="595" y="1122"/>
                    </a:lnTo>
                    <a:lnTo>
                      <a:pt x="595" y="1120"/>
                    </a:lnTo>
                    <a:lnTo>
                      <a:pt x="593" y="1120"/>
                    </a:lnTo>
                    <a:lnTo>
                      <a:pt x="595" y="1119"/>
                    </a:lnTo>
                    <a:lnTo>
                      <a:pt x="597" y="1117"/>
                    </a:lnTo>
                    <a:lnTo>
                      <a:pt x="600" y="1113"/>
                    </a:lnTo>
                    <a:lnTo>
                      <a:pt x="602" y="1113"/>
                    </a:lnTo>
                    <a:lnTo>
                      <a:pt x="602" y="1111"/>
                    </a:lnTo>
                    <a:lnTo>
                      <a:pt x="602" y="1109"/>
                    </a:lnTo>
                    <a:lnTo>
                      <a:pt x="604" y="1109"/>
                    </a:lnTo>
                    <a:lnTo>
                      <a:pt x="606" y="1108"/>
                    </a:lnTo>
                    <a:lnTo>
                      <a:pt x="608" y="1108"/>
                    </a:lnTo>
                    <a:lnTo>
                      <a:pt x="608" y="1106"/>
                    </a:lnTo>
                    <a:lnTo>
                      <a:pt x="608" y="1102"/>
                    </a:lnTo>
                    <a:lnTo>
                      <a:pt x="610" y="1102"/>
                    </a:lnTo>
                    <a:lnTo>
                      <a:pt x="613" y="1098"/>
                    </a:lnTo>
                    <a:lnTo>
                      <a:pt x="613" y="1096"/>
                    </a:lnTo>
                    <a:lnTo>
                      <a:pt x="610" y="1093"/>
                    </a:lnTo>
                    <a:lnTo>
                      <a:pt x="610" y="1091"/>
                    </a:lnTo>
                    <a:lnTo>
                      <a:pt x="612" y="1089"/>
                    </a:lnTo>
                    <a:lnTo>
                      <a:pt x="612" y="1087"/>
                    </a:lnTo>
                    <a:lnTo>
                      <a:pt x="612" y="1085"/>
                    </a:lnTo>
                    <a:lnTo>
                      <a:pt x="610" y="1082"/>
                    </a:lnTo>
                    <a:lnTo>
                      <a:pt x="610" y="1078"/>
                    </a:lnTo>
                    <a:lnTo>
                      <a:pt x="612" y="1076"/>
                    </a:lnTo>
                    <a:lnTo>
                      <a:pt x="612" y="1074"/>
                    </a:lnTo>
                    <a:lnTo>
                      <a:pt x="613" y="1072"/>
                    </a:lnTo>
                    <a:lnTo>
                      <a:pt x="615" y="1069"/>
                    </a:lnTo>
                    <a:lnTo>
                      <a:pt x="617" y="1067"/>
                    </a:lnTo>
                    <a:lnTo>
                      <a:pt x="619" y="1063"/>
                    </a:lnTo>
                    <a:lnTo>
                      <a:pt x="619" y="1059"/>
                    </a:lnTo>
                    <a:lnTo>
                      <a:pt x="621" y="1058"/>
                    </a:lnTo>
                    <a:lnTo>
                      <a:pt x="621" y="1054"/>
                    </a:lnTo>
                    <a:lnTo>
                      <a:pt x="621" y="1050"/>
                    </a:lnTo>
                    <a:lnTo>
                      <a:pt x="623" y="1046"/>
                    </a:lnTo>
                    <a:lnTo>
                      <a:pt x="624" y="1045"/>
                    </a:lnTo>
                    <a:lnTo>
                      <a:pt x="624" y="1043"/>
                    </a:lnTo>
                    <a:lnTo>
                      <a:pt x="626" y="1043"/>
                    </a:lnTo>
                    <a:lnTo>
                      <a:pt x="628" y="1039"/>
                    </a:lnTo>
                    <a:lnTo>
                      <a:pt x="632" y="1035"/>
                    </a:lnTo>
                    <a:lnTo>
                      <a:pt x="636" y="1034"/>
                    </a:lnTo>
                    <a:lnTo>
                      <a:pt x="636" y="1032"/>
                    </a:lnTo>
                    <a:lnTo>
                      <a:pt x="634" y="1028"/>
                    </a:lnTo>
                    <a:lnTo>
                      <a:pt x="636" y="1026"/>
                    </a:lnTo>
                    <a:lnTo>
                      <a:pt x="636" y="1022"/>
                    </a:lnTo>
                    <a:lnTo>
                      <a:pt x="637" y="1019"/>
                    </a:lnTo>
                    <a:lnTo>
                      <a:pt x="636" y="1017"/>
                    </a:lnTo>
                    <a:lnTo>
                      <a:pt x="636" y="1011"/>
                    </a:lnTo>
                    <a:lnTo>
                      <a:pt x="636" y="1009"/>
                    </a:lnTo>
                    <a:lnTo>
                      <a:pt x="637" y="1008"/>
                    </a:lnTo>
                    <a:lnTo>
                      <a:pt x="639" y="1008"/>
                    </a:lnTo>
                    <a:lnTo>
                      <a:pt x="643" y="1006"/>
                    </a:lnTo>
                    <a:lnTo>
                      <a:pt x="649" y="1004"/>
                    </a:lnTo>
                    <a:lnTo>
                      <a:pt x="650" y="1004"/>
                    </a:lnTo>
                    <a:lnTo>
                      <a:pt x="650" y="998"/>
                    </a:lnTo>
                    <a:lnTo>
                      <a:pt x="650" y="997"/>
                    </a:lnTo>
                    <a:lnTo>
                      <a:pt x="649" y="995"/>
                    </a:lnTo>
                    <a:lnTo>
                      <a:pt x="649" y="993"/>
                    </a:lnTo>
                    <a:lnTo>
                      <a:pt x="649" y="991"/>
                    </a:lnTo>
                    <a:lnTo>
                      <a:pt x="647" y="991"/>
                    </a:lnTo>
                    <a:lnTo>
                      <a:pt x="647" y="989"/>
                    </a:lnTo>
                    <a:lnTo>
                      <a:pt x="645" y="989"/>
                    </a:lnTo>
                    <a:lnTo>
                      <a:pt x="645" y="987"/>
                    </a:lnTo>
                    <a:lnTo>
                      <a:pt x="643" y="987"/>
                    </a:lnTo>
                    <a:lnTo>
                      <a:pt x="643" y="985"/>
                    </a:lnTo>
                    <a:lnTo>
                      <a:pt x="641" y="985"/>
                    </a:lnTo>
                    <a:lnTo>
                      <a:pt x="641" y="984"/>
                    </a:lnTo>
                    <a:lnTo>
                      <a:pt x="641" y="982"/>
                    </a:lnTo>
                    <a:lnTo>
                      <a:pt x="639" y="982"/>
                    </a:lnTo>
                    <a:lnTo>
                      <a:pt x="639" y="980"/>
                    </a:lnTo>
                    <a:lnTo>
                      <a:pt x="637" y="980"/>
                    </a:lnTo>
                    <a:lnTo>
                      <a:pt x="636" y="978"/>
                    </a:lnTo>
                    <a:lnTo>
                      <a:pt x="634" y="978"/>
                    </a:lnTo>
                    <a:lnTo>
                      <a:pt x="634" y="976"/>
                    </a:lnTo>
                    <a:lnTo>
                      <a:pt x="632" y="976"/>
                    </a:lnTo>
                    <a:lnTo>
                      <a:pt x="632" y="974"/>
                    </a:lnTo>
                    <a:lnTo>
                      <a:pt x="630" y="974"/>
                    </a:lnTo>
                    <a:lnTo>
                      <a:pt x="628" y="974"/>
                    </a:lnTo>
                    <a:lnTo>
                      <a:pt x="626" y="974"/>
                    </a:lnTo>
                    <a:lnTo>
                      <a:pt x="626" y="972"/>
                    </a:lnTo>
                    <a:lnTo>
                      <a:pt x="624" y="972"/>
                    </a:lnTo>
                    <a:lnTo>
                      <a:pt x="623" y="971"/>
                    </a:lnTo>
                    <a:lnTo>
                      <a:pt x="621" y="971"/>
                    </a:lnTo>
                    <a:lnTo>
                      <a:pt x="621" y="969"/>
                    </a:lnTo>
                    <a:lnTo>
                      <a:pt x="619" y="967"/>
                    </a:lnTo>
                    <a:lnTo>
                      <a:pt x="617" y="967"/>
                    </a:lnTo>
                    <a:lnTo>
                      <a:pt x="617" y="965"/>
                    </a:lnTo>
                    <a:lnTo>
                      <a:pt x="619" y="965"/>
                    </a:lnTo>
                    <a:lnTo>
                      <a:pt x="617" y="965"/>
                    </a:lnTo>
                    <a:lnTo>
                      <a:pt x="617" y="963"/>
                    </a:lnTo>
                    <a:lnTo>
                      <a:pt x="615" y="961"/>
                    </a:lnTo>
                    <a:lnTo>
                      <a:pt x="615" y="960"/>
                    </a:lnTo>
                    <a:lnTo>
                      <a:pt x="613" y="960"/>
                    </a:lnTo>
                    <a:lnTo>
                      <a:pt x="612" y="960"/>
                    </a:lnTo>
                    <a:lnTo>
                      <a:pt x="612" y="958"/>
                    </a:lnTo>
                    <a:lnTo>
                      <a:pt x="610" y="958"/>
                    </a:lnTo>
                    <a:lnTo>
                      <a:pt x="612" y="958"/>
                    </a:lnTo>
                    <a:lnTo>
                      <a:pt x="612" y="956"/>
                    </a:lnTo>
                    <a:lnTo>
                      <a:pt x="613" y="956"/>
                    </a:lnTo>
                    <a:lnTo>
                      <a:pt x="615" y="956"/>
                    </a:lnTo>
                    <a:lnTo>
                      <a:pt x="615" y="954"/>
                    </a:lnTo>
                    <a:lnTo>
                      <a:pt x="617" y="954"/>
                    </a:lnTo>
                    <a:lnTo>
                      <a:pt x="619" y="954"/>
                    </a:lnTo>
                    <a:lnTo>
                      <a:pt x="619" y="952"/>
                    </a:lnTo>
                    <a:lnTo>
                      <a:pt x="621" y="952"/>
                    </a:lnTo>
                    <a:lnTo>
                      <a:pt x="623" y="950"/>
                    </a:lnTo>
                    <a:lnTo>
                      <a:pt x="624" y="950"/>
                    </a:lnTo>
                    <a:lnTo>
                      <a:pt x="624" y="948"/>
                    </a:lnTo>
                    <a:lnTo>
                      <a:pt x="624" y="947"/>
                    </a:lnTo>
                    <a:lnTo>
                      <a:pt x="624" y="945"/>
                    </a:lnTo>
                    <a:lnTo>
                      <a:pt x="624" y="943"/>
                    </a:lnTo>
                    <a:lnTo>
                      <a:pt x="626" y="943"/>
                    </a:lnTo>
                    <a:lnTo>
                      <a:pt x="626" y="941"/>
                    </a:lnTo>
                    <a:lnTo>
                      <a:pt x="624" y="941"/>
                    </a:lnTo>
                    <a:lnTo>
                      <a:pt x="624" y="939"/>
                    </a:lnTo>
                    <a:lnTo>
                      <a:pt x="626" y="939"/>
                    </a:lnTo>
                    <a:lnTo>
                      <a:pt x="628" y="939"/>
                    </a:lnTo>
                    <a:lnTo>
                      <a:pt x="628" y="937"/>
                    </a:lnTo>
                    <a:lnTo>
                      <a:pt x="630" y="937"/>
                    </a:lnTo>
                    <a:lnTo>
                      <a:pt x="630" y="936"/>
                    </a:lnTo>
                    <a:lnTo>
                      <a:pt x="632" y="936"/>
                    </a:lnTo>
                    <a:lnTo>
                      <a:pt x="632" y="937"/>
                    </a:lnTo>
                    <a:lnTo>
                      <a:pt x="632" y="939"/>
                    </a:lnTo>
                    <a:lnTo>
                      <a:pt x="634" y="939"/>
                    </a:lnTo>
                    <a:lnTo>
                      <a:pt x="636" y="939"/>
                    </a:lnTo>
                    <a:lnTo>
                      <a:pt x="636" y="937"/>
                    </a:lnTo>
                    <a:lnTo>
                      <a:pt x="637" y="937"/>
                    </a:lnTo>
                    <a:lnTo>
                      <a:pt x="637" y="939"/>
                    </a:lnTo>
                    <a:lnTo>
                      <a:pt x="639" y="939"/>
                    </a:lnTo>
                    <a:lnTo>
                      <a:pt x="641" y="939"/>
                    </a:lnTo>
                    <a:lnTo>
                      <a:pt x="643" y="941"/>
                    </a:lnTo>
                    <a:lnTo>
                      <a:pt x="645" y="941"/>
                    </a:lnTo>
                    <a:lnTo>
                      <a:pt x="647" y="943"/>
                    </a:lnTo>
                    <a:lnTo>
                      <a:pt x="645" y="943"/>
                    </a:lnTo>
                    <a:lnTo>
                      <a:pt x="647" y="943"/>
                    </a:lnTo>
                    <a:lnTo>
                      <a:pt x="647" y="945"/>
                    </a:lnTo>
                    <a:lnTo>
                      <a:pt x="649" y="945"/>
                    </a:lnTo>
                    <a:lnTo>
                      <a:pt x="650" y="945"/>
                    </a:lnTo>
                    <a:lnTo>
                      <a:pt x="650" y="947"/>
                    </a:lnTo>
                    <a:lnTo>
                      <a:pt x="649" y="947"/>
                    </a:lnTo>
                    <a:lnTo>
                      <a:pt x="649" y="948"/>
                    </a:lnTo>
                    <a:lnTo>
                      <a:pt x="647" y="948"/>
                    </a:lnTo>
                    <a:lnTo>
                      <a:pt x="647" y="950"/>
                    </a:lnTo>
                    <a:lnTo>
                      <a:pt x="643" y="948"/>
                    </a:lnTo>
                    <a:lnTo>
                      <a:pt x="641" y="950"/>
                    </a:lnTo>
                    <a:lnTo>
                      <a:pt x="639" y="950"/>
                    </a:lnTo>
                    <a:lnTo>
                      <a:pt x="639" y="952"/>
                    </a:lnTo>
                    <a:lnTo>
                      <a:pt x="641" y="954"/>
                    </a:lnTo>
                    <a:lnTo>
                      <a:pt x="643" y="956"/>
                    </a:lnTo>
                    <a:lnTo>
                      <a:pt x="643" y="958"/>
                    </a:lnTo>
                    <a:lnTo>
                      <a:pt x="645" y="958"/>
                    </a:lnTo>
                    <a:lnTo>
                      <a:pt x="647" y="960"/>
                    </a:lnTo>
                    <a:lnTo>
                      <a:pt x="649" y="960"/>
                    </a:lnTo>
                    <a:lnTo>
                      <a:pt x="650" y="960"/>
                    </a:lnTo>
                    <a:lnTo>
                      <a:pt x="652" y="960"/>
                    </a:lnTo>
                    <a:lnTo>
                      <a:pt x="654" y="958"/>
                    </a:lnTo>
                    <a:lnTo>
                      <a:pt x="654" y="956"/>
                    </a:lnTo>
                    <a:lnTo>
                      <a:pt x="656" y="956"/>
                    </a:lnTo>
                    <a:lnTo>
                      <a:pt x="656" y="958"/>
                    </a:lnTo>
                    <a:lnTo>
                      <a:pt x="656" y="960"/>
                    </a:lnTo>
                    <a:lnTo>
                      <a:pt x="658" y="960"/>
                    </a:lnTo>
                    <a:lnTo>
                      <a:pt x="658" y="961"/>
                    </a:lnTo>
                    <a:lnTo>
                      <a:pt x="658" y="960"/>
                    </a:lnTo>
                    <a:lnTo>
                      <a:pt x="660" y="960"/>
                    </a:lnTo>
                    <a:lnTo>
                      <a:pt x="658" y="961"/>
                    </a:lnTo>
                    <a:lnTo>
                      <a:pt x="660" y="961"/>
                    </a:lnTo>
                    <a:lnTo>
                      <a:pt x="660" y="963"/>
                    </a:lnTo>
                    <a:lnTo>
                      <a:pt x="660" y="961"/>
                    </a:lnTo>
                    <a:lnTo>
                      <a:pt x="661" y="963"/>
                    </a:lnTo>
                    <a:lnTo>
                      <a:pt x="663" y="960"/>
                    </a:lnTo>
                    <a:lnTo>
                      <a:pt x="667" y="958"/>
                    </a:lnTo>
                    <a:lnTo>
                      <a:pt x="669" y="958"/>
                    </a:lnTo>
                    <a:lnTo>
                      <a:pt x="671" y="958"/>
                    </a:lnTo>
                    <a:lnTo>
                      <a:pt x="674" y="954"/>
                    </a:lnTo>
                    <a:lnTo>
                      <a:pt x="676" y="954"/>
                    </a:lnTo>
                    <a:lnTo>
                      <a:pt x="680" y="952"/>
                    </a:lnTo>
                    <a:lnTo>
                      <a:pt x="682" y="947"/>
                    </a:lnTo>
                    <a:lnTo>
                      <a:pt x="684" y="943"/>
                    </a:lnTo>
                    <a:lnTo>
                      <a:pt x="687" y="939"/>
                    </a:lnTo>
                    <a:lnTo>
                      <a:pt x="691" y="936"/>
                    </a:lnTo>
                    <a:lnTo>
                      <a:pt x="689" y="930"/>
                    </a:lnTo>
                    <a:lnTo>
                      <a:pt x="689" y="923"/>
                    </a:lnTo>
                    <a:lnTo>
                      <a:pt x="687" y="921"/>
                    </a:lnTo>
                    <a:lnTo>
                      <a:pt x="687" y="919"/>
                    </a:lnTo>
                    <a:lnTo>
                      <a:pt x="684" y="919"/>
                    </a:lnTo>
                    <a:lnTo>
                      <a:pt x="682" y="910"/>
                    </a:lnTo>
                    <a:lnTo>
                      <a:pt x="680" y="908"/>
                    </a:lnTo>
                    <a:lnTo>
                      <a:pt x="682" y="899"/>
                    </a:lnTo>
                    <a:lnTo>
                      <a:pt x="682" y="891"/>
                    </a:lnTo>
                    <a:lnTo>
                      <a:pt x="682" y="889"/>
                    </a:lnTo>
                    <a:lnTo>
                      <a:pt x="682" y="887"/>
                    </a:lnTo>
                    <a:lnTo>
                      <a:pt x="682" y="886"/>
                    </a:lnTo>
                    <a:lnTo>
                      <a:pt x="680" y="884"/>
                    </a:lnTo>
                    <a:lnTo>
                      <a:pt x="676" y="882"/>
                    </a:lnTo>
                    <a:lnTo>
                      <a:pt x="674" y="882"/>
                    </a:lnTo>
                    <a:lnTo>
                      <a:pt x="673" y="880"/>
                    </a:lnTo>
                    <a:lnTo>
                      <a:pt x="671" y="880"/>
                    </a:lnTo>
                    <a:lnTo>
                      <a:pt x="667" y="880"/>
                    </a:lnTo>
                    <a:lnTo>
                      <a:pt x="663" y="878"/>
                    </a:lnTo>
                    <a:lnTo>
                      <a:pt x="661" y="878"/>
                    </a:lnTo>
                    <a:lnTo>
                      <a:pt x="649" y="874"/>
                    </a:lnTo>
                    <a:lnTo>
                      <a:pt x="647" y="873"/>
                    </a:lnTo>
                    <a:lnTo>
                      <a:pt x="645" y="873"/>
                    </a:lnTo>
                    <a:lnTo>
                      <a:pt x="643" y="873"/>
                    </a:lnTo>
                    <a:lnTo>
                      <a:pt x="641" y="873"/>
                    </a:lnTo>
                    <a:lnTo>
                      <a:pt x="624" y="876"/>
                    </a:lnTo>
                    <a:lnTo>
                      <a:pt x="623" y="876"/>
                    </a:lnTo>
                    <a:lnTo>
                      <a:pt x="621" y="876"/>
                    </a:lnTo>
                    <a:lnTo>
                      <a:pt x="619" y="876"/>
                    </a:lnTo>
                    <a:lnTo>
                      <a:pt x="617" y="876"/>
                    </a:lnTo>
                    <a:lnTo>
                      <a:pt x="610" y="874"/>
                    </a:lnTo>
                    <a:lnTo>
                      <a:pt x="608" y="874"/>
                    </a:lnTo>
                    <a:lnTo>
                      <a:pt x="604" y="873"/>
                    </a:lnTo>
                    <a:lnTo>
                      <a:pt x="602" y="873"/>
                    </a:lnTo>
                    <a:lnTo>
                      <a:pt x="600" y="873"/>
                    </a:lnTo>
                    <a:lnTo>
                      <a:pt x="595" y="873"/>
                    </a:lnTo>
                    <a:lnTo>
                      <a:pt x="593" y="873"/>
                    </a:lnTo>
                    <a:lnTo>
                      <a:pt x="591" y="873"/>
                    </a:lnTo>
                    <a:lnTo>
                      <a:pt x="589" y="874"/>
                    </a:lnTo>
                    <a:lnTo>
                      <a:pt x="588" y="876"/>
                    </a:lnTo>
                    <a:lnTo>
                      <a:pt x="586" y="878"/>
                    </a:lnTo>
                    <a:lnTo>
                      <a:pt x="584" y="880"/>
                    </a:lnTo>
                    <a:lnTo>
                      <a:pt x="582" y="880"/>
                    </a:lnTo>
                    <a:lnTo>
                      <a:pt x="580" y="880"/>
                    </a:lnTo>
                    <a:lnTo>
                      <a:pt x="578" y="880"/>
                    </a:lnTo>
                    <a:lnTo>
                      <a:pt x="576" y="880"/>
                    </a:lnTo>
                    <a:lnTo>
                      <a:pt x="571" y="876"/>
                    </a:lnTo>
                    <a:lnTo>
                      <a:pt x="569" y="874"/>
                    </a:lnTo>
                    <a:lnTo>
                      <a:pt x="563" y="874"/>
                    </a:lnTo>
                    <a:lnTo>
                      <a:pt x="562" y="873"/>
                    </a:lnTo>
                    <a:lnTo>
                      <a:pt x="560" y="873"/>
                    </a:lnTo>
                    <a:lnTo>
                      <a:pt x="560" y="871"/>
                    </a:lnTo>
                    <a:lnTo>
                      <a:pt x="558" y="871"/>
                    </a:lnTo>
                    <a:lnTo>
                      <a:pt x="554" y="867"/>
                    </a:lnTo>
                    <a:lnTo>
                      <a:pt x="554" y="865"/>
                    </a:lnTo>
                    <a:lnTo>
                      <a:pt x="552" y="865"/>
                    </a:lnTo>
                    <a:lnTo>
                      <a:pt x="551" y="863"/>
                    </a:lnTo>
                    <a:lnTo>
                      <a:pt x="549" y="863"/>
                    </a:lnTo>
                    <a:lnTo>
                      <a:pt x="547" y="863"/>
                    </a:lnTo>
                    <a:lnTo>
                      <a:pt x="541" y="862"/>
                    </a:lnTo>
                    <a:lnTo>
                      <a:pt x="539" y="862"/>
                    </a:lnTo>
                    <a:lnTo>
                      <a:pt x="538" y="862"/>
                    </a:lnTo>
                    <a:lnTo>
                      <a:pt x="530" y="858"/>
                    </a:lnTo>
                    <a:lnTo>
                      <a:pt x="530" y="860"/>
                    </a:lnTo>
                    <a:lnTo>
                      <a:pt x="528" y="863"/>
                    </a:lnTo>
                    <a:lnTo>
                      <a:pt x="527" y="863"/>
                    </a:lnTo>
                    <a:lnTo>
                      <a:pt x="525" y="863"/>
                    </a:lnTo>
                    <a:lnTo>
                      <a:pt x="523" y="863"/>
                    </a:lnTo>
                    <a:lnTo>
                      <a:pt x="521" y="863"/>
                    </a:lnTo>
                    <a:lnTo>
                      <a:pt x="519" y="863"/>
                    </a:lnTo>
                    <a:lnTo>
                      <a:pt x="517" y="863"/>
                    </a:lnTo>
                    <a:lnTo>
                      <a:pt x="517" y="862"/>
                    </a:lnTo>
                    <a:lnTo>
                      <a:pt x="515" y="862"/>
                    </a:lnTo>
                    <a:lnTo>
                      <a:pt x="515" y="860"/>
                    </a:lnTo>
                    <a:lnTo>
                      <a:pt x="514" y="860"/>
                    </a:lnTo>
                    <a:lnTo>
                      <a:pt x="512" y="858"/>
                    </a:lnTo>
                    <a:lnTo>
                      <a:pt x="512" y="854"/>
                    </a:lnTo>
                    <a:lnTo>
                      <a:pt x="508" y="854"/>
                    </a:lnTo>
                    <a:lnTo>
                      <a:pt x="508" y="852"/>
                    </a:lnTo>
                    <a:lnTo>
                      <a:pt x="510" y="852"/>
                    </a:lnTo>
                    <a:lnTo>
                      <a:pt x="508" y="852"/>
                    </a:lnTo>
                    <a:lnTo>
                      <a:pt x="506" y="852"/>
                    </a:lnTo>
                    <a:lnTo>
                      <a:pt x="504" y="852"/>
                    </a:lnTo>
                    <a:lnTo>
                      <a:pt x="502" y="852"/>
                    </a:lnTo>
                    <a:lnTo>
                      <a:pt x="502" y="854"/>
                    </a:lnTo>
                    <a:lnTo>
                      <a:pt x="501" y="854"/>
                    </a:lnTo>
                    <a:lnTo>
                      <a:pt x="499" y="854"/>
                    </a:lnTo>
                    <a:lnTo>
                      <a:pt x="499" y="856"/>
                    </a:lnTo>
                    <a:lnTo>
                      <a:pt x="493" y="865"/>
                    </a:lnTo>
                    <a:lnTo>
                      <a:pt x="491" y="863"/>
                    </a:lnTo>
                    <a:lnTo>
                      <a:pt x="488" y="860"/>
                    </a:lnTo>
                    <a:lnTo>
                      <a:pt x="488" y="858"/>
                    </a:lnTo>
                    <a:lnTo>
                      <a:pt x="486" y="858"/>
                    </a:lnTo>
                    <a:lnTo>
                      <a:pt x="486" y="856"/>
                    </a:lnTo>
                    <a:lnTo>
                      <a:pt x="482" y="854"/>
                    </a:lnTo>
                    <a:lnTo>
                      <a:pt x="480" y="854"/>
                    </a:lnTo>
                    <a:lnTo>
                      <a:pt x="478" y="854"/>
                    </a:lnTo>
                    <a:lnTo>
                      <a:pt x="477" y="854"/>
                    </a:lnTo>
                    <a:lnTo>
                      <a:pt x="473" y="856"/>
                    </a:lnTo>
                    <a:lnTo>
                      <a:pt x="471" y="856"/>
                    </a:lnTo>
                    <a:lnTo>
                      <a:pt x="467" y="854"/>
                    </a:lnTo>
                    <a:lnTo>
                      <a:pt x="467" y="856"/>
                    </a:lnTo>
                    <a:lnTo>
                      <a:pt x="466" y="856"/>
                    </a:lnTo>
                    <a:lnTo>
                      <a:pt x="464" y="858"/>
                    </a:lnTo>
                    <a:lnTo>
                      <a:pt x="462" y="860"/>
                    </a:lnTo>
                    <a:lnTo>
                      <a:pt x="462" y="862"/>
                    </a:lnTo>
                    <a:lnTo>
                      <a:pt x="458" y="860"/>
                    </a:lnTo>
                    <a:lnTo>
                      <a:pt x="454" y="858"/>
                    </a:lnTo>
                    <a:lnTo>
                      <a:pt x="453" y="858"/>
                    </a:lnTo>
                    <a:lnTo>
                      <a:pt x="451" y="858"/>
                    </a:lnTo>
                    <a:lnTo>
                      <a:pt x="453" y="858"/>
                    </a:lnTo>
                    <a:lnTo>
                      <a:pt x="454" y="856"/>
                    </a:lnTo>
                    <a:lnTo>
                      <a:pt x="456" y="856"/>
                    </a:lnTo>
                    <a:lnTo>
                      <a:pt x="458" y="854"/>
                    </a:lnTo>
                    <a:lnTo>
                      <a:pt x="460" y="854"/>
                    </a:lnTo>
                    <a:lnTo>
                      <a:pt x="462" y="852"/>
                    </a:lnTo>
                    <a:lnTo>
                      <a:pt x="464" y="852"/>
                    </a:lnTo>
                    <a:lnTo>
                      <a:pt x="466" y="852"/>
                    </a:lnTo>
                    <a:lnTo>
                      <a:pt x="467" y="852"/>
                    </a:lnTo>
                    <a:lnTo>
                      <a:pt x="469" y="850"/>
                    </a:lnTo>
                    <a:lnTo>
                      <a:pt x="471" y="849"/>
                    </a:lnTo>
                    <a:lnTo>
                      <a:pt x="473" y="849"/>
                    </a:lnTo>
                    <a:lnTo>
                      <a:pt x="475" y="847"/>
                    </a:lnTo>
                    <a:lnTo>
                      <a:pt x="475" y="845"/>
                    </a:lnTo>
                    <a:lnTo>
                      <a:pt x="475" y="843"/>
                    </a:lnTo>
                    <a:lnTo>
                      <a:pt x="477" y="841"/>
                    </a:lnTo>
                    <a:lnTo>
                      <a:pt x="478" y="841"/>
                    </a:lnTo>
                    <a:lnTo>
                      <a:pt x="478" y="839"/>
                    </a:lnTo>
                    <a:lnTo>
                      <a:pt x="477" y="836"/>
                    </a:lnTo>
                    <a:lnTo>
                      <a:pt x="477" y="834"/>
                    </a:lnTo>
                    <a:lnTo>
                      <a:pt x="477" y="830"/>
                    </a:lnTo>
                    <a:lnTo>
                      <a:pt x="477" y="828"/>
                    </a:lnTo>
                    <a:lnTo>
                      <a:pt x="478" y="826"/>
                    </a:lnTo>
                    <a:lnTo>
                      <a:pt x="478" y="825"/>
                    </a:lnTo>
                    <a:lnTo>
                      <a:pt x="478" y="823"/>
                    </a:lnTo>
                    <a:lnTo>
                      <a:pt x="477" y="823"/>
                    </a:lnTo>
                    <a:lnTo>
                      <a:pt x="477" y="821"/>
                    </a:lnTo>
                    <a:lnTo>
                      <a:pt x="477" y="819"/>
                    </a:lnTo>
                    <a:lnTo>
                      <a:pt x="477" y="817"/>
                    </a:lnTo>
                    <a:lnTo>
                      <a:pt x="477" y="815"/>
                    </a:lnTo>
                    <a:lnTo>
                      <a:pt x="475" y="815"/>
                    </a:lnTo>
                    <a:lnTo>
                      <a:pt x="477" y="815"/>
                    </a:lnTo>
                    <a:lnTo>
                      <a:pt x="475" y="815"/>
                    </a:lnTo>
                    <a:lnTo>
                      <a:pt x="477" y="815"/>
                    </a:lnTo>
                    <a:lnTo>
                      <a:pt x="478" y="815"/>
                    </a:lnTo>
                    <a:lnTo>
                      <a:pt x="478" y="813"/>
                    </a:lnTo>
                    <a:lnTo>
                      <a:pt x="478" y="812"/>
                    </a:lnTo>
                    <a:lnTo>
                      <a:pt x="477" y="812"/>
                    </a:lnTo>
                    <a:lnTo>
                      <a:pt x="478" y="812"/>
                    </a:lnTo>
                    <a:lnTo>
                      <a:pt x="478" y="810"/>
                    </a:lnTo>
                    <a:lnTo>
                      <a:pt x="478" y="808"/>
                    </a:lnTo>
                    <a:lnTo>
                      <a:pt x="480" y="808"/>
                    </a:lnTo>
                    <a:lnTo>
                      <a:pt x="482" y="808"/>
                    </a:lnTo>
                    <a:lnTo>
                      <a:pt x="484" y="808"/>
                    </a:lnTo>
                    <a:lnTo>
                      <a:pt x="484" y="806"/>
                    </a:lnTo>
                    <a:lnTo>
                      <a:pt x="484" y="804"/>
                    </a:lnTo>
                    <a:lnTo>
                      <a:pt x="484" y="802"/>
                    </a:lnTo>
                    <a:lnTo>
                      <a:pt x="486" y="802"/>
                    </a:lnTo>
                    <a:lnTo>
                      <a:pt x="486" y="800"/>
                    </a:lnTo>
                    <a:lnTo>
                      <a:pt x="484" y="795"/>
                    </a:lnTo>
                    <a:lnTo>
                      <a:pt x="484" y="797"/>
                    </a:lnTo>
                    <a:lnTo>
                      <a:pt x="482" y="797"/>
                    </a:lnTo>
                    <a:lnTo>
                      <a:pt x="482" y="791"/>
                    </a:lnTo>
                    <a:lnTo>
                      <a:pt x="480" y="791"/>
                    </a:lnTo>
                    <a:lnTo>
                      <a:pt x="477" y="786"/>
                    </a:lnTo>
                    <a:lnTo>
                      <a:pt x="475" y="784"/>
                    </a:lnTo>
                    <a:lnTo>
                      <a:pt x="473" y="784"/>
                    </a:lnTo>
                    <a:lnTo>
                      <a:pt x="473" y="780"/>
                    </a:lnTo>
                    <a:lnTo>
                      <a:pt x="475" y="780"/>
                    </a:lnTo>
                    <a:lnTo>
                      <a:pt x="473" y="780"/>
                    </a:lnTo>
                    <a:lnTo>
                      <a:pt x="471" y="780"/>
                    </a:lnTo>
                    <a:lnTo>
                      <a:pt x="471" y="778"/>
                    </a:lnTo>
                    <a:lnTo>
                      <a:pt x="473" y="778"/>
                    </a:lnTo>
                    <a:lnTo>
                      <a:pt x="473" y="776"/>
                    </a:lnTo>
                    <a:lnTo>
                      <a:pt x="475" y="776"/>
                    </a:lnTo>
                    <a:lnTo>
                      <a:pt x="477" y="776"/>
                    </a:lnTo>
                    <a:lnTo>
                      <a:pt x="477" y="778"/>
                    </a:lnTo>
                    <a:lnTo>
                      <a:pt x="477" y="776"/>
                    </a:lnTo>
                    <a:lnTo>
                      <a:pt x="477" y="775"/>
                    </a:lnTo>
                    <a:lnTo>
                      <a:pt x="478" y="775"/>
                    </a:lnTo>
                    <a:lnTo>
                      <a:pt x="478" y="773"/>
                    </a:lnTo>
                    <a:lnTo>
                      <a:pt x="482" y="775"/>
                    </a:lnTo>
                    <a:lnTo>
                      <a:pt x="482" y="773"/>
                    </a:lnTo>
                    <a:lnTo>
                      <a:pt x="482" y="771"/>
                    </a:lnTo>
                    <a:lnTo>
                      <a:pt x="482" y="769"/>
                    </a:lnTo>
                    <a:lnTo>
                      <a:pt x="482" y="767"/>
                    </a:lnTo>
                    <a:lnTo>
                      <a:pt x="482" y="765"/>
                    </a:lnTo>
                    <a:lnTo>
                      <a:pt x="482" y="763"/>
                    </a:lnTo>
                    <a:lnTo>
                      <a:pt x="482" y="762"/>
                    </a:lnTo>
                    <a:lnTo>
                      <a:pt x="482" y="760"/>
                    </a:lnTo>
                    <a:lnTo>
                      <a:pt x="480" y="760"/>
                    </a:lnTo>
                    <a:lnTo>
                      <a:pt x="480" y="762"/>
                    </a:lnTo>
                    <a:lnTo>
                      <a:pt x="480" y="760"/>
                    </a:lnTo>
                    <a:lnTo>
                      <a:pt x="478" y="760"/>
                    </a:lnTo>
                    <a:lnTo>
                      <a:pt x="480" y="758"/>
                    </a:lnTo>
                    <a:lnTo>
                      <a:pt x="480" y="756"/>
                    </a:lnTo>
                    <a:lnTo>
                      <a:pt x="480" y="754"/>
                    </a:lnTo>
                    <a:lnTo>
                      <a:pt x="480" y="752"/>
                    </a:lnTo>
                    <a:lnTo>
                      <a:pt x="480" y="751"/>
                    </a:lnTo>
                    <a:lnTo>
                      <a:pt x="480" y="749"/>
                    </a:lnTo>
                    <a:lnTo>
                      <a:pt x="482" y="749"/>
                    </a:lnTo>
                    <a:lnTo>
                      <a:pt x="482" y="747"/>
                    </a:lnTo>
                    <a:lnTo>
                      <a:pt x="484" y="747"/>
                    </a:lnTo>
                    <a:lnTo>
                      <a:pt x="484" y="745"/>
                    </a:lnTo>
                    <a:lnTo>
                      <a:pt x="484" y="743"/>
                    </a:lnTo>
                    <a:lnTo>
                      <a:pt x="482" y="743"/>
                    </a:lnTo>
                    <a:lnTo>
                      <a:pt x="480" y="743"/>
                    </a:lnTo>
                    <a:lnTo>
                      <a:pt x="480" y="741"/>
                    </a:lnTo>
                    <a:lnTo>
                      <a:pt x="480" y="739"/>
                    </a:lnTo>
                    <a:lnTo>
                      <a:pt x="480" y="738"/>
                    </a:lnTo>
                    <a:lnTo>
                      <a:pt x="478" y="738"/>
                    </a:lnTo>
                    <a:lnTo>
                      <a:pt x="477" y="738"/>
                    </a:lnTo>
                    <a:lnTo>
                      <a:pt x="475" y="738"/>
                    </a:lnTo>
                    <a:lnTo>
                      <a:pt x="473" y="738"/>
                    </a:lnTo>
                    <a:lnTo>
                      <a:pt x="471" y="738"/>
                    </a:lnTo>
                    <a:lnTo>
                      <a:pt x="469" y="738"/>
                    </a:lnTo>
                    <a:lnTo>
                      <a:pt x="469" y="739"/>
                    </a:lnTo>
                    <a:lnTo>
                      <a:pt x="467" y="738"/>
                    </a:lnTo>
                    <a:lnTo>
                      <a:pt x="466" y="736"/>
                    </a:lnTo>
                    <a:lnTo>
                      <a:pt x="464" y="736"/>
                    </a:lnTo>
                    <a:lnTo>
                      <a:pt x="462" y="734"/>
                    </a:lnTo>
                    <a:lnTo>
                      <a:pt x="460" y="734"/>
                    </a:lnTo>
                    <a:lnTo>
                      <a:pt x="460" y="732"/>
                    </a:lnTo>
                    <a:lnTo>
                      <a:pt x="462" y="732"/>
                    </a:lnTo>
                    <a:lnTo>
                      <a:pt x="462" y="730"/>
                    </a:lnTo>
                    <a:lnTo>
                      <a:pt x="462" y="728"/>
                    </a:lnTo>
                    <a:lnTo>
                      <a:pt x="464" y="728"/>
                    </a:lnTo>
                    <a:lnTo>
                      <a:pt x="464" y="730"/>
                    </a:lnTo>
                    <a:lnTo>
                      <a:pt x="466" y="728"/>
                    </a:lnTo>
                    <a:lnTo>
                      <a:pt x="467" y="728"/>
                    </a:lnTo>
                    <a:lnTo>
                      <a:pt x="467" y="730"/>
                    </a:lnTo>
                    <a:lnTo>
                      <a:pt x="469" y="728"/>
                    </a:lnTo>
                    <a:lnTo>
                      <a:pt x="477" y="728"/>
                    </a:lnTo>
                    <a:lnTo>
                      <a:pt x="478" y="726"/>
                    </a:lnTo>
                    <a:lnTo>
                      <a:pt x="478" y="721"/>
                    </a:lnTo>
                    <a:lnTo>
                      <a:pt x="488" y="723"/>
                    </a:lnTo>
                    <a:lnTo>
                      <a:pt x="490" y="719"/>
                    </a:lnTo>
                    <a:lnTo>
                      <a:pt x="488" y="719"/>
                    </a:lnTo>
                    <a:lnTo>
                      <a:pt x="488" y="717"/>
                    </a:lnTo>
                    <a:lnTo>
                      <a:pt x="490" y="714"/>
                    </a:lnTo>
                    <a:lnTo>
                      <a:pt x="490" y="715"/>
                    </a:lnTo>
                    <a:lnTo>
                      <a:pt x="491" y="715"/>
                    </a:lnTo>
                    <a:lnTo>
                      <a:pt x="491" y="714"/>
                    </a:lnTo>
                    <a:lnTo>
                      <a:pt x="493" y="714"/>
                    </a:lnTo>
                    <a:lnTo>
                      <a:pt x="491" y="712"/>
                    </a:lnTo>
                    <a:lnTo>
                      <a:pt x="497" y="708"/>
                    </a:lnTo>
                    <a:lnTo>
                      <a:pt x="501" y="708"/>
                    </a:lnTo>
                    <a:lnTo>
                      <a:pt x="499" y="706"/>
                    </a:lnTo>
                    <a:lnTo>
                      <a:pt x="499" y="704"/>
                    </a:lnTo>
                    <a:lnTo>
                      <a:pt x="501" y="704"/>
                    </a:lnTo>
                    <a:lnTo>
                      <a:pt x="502" y="704"/>
                    </a:lnTo>
                    <a:lnTo>
                      <a:pt x="502" y="702"/>
                    </a:lnTo>
                    <a:lnTo>
                      <a:pt x="506" y="701"/>
                    </a:lnTo>
                    <a:lnTo>
                      <a:pt x="508" y="701"/>
                    </a:lnTo>
                    <a:lnTo>
                      <a:pt x="508" y="699"/>
                    </a:lnTo>
                    <a:lnTo>
                      <a:pt x="510" y="699"/>
                    </a:lnTo>
                    <a:lnTo>
                      <a:pt x="510" y="697"/>
                    </a:lnTo>
                    <a:lnTo>
                      <a:pt x="512" y="695"/>
                    </a:lnTo>
                    <a:lnTo>
                      <a:pt x="512" y="693"/>
                    </a:lnTo>
                    <a:lnTo>
                      <a:pt x="514" y="691"/>
                    </a:lnTo>
                    <a:lnTo>
                      <a:pt x="515" y="689"/>
                    </a:lnTo>
                    <a:lnTo>
                      <a:pt x="515" y="688"/>
                    </a:lnTo>
                    <a:lnTo>
                      <a:pt x="517" y="688"/>
                    </a:lnTo>
                    <a:lnTo>
                      <a:pt x="519" y="688"/>
                    </a:lnTo>
                    <a:lnTo>
                      <a:pt x="517" y="682"/>
                    </a:lnTo>
                    <a:lnTo>
                      <a:pt x="515" y="680"/>
                    </a:lnTo>
                    <a:lnTo>
                      <a:pt x="514" y="678"/>
                    </a:lnTo>
                    <a:lnTo>
                      <a:pt x="508" y="677"/>
                    </a:lnTo>
                    <a:lnTo>
                      <a:pt x="510" y="675"/>
                    </a:lnTo>
                    <a:lnTo>
                      <a:pt x="506" y="673"/>
                    </a:lnTo>
                    <a:lnTo>
                      <a:pt x="504" y="671"/>
                    </a:lnTo>
                    <a:lnTo>
                      <a:pt x="502" y="671"/>
                    </a:lnTo>
                    <a:lnTo>
                      <a:pt x="502" y="669"/>
                    </a:lnTo>
                    <a:lnTo>
                      <a:pt x="502" y="671"/>
                    </a:lnTo>
                    <a:lnTo>
                      <a:pt x="499" y="669"/>
                    </a:lnTo>
                    <a:lnTo>
                      <a:pt x="501" y="667"/>
                    </a:lnTo>
                    <a:lnTo>
                      <a:pt x="502" y="665"/>
                    </a:lnTo>
                    <a:lnTo>
                      <a:pt x="502" y="664"/>
                    </a:lnTo>
                    <a:lnTo>
                      <a:pt x="504" y="664"/>
                    </a:lnTo>
                    <a:lnTo>
                      <a:pt x="504" y="662"/>
                    </a:lnTo>
                    <a:lnTo>
                      <a:pt x="506" y="662"/>
                    </a:lnTo>
                    <a:lnTo>
                      <a:pt x="504" y="662"/>
                    </a:lnTo>
                    <a:lnTo>
                      <a:pt x="504" y="660"/>
                    </a:lnTo>
                    <a:lnTo>
                      <a:pt x="506" y="658"/>
                    </a:lnTo>
                    <a:lnTo>
                      <a:pt x="504" y="658"/>
                    </a:lnTo>
                    <a:lnTo>
                      <a:pt x="501" y="660"/>
                    </a:lnTo>
                    <a:lnTo>
                      <a:pt x="501" y="658"/>
                    </a:lnTo>
                    <a:lnTo>
                      <a:pt x="501" y="656"/>
                    </a:lnTo>
                    <a:lnTo>
                      <a:pt x="499" y="654"/>
                    </a:lnTo>
                    <a:lnTo>
                      <a:pt x="499" y="651"/>
                    </a:lnTo>
                    <a:lnTo>
                      <a:pt x="497" y="651"/>
                    </a:lnTo>
                    <a:lnTo>
                      <a:pt x="497" y="649"/>
                    </a:lnTo>
                    <a:lnTo>
                      <a:pt x="497" y="647"/>
                    </a:lnTo>
                    <a:lnTo>
                      <a:pt x="495" y="647"/>
                    </a:lnTo>
                    <a:lnTo>
                      <a:pt x="495" y="645"/>
                    </a:lnTo>
                    <a:lnTo>
                      <a:pt x="493" y="645"/>
                    </a:lnTo>
                    <a:lnTo>
                      <a:pt x="493" y="643"/>
                    </a:lnTo>
                    <a:lnTo>
                      <a:pt x="491" y="643"/>
                    </a:lnTo>
                    <a:lnTo>
                      <a:pt x="491" y="645"/>
                    </a:lnTo>
                    <a:lnTo>
                      <a:pt x="490" y="645"/>
                    </a:lnTo>
                    <a:lnTo>
                      <a:pt x="488" y="641"/>
                    </a:lnTo>
                    <a:lnTo>
                      <a:pt x="482" y="647"/>
                    </a:lnTo>
                    <a:lnTo>
                      <a:pt x="477" y="643"/>
                    </a:lnTo>
                    <a:lnTo>
                      <a:pt x="473" y="649"/>
                    </a:lnTo>
                    <a:lnTo>
                      <a:pt x="469" y="652"/>
                    </a:lnTo>
                    <a:lnTo>
                      <a:pt x="467" y="652"/>
                    </a:lnTo>
                    <a:lnTo>
                      <a:pt x="466" y="652"/>
                    </a:lnTo>
                    <a:lnTo>
                      <a:pt x="464" y="651"/>
                    </a:lnTo>
                    <a:lnTo>
                      <a:pt x="464" y="652"/>
                    </a:lnTo>
                    <a:lnTo>
                      <a:pt x="464" y="654"/>
                    </a:lnTo>
                    <a:lnTo>
                      <a:pt x="462" y="656"/>
                    </a:lnTo>
                    <a:lnTo>
                      <a:pt x="460" y="656"/>
                    </a:lnTo>
                    <a:lnTo>
                      <a:pt x="451" y="662"/>
                    </a:lnTo>
                    <a:lnTo>
                      <a:pt x="440" y="667"/>
                    </a:lnTo>
                    <a:lnTo>
                      <a:pt x="429" y="673"/>
                    </a:lnTo>
                    <a:lnTo>
                      <a:pt x="427" y="675"/>
                    </a:lnTo>
                    <a:lnTo>
                      <a:pt x="419" y="677"/>
                    </a:lnTo>
                    <a:lnTo>
                      <a:pt x="419" y="678"/>
                    </a:lnTo>
                    <a:lnTo>
                      <a:pt x="414" y="680"/>
                    </a:lnTo>
                    <a:lnTo>
                      <a:pt x="412" y="682"/>
                    </a:lnTo>
                    <a:lnTo>
                      <a:pt x="410" y="682"/>
                    </a:lnTo>
                    <a:lnTo>
                      <a:pt x="408" y="684"/>
                    </a:lnTo>
                    <a:lnTo>
                      <a:pt x="405" y="682"/>
                    </a:lnTo>
                    <a:lnTo>
                      <a:pt x="405" y="684"/>
                    </a:lnTo>
                    <a:lnTo>
                      <a:pt x="403" y="684"/>
                    </a:lnTo>
                    <a:lnTo>
                      <a:pt x="401" y="684"/>
                    </a:lnTo>
                    <a:lnTo>
                      <a:pt x="399" y="684"/>
                    </a:lnTo>
                    <a:lnTo>
                      <a:pt x="397" y="686"/>
                    </a:lnTo>
                    <a:lnTo>
                      <a:pt x="393" y="686"/>
                    </a:lnTo>
                    <a:lnTo>
                      <a:pt x="382" y="689"/>
                    </a:lnTo>
                    <a:lnTo>
                      <a:pt x="373" y="691"/>
                    </a:lnTo>
                    <a:lnTo>
                      <a:pt x="353" y="695"/>
                    </a:lnTo>
                    <a:lnTo>
                      <a:pt x="347" y="697"/>
                    </a:lnTo>
                    <a:lnTo>
                      <a:pt x="336" y="699"/>
                    </a:lnTo>
                    <a:lnTo>
                      <a:pt x="331" y="701"/>
                    </a:lnTo>
                    <a:lnTo>
                      <a:pt x="327" y="702"/>
                    </a:lnTo>
                    <a:lnTo>
                      <a:pt x="325" y="702"/>
                    </a:lnTo>
                    <a:lnTo>
                      <a:pt x="318" y="704"/>
                    </a:lnTo>
                    <a:lnTo>
                      <a:pt x="318" y="702"/>
                    </a:lnTo>
                    <a:lnTo>
                      <a:pt x="316" y="702"/>
                    </a:lnTo>
                    <a:lnTo>
                      <a:pt x="314" y="702"/>
                    </a:lnTo>
                    <a:lnTo>
                      <a:pt x="312" y="702"/>
                    </a:lnTo>
                    <a:lnTo>
                      <a:pt x="310" y="702"/>
                    </a:lnTo>
                    <a:lnTo>
                      <a:pt x="270" y="702"/>
                    </a:lnTo>
                    <a:lnTo>
                      <a:pt x="262" y="701"/>
                    </a:lnTo>
                    <a:lnTo>
                      <a:pt x="260" y="701"/>
                    </a:lnTo>
                    <a:lnTo>
                      <a:pt x="246" y="695"/>
                    </a:lnTo>
                    <a:lnTo>
                      <a:pt x="244" y="693"/>
                    </a:lnTo>
                    <a:lnTo>
                      <a:pt x="225" y="643"/>
                    </a:lnTo>
                    <a:lnTo>
                      <a:pt x="225" y="641"/>
                    </a:lnTo>
                    <a:lnTo>
                      <a:pt x="227" y="641"/>
                    </a:lnTo>
                    <a:lnTo>
                      <a:pt x="229" y="638"/>
                    </a:lnTo>
                    <a:lnTo>
                      <a:pt x="231" y="636"/>
                    </a:lnTo>
                    <a:lnTo>
                      <a:pt x="233" y="634"/>
                    </a:lnTo>
                    <a:lnTo>
                      <a:pt x="233" y="632"/>
                    </a:lnTo>
                    <a:lnTo>
                      <a:pt x="234" y="632"/>
                    </a:lnTo>
                    <a:lnTo>
                      <a:pt x="234" y="630"/>
                    </a:lnTo>
                    <a:lnTo>
                      <a:pt x="234" y="628"/>
                    </a:lnTo>
                    <a:lnTo>
                      <a:pt x="236" y="623"/>
                    </a:lnTo>
                    <a:lnTo>
                      <a:pt x="236" y="621"/>
                    </a:lnTo>
                    <a:lnTo>
                      <a:pt x="236" y="619"/>
                    </a:lnTo>
                    <a:lnTo>
                      <a:pt x="236" y="617"/>
                    </a:lnTo>
                    <a:lnTo>
                      <a:pt x="236" y="614"/>
                    </a:lnTo>
                    <a:lnTo>
                      <a:pt x="236" y="606"/>
                    </a:lnTo>
                    <a:lnTo>
                      <a:pt x="236" y="601"/>
                    </a:lnTo>
                    <a:lnTo>
                      <a:pt x="236" y="599"/>
                    </a:lnTo>
                    <a:lnTo>
                      <a:pt x="236" y="597"/>
                    </a:lnTo>
                    <a:lnTo>
                      <a:pt x="236" y="595"/>
                    </a:lnTo>
                    <a:lnTo>
                      <a:pt x="236" y="593"/>
                    </a:lnTo>
                    <a:lnTo>
                      <a:pt x="238" y="591"/>
                    </a:lnTo>
                    <a:lnTo>
                      <a:pt x="238" y="590"/>
                    </a:lnTo>
                    <a:lnTo>
                      <a:pt x="242" y="584"/>
                    </a:lnTo>
                    <a:lnTo>
                      <a:pt x="244" y="582"/>
                    </a:lnTo>
                    <a:lnTo>
                      <a:pt x="244" y="580"/>
                    </a:lnTo>
                    <a:lnTo>
                      <a:pt x="246" y="580"/>
                    </a:lnTo>
                    <a:lnTo>
                      <a:pt x="247" y="579"/>
                    </a:lnTo>
                    <a:lnTo>
                      <a:pt x="251" y="577"/>
                    </a:lnTo>
                    <a:lnTo>
                      <a:pt x="258" y="569"/>
                    </a:lnTo>
                    <a:lnTo>
                      <a:pt x="260" y="569"/>
                    </a:lnTo>
                    <a:lnTo>
                      <a:pt x="262" y="567"/>
                    </a:lnTo>
                    <a:lnTo>
                      <a:pt x="264" y="567"/>
                    </a:lnTo>
                    <a:lnTo>
                      <a:pt x="266" y="566"/>
                    </a:lnTo>
                    <a:lnTo>
                      <a:pt x="270" y="566"/>
                    </a:lnTo>
                    <a:lnTo>
                      <a:pt x="271" y="566"/>
                    </a:lnTo>
                    <a:lnTo>
                      <a:pt x="273" y="564"/>
                    </a:lnTo>
                    <a:lnTo>
                      <a:pt x="275" y="564"/>
                    </a:lnTo>
                    <a:lnTo>
                      <a:pt x="277" y="564"/>
                    </a:lnTo>
                    <a:lnTo>
                      <a:pt x="279" y="564"/>
                    </a:lnTo>
                    <a:lnTo>
                      <a:pt x="281" y="564"/>
                    </a:lnTo>
                    <a:lnTo>
                      <a:pt x="283" y="564"/>
                    </a:lnTo>
                    <a:lnTo>
                      <a:pt x="283" y="562"/>
                    </a:lnTo>
                    <a:lnTo>
                      <a:pt x="284" y="560"/>
                    </a:lnTo>
                    <a:lnTo>
                      <a:pt x="286" y="560"/>
                    </a:lnTo>
                    <a:lnTo>
                      <a:pt x="286" y="558"/>
                    </a:lnTo>
                    <a:lnTo>
                      <a:pt x="288" y="558"/>
                    </a:lnTo>
                    <a:lnTo>
                      <a:pt x="290" y="556"/>
                    </a:lnTo>
                    <a:lnTo>
                      <a:pt x="290" y="554"/>
                    </a:lnTo>
                    <a:lnTo>
                      <a:pt x="292" y="554"/>
                    </a:lnTo>
                    <a:lnTo>
                      <a:pt x="294" y="553"/>
                    </a:lnTo>
                    <a:lnTo>
                      <a:pt x="295" y="553"/>
                    </a:lnTo>
                    <a:lnTo>
                      <a:pt x="297" y="553"/>
                    </a:lnTo>
                    <a:lnTo>
                      <a:pt x="297" y="551"/>
                    </a:lnTo>
                    <a:lnTo>
                      <a:pt x="299" y="549"/>
                    </a:lnTo>
                    <a:lnTo>
                      <a:pt x="312" y="534"/>
                    </a:lnTo>
                    <a:lnTo>
                      <a:pt x="312" y="532"/>
                    </a:lnTo>
                    <a:lnTo>
                      <a:pt x="312" y="530"/>
                    </a:lnTo>
                    <a:lnTo>
                      <a:pt x="310" y="529"/>
                    </a:lnTo>
                    <a:lnTo>
                      <a:pt x="310" y="527"/>
                    </a:lnTo>
                    <a:lnTo>
                      <a:pt x="308" y="527"/>
                    </a:lnTo>
                    <a:lnTo>
                      <a:pt x="308" y="525"/>
                    </a:lnTo>
                    <a:lnTo>
                      <a:pt x="307" y="523"/>
                    </a:lnTo>
                    <a:lnTo>
                      <a:pt x="305" y="523"/>
                    </a:lnTo>
                    <a:lnTo>
                      <a:pt x="305" y="521"/>
                    </a:lnTo>
                    <a:lnTo>
                      <a:pt x="307" y="521"/>
                    </a:lnTo>
                    <a:lnTo>
                      <a:pt x="307" y="519"/>
                    </a:lnTo>
                    <a:lnTo>
                      <a:pt x="305" y="519"/>
                    </a:lnTo>
                    <a:lnTo>
                      <a:pt x="303" y="519"/>
                    </a:lnTo>
                    <a:lnTo>
                      <a:pt x="303" y="517"/>
                    </a:lnTo>
                    <a:lnTo>
                      <a:pt x="303" y="516"/>
                    </a:lnTo>
                    <a:lnTo>
                      <a:pt x="303" y="514"/>
                    </a:lnTo>
                    <a:lnTo>
                      <a:pt x="303" y="512"/>
                    </a:lnTo>
                    <a:lnTo>
                      <a:pt x="303" y="510"/>
                    </a:lnTo>
                    <a:lnTo>
                      <a:pt x="303" y="508"/>
                    </a:lnTo>
                    <a:lnTo>
                      <a:pt x="303" y="506"/>
                    </a:lnTo>
                    <a:lnTo>
                      <a:pt x="303" y="505"/>
                    </a:lnTo>
                    <a:lnTo>
                      <a:pt x="301" y="505"/>
                    </a:lnTo>
                    <a:lnTo>
                      <a:pt x="301" y="503"/>
                    </a:lnTo>
                    <a:lnTo>
                      <a:pt x="299" y="503"/>
                    </a:lnTo>
                    <a:lnTo>
                      <a:pt x="299" y="501"/>
                    </a:lnTo>
                    <a:lnTo>
                      <a:pt x="297" y="501"/>
                    </a:lnTo>
                    <a:lnTo>
                      <a:pt x="299" y="499"/>
                    </a:lnTo>
                    <a:lnTo>
                      <a:pt x="305" y="495"/>
                    </a:lnTo>
                    <a:lnTo>
                      <a:pt x="312" y="488"/>
                    </a:lnTo>
                    <a:lnTo>
                      <a:pt x="312" y="480"/>
                    </a:lnTo>
                    <a:lnTo>
                      <a:pt x="308" y="475"/>
                    </a:lnTo>
                    <a:lnTo>
                      <a:pt x="307" y="471"/>
                    </a:lnTo>
                    <a:lnTo>
                      <a:pt x="303" y="468"/>
                    </a:lnTo>
                    <a:lnTo>
                      <a:pt x="297" y="458"/>
                    </a:lnTo>
                    <a:lnTo>
                      <a:pt x="284" y="455"/>
                    </a:lnTo>
                    <a:lnTo>
                      <a:pt x="279" y="453"/>
                    </a:lnTo>
                    <a:lnTo>
                      <a:pt x="271" y="451"/>
                    </a:lnTo>
                    <a:lnTo>
                      <a:pt x="268" y="449"/>
                    </a:lnTo>
                    <a:lnTo>
                      <a:pt x="262" y="443"/>
                    </a:lnTo>
                    <a:lnTo>
                      <a:pt x="260" y="442"/>
                    </a:lnTo>
                    <a:lnTo>
                      <a:pt x="258" y="440"/>
                    </a:lnTo>
                    <a:lnTo>
                      <a:pt x="257" y="440"/>
                    </a:lnTo>
                    <a:lnTo>
                      <a:pt x="255" y="438"/>
                    </a:lnTo>
                    <a:lnTo>
                      <a:pt x="249" y="434"/>
                    </a:lnTo>
                    <a:lnTo>
                      <a:pt x="247" y="432"/>
                    </a:lnTo>
                    <a:lnTo>
                      <a:pt x="242" y="436"/>
                    </a:lnTo>
                    <a:lnTo>
                      <a:pt x="236" y="440"/>
                    </a:lnTo>
                    <a:lnTo>
                      <a:pt x="231" y="443"/>
                    </a:lnTo>
                    <a:lnTo>
                      <a:pt x="229" y="436"/>
                    </a:lnTo>
                    <a:lnTo>
                      <a:pt x="223" y="425"/>
                    </a:lnTo>
                    <a:lnTo>
                      <a:pt x="225" y="425"/>
                    </a:lnTo>
                    <a:lnTo>
                      <a:pt x="225" y="423"/>
                    </a:lnTo>
                    <a:lnTo>
                      <a:pt x="227" y="423"/>
                    </a:lnTo>
                    <a:lnTo>
                      <a:pt x="227" y="421"/>
                    </a:lnTo>
                    <a:lnTo>
                      <a:pt x="229" y="421"/>
                    </a:lnTo>
                    <a:lnTo>
                      <a:pt x="229" y="419"/>
                    </a:lnTo>
                    <a:lnTo>
                      <a:pt x="231" y="418"/>
                    </a:lnTo>
                    <a:lnTo>
                      <a:pt x="233" y="416"/>
                    </a:lnTo>
                    <a:lnTo>
                      <a:pt x="233" y="414"/>
                    </a:lnTo>
                    <a:lnTo>
                      <a:pt x="234" y="414"/>
                    </a:lnTo>
                    <a:lnTo>
                      <a:pt x="234" y="412"/>
                    </a:lnTo>
                    <a:lnTo>
                      <a:pt x="234" y="410"/>
                    </a:lnTo>
                    <a:lnTo>
                      <a:pt x="236" y="410"/>
                    </a:lnTo>
                    <a:lnTo>
                      <a:pt x="240" y="406"/>
                    </a:lnTo>
                    <a:lnTo>
                      <a:pt x="242" y="405"/>
                    </a:lnTo>
                    <a:lnTo>
                      <a:pt x="244" y="405"/>
                    </a:lnTo>
                    <a:lnTo>
                      <a:pt x="244" y="403"/>
                    </a:lnTo>
                    <a:lnTo>
                      <a:pt x="246" y="403"/>
                    </a:lnTo>
                    <a:lnTo>
                      <a:pt x="247" y="401"/>
                    </a:lnTo>
                    <a:lnTo>
                      <a:pt x="246" y="397"/>
                    </a:lnTo>
                    <a:lnTo>
                      <a:pt x="240" y="395"/>
                    </a:lnTo>
                    <a:lnTo>
                      <a:pt x="238" y="395"/>
                    </a:lnTo>
                    <a:lnTo>
                      <a:pt x="234" y="395"/>
                    </a:lnTo>
                    <a:lnTo>
                      <a:pt x="233" y="395"/>
                    </a:lnTo>
                    <a:lnTo>
                      <a:pt x="231" y="395"/>
                    </a:lnTo>
                    <a:lnTo>
                      <a:pt x="231" y="397"/>
                    </a:lnTo>
                    <a:lnTo>
                      <a:pt x="229" y="397"/>
                    </a:lnTo>
                    <a:lnTo>
                      <a:pt x="229" y="399"/>
                    </a:lnTo>
                    <a:lnTo>
                      <a:pt x="229" y="401"/>
                    </a:lnTo>
                    <a:lnTo>
                      <a:pt x="227" y="401"/>
                    </a:lnTo>
                    <a:lnTo>
                      <a:pt x="223" y="401"/>
                    </a:lnTo>
                    <a:lnTo>
                      <a:pt x="218" y="403"/>
                    </a:lnTo>
                    <a:lnTo>
                      <a:pt x="214" y="401"/>
                    </a:lnTo>
                    <a:lnTo>
                      <a:pt x="210" y="403"/>
                    </a:lnTo>
                    <a:lnTo>
                      <a:pt x="207" y="403"/>
                    </a:lnTo>
                    <a:lnTo>
                      <a:pt x="205" y="403"/>
                    </a:lnTo>
                    <a:lnTo>
                      <a:pt x="205" y="401"/>
                    </a:lnTo>
                    <a:lnTo>
                      <a:pt x="203" y="401"/>
                    </a:lnTo>
                    <a:lnTo>
                      <a:pt x="201" y="403"/>
                    </a:lnTo>
                    <a:lnTo>
                      <a:pt x="199" y="403"/>
                    </a:lnTo>
                    <a:lnTo>
                      <a:pt x="199" y="405"/>
                    </a:lnTo>
                    <a:lnTo>
                      <a:pt x="197" y="405"/>
                    </a:lnTo>
                    <a:lnTo>
                      <a:pt x="196" y="405"/>
                    </a:lnTo>
                    <a:lnTo>
                      <a:pt x="194" y="405"/>
                    </a:lnTo>
                    <a:lnTo>
                      <a:pt x="194" y="406"/>
                    </a:lnTo>
                    <a:lnTo>
                      <a:pt x="192" y="408"/>
                    </a:lnTo>
                    <a:lnTo>
                      <a:pt x="190" y="410"/>
                    </a:lnTo>
                    <a:lnTo>
                      <a:pt x="188" y="410"/>
                    </a:lnTo>
                    <a:lnTo>
                      <a:pt x="186" y="412"/>
                    </a:lnTo>
                    <a:lnTo>
                      <a:pt x="181" y="414"/>
                    </a:lnTo>
                    <a:lnTo>
                      <a:pt x="179" y="414"/>
                    </a:lnTo>
                    <a:lnTo>
                      <a:pt x="177" y="414"/>
                    </a:lnTo>
                    <a:lnTo>
                      <a:pt x="177" y="416"/>
                    </a:lnTo>
                    <a:lnTo>
                      <a:pt x="175" y="416"/>
                    </a:lnTo>
                    <a:lnTo>
                      <a:pt x="173" y="416"/>
                    </a:lnTo>
                    <a:lnTo>
                      <a:pt x="172" y="416"/>
                    </a:lnTo>
                    <a:lnTo>
                      <a:pt x="170" y="416"/>
                    </a:lnTo>
                    <a:lnTo>
                      <a:pt x="168" y="418"/>
                    </a:lnTo>
                    <a:lnTo>
                      <a:pt x="166" y="418"/>
                    </a:lnTo>
                    <a:lnTo>
                      <a:pt x="164" y="418"/>
                    </a:lnTo>
                    <a:lnTo>
                      <a:pt x="162" y="418"/>
                    </a:lnTo>
                    <a:lnTo>
                      <a:pt x="161" y="418"/>
                    </a:lnTo>
                    <a:lnTo>
                      <a:pt x="159" y="418"/>
                    </a:lnTo>
                    <a:lnTo>
                      <a:pt x="157" y="418"/>
                    </a:lnTo>
                    <a:lnTo>
                      <a:pt x="157" y="419"/>
                    </a:lnTo>
                    <a:lnTo>
                      <a:pt x="155" y="419"/>
                    </a:lnTo>
                    <a:lnTo>
                      <a:pt x="153" y="419"/>
                    </a:lnTo>
                    <a:lnTo>
                      <a:pt x="151" y="419"/>
                    </a:lnTo>
                    <a:lnTo>
                      <a:pt x="149" y="419"/>
                    </a:lnTo>
                    <a:lnTo>
                      <a:pt x="149" y="421"/>
                    </a:lnTo>
                    <a:lnTo>
                      <a:pt x="148" y="421"/>
                    </a:lnTo>
                    <a:lnTo>
                      <a:pt x="146" y="421"/>
                    </a:lnTo>
                    <a:lnTo>
                      <a:pt x="144" y="421"/>
                    </a:lnTo>
                    <a:lnTo>
                      <a:pt x="142" y="421"/>
                    </a:lnTo>
                    <a:lnTo>
                      <a:pt x="140" y="421"/>
                    </a:lnTo>
                    <a:lnTo>
                      <a:pt x="136" y="421"/>
                    </a:lnTo>
                    <a:lnTo>
                      <a:pt x="135" y="421"/>
                    </a:lnTo>
                    <a:lnTo>
                      <a:pt x="135" y="423"/>
                    </a:lnTo>
                    <a:lnTo>
                      <a:pt x="133" y="423"/>
                    </a:lnTo>
                    <a:lnTo>
                      <a:pt x="131" y="423"/>
                    </a:lnTo>
                    <a:lnTo>
                      <a:pt x="129" y="423"/>
                    </a:lnTo>
                    <a:lnTo>
                      <a:pt x="127" y="423"/>
                    </a:lnTo>
                    <a:lnTo>
                      <a:pt x="127" y="425"/>
                    </a:lnTo>
                    <a:lnTo>
                      <a:pt x="125" y="425"/>
                    </a:lnTo>
                    <a:lnTo>
                      <a:pt x="125" y="423"/>
                    </a:lnTo>
                    <a:lnTo>
                      <a:pt x="124" y="425"/>
                    </a:lnTo>
                    <a:lnTo>
                      <a:pt x="122" y="425"/>
                    </a:lnTo>
                    <a:lnTo>
                      <a:pt x="120" y="425"/>
                    </a:lnTo>
                    <a:lnTo>
                      <a:pt x="118" y="425"/>
                    </a:lnTo>
                    <a:lnTo>
                      <a:pt x="118" y="427"/>
                    </a:lnTo>
                    <a:lnTo>
                      <a:pt x="116" y="427"/>
                    </a:lnTo>
                    <a:lnTo>
                      <a:pt x="114" y="427"/>
                    </a:lnTo>
                    <a:lnTo>
                      <a:pt x="114" y="429"/>
                    </a:lnTo>
                    <a:lnTo>
                      <a:pt x="112" y="429"/>
                    </a:lnTo>
                    <a:lnTo>
                      <a:pt x="111" y="431"/>
                    </a:lnTo>
                    <a:lnTo>
                      <a:pt x="109" y="431"/>
                    </a:lnTo>
                    <a:lnTo>
                      <a:pt x="107" y="431"/>
                    </a:lnTo>
                    <a:lnTo>
                      <a:pt x="103" y="432"/>
                    </a:lnTo>
                    <a:lnTo>
                      <a:pt x="99" y="431"/>
                    </a:lnTo>
                    <a:lnTo>
                      <a:pt x="98" y="429"/>
                    </a:lnTo>
                    <a:lnTo>
                      <a:pt x="96" y="427"/>
                    </a:lnTo>
                    <a:lnTo>
                      <a:pt x="94" y="425"/>
                    </a:lnTo>
                    <a:lnTo>
                      <a:pt x="92" y="427"/>
                    </a:lnTo>
                    <a:lnTo>
                      <a:pt x="92" y="429"/>
                    </a:lnTo>
                    <a:lnTo>
                      <a:pt x="88" y="431"/>
                    </a:lnTo>
                    <a:lnTo>
                      <a:pt x="85" y="436"/>
                    </a:lnTo>
                    <a:lnTo>
                      <a:pt x="83" y="436"/>
                    </a:lnTo>
                    <a:lnTo>
                      <a:pt x="77" y="440"/>
                    </a:lnTo>
                    <a:lnTo>
                      <a:pt x="74" y="442"/>
                    </a:lnTo>
                    <a:lnTo>
                      <a:pt x="72" y="443"/>
                    </a:lnTo>
                    <a:lnTo>
                      <a:pt x="70" y="443"/>
                    </a:lnTo>
                    <a:lnTo>
                      <a:pt x="68" y="445"/>
                    </a:lnTo>
                    <a:lnTo>
                      <a:pt x="66" y="445"/>
                    </a:lnTo>
                    <a:lnTo>
                      <a:pt x="64" y="447"/>
                    </a:lnTo>
                    <a:lnTo>
                      <a:pt x="63" y="447"/>
                    </a:lnTo>
                    <a:lnTo>
                      <a:pt x="59" y="449"/>
                    </a:lnTo>
                    <a:lnTo>
                      <a:pt x="53" y="453"/>
                    </a:lnTo>
                    <a:lnTo>
                      <a:pt x="48" y="455"/>
                    </a:lnTo>
                    <a:lnTo>
                      <a:pt x="46" y="456"/>
                    </a:lnTo>
                    <a:lnTo>
                      <a:pt x="44" y="458"/>
                    </a:lnTo>
                    <a:lnTo>
                      <a:pt x="42" y="458"/>
                    </a:lnTo>
                    <a:lnTo>
                      <a:pt x="42" y="460"/>
                    </a:lnTo>
                    <a:lnTo>
                      <a:pt x="40" y="460"/>
                    </a:lnTo>
                    <a:lnTo>
                      <a:pt x="38" y="462"/>
                    </a:lnTo>
                    <a:lnTo>
                      <a:pt x="35" y="464"/>
                    </a:lnTo>
                    <a:lnTo>
                      <a:pt x="33" y="466"/>
                    </a:lnTo>
                    <a:lnTo>
                      <a:pt x="31" y="468"/>
                    </a:lnTo>
                    <a:lnTo>
                      <a:pt x="29" y="468"/>
                    </a:lnTo>
                    <a:lnTo>
                      <a:pt x="27" y="468"/>
                    </a:lnTo>
                    <a:lnTo>
                      <a:pt x="27" y="469"/>
                    </a:lnTo>
                    <a:lnTo>
                      <a:pt x="26" y="469"/>
                    </a:lnTo>
                    <a:lnTo>
                      <a:pt x="24" y="469"/>
                    </a:lnTo>
                    <a:lnTo>
                      <a:pt x="22" y="471"/>
                    </a:lnTo>
                    <a:lnTo>
                      <a:pt x="20" y="471"/>
                    </a:lnTo>
                    <a:lnTo>
                      <a:pt x="18" y="473"/>
                    </a:lnTo>
                    <a:lnTo>
                      <a:pt x="14" y="475"/>
                    </a:lnTo>
                    <a:lnTo>
                      <a:pt x="11" y="477"/>
                    </a:lnTo>
                    <a:lnTo>
                      <a:pt x="5" y="480"/>
                    </a:lnTo>
                    <a:lnTo>
                      <a:pt x="5" y="479"/>
                    </a:lnTo>
                    <a:lnTo>
                      <a:pt x="7" y="477"/>
                    </a:lnTo>
                    <a:lnTo>
                      <a:pt x="7" y="473"/>
                    </a:lnTo>
                    <a:lnTo>
                      <a:pt x="9" y="466"/>
                    </a:lnTo>
                    <a:lnTo>
                      <a:pt x="9" y="464"/>
                    </a:lnTo>
                    <a:lnTo>
                      <a:pt x="9" y="458"/>
                    </a:lnTo>
                    <a:lnTo>
                      <a:pt x="11" y="455"/>
                    </a:lnTo>
                    <a:lnTo>
                      <a:pt x="13" y="443"/>
                    </a:lnTo>
                    <a:lnTo>
                      <a:pt x="14" y="442"/>
                    </a:lnTo>
                    <a:lnTo>
                      <a:pt x="16" y="442"/>
                    </a:lnTo>
                    <a:lnTo>
                      <a:pt x="16" y="440"/>
                    </a:lnTo>
                    <a:lnTo>
                      <a:pt x="18" y="440"/>
                    </a:lnTo>
                    <a:lnTo>
                      <a:pt x="18" y="438"/>
                    </a:lnTo>
                    <a:lnTo>
                      <a:pt x="20" y="436"/>
                    </a:lnTo>
                    <a:lnTo>
                      <a:pt x="22" y="436"/>
                    </a:lnTo>
                    <a:lnTo>
                      <a:pt x="24" y="434"/>
                    </a:lnTo>
                    <a:lnTo>
                      <a:pt x="26" y="432"/>
                    </a:lnTo>
                    <a:lnTo>
                      <a:pt x="27" y="427"/>
                    </a:lnTo>
                    <a:lnTo>
                      <a:pt x="27" y="425"/>
                    </a:lnTo>
                    <a:lnTo>
                      <a:pt x="27" y="423"/>
                    </a:lnTo>
                    <a:lnTo>
                      <a:pt x="29" y="421"/>
                    </a:lnTo>
                    <a:lnTo>
                      <a:pt x="29" y="419"/>
                    </a:lnTo>
                    <a:lnTo>
                      <a:pt x="31" y="410"/>
                    </a:lnTo>
                    <a:lnTo>
                      <a:pt x="33" y="405"/>
                    </a:lnTo>
                    <a:lnTo>
                      <a:pt x="33" y="403"/>
                    </a:lnTo>
                    <a:lnTo>
                      <a:pt x="33" y="401"/>
                    </a:lnTo>
                    <a:lnTo>
                      <a:pt x="35" y="399"/>
                    </a:lnTo>
                    <a:lnTo>
                      <a:pt x="35" y="397"/>
                    </a:lnTo>
                    <a:lnTo>
                      <a:pt x="35" y="395"/>
                    </a:lnTo>
                    <a:lnTo>
                      <a:pt x="37" y="390"/>
                    </a:lnTo>
                    <a:lnTo>
                      <a:pt x="37" y="386"/>
                    </a:lnTo>
                    <a:lnTo>
                      <a:pt x="35" y="384"/>
                    </a:lnTo>
                    <a:lnTo>
                      <a:pt x="35" y="382"/>
                    </a:lnTo>
                    <a:lnTo>
                      <a:pt x="33" y="381"/>
                    </a:lnTo>
                    <a:lnTo>
                      <a:pt x="33" y="379"/>
                    </a:lnTo>
                    <a:lnTo>
                      <a:pt x="31" y="377"/>
                    </a:lnTo>
                    <a:lnTo>
                      <a:pt x="29" y="371"/>
                    </a:lnTo>
                    <a:lnTo>
                      <a:pt x="27" y="369"/>
                    </a:lnTo>
                    <a:lnTo>
                      <a:pt x="26" y="364"/>
                    </a:lnTo>
                    <a:lnTo>
                      <a:pt x="20" y="355"/>
                    </a:lnTo>
                    <a:lnTo>
                      <a:pt x="14" y="345"/>
                    </a:lnTo>
                    <a:lnTo>
                      <a:pt x="13" y="342"/>
                    </a:lnTo>
                    <a:lnTo>
                      <a:pt x="11" y="338"/>
                    </a:lnTo>
                    <a:lnTo>
                      <a:pt x="9" y="332"/>
                    </a:lnTo>
                    <a:lnTo>
                      <a:pt x="3" y="323"/>
                    </a:lnTo>
                    <a:lnTo>
                      <a:pt x="0" y="316"/>
                    </a:lnTo>
                    <a:lnTo>
                      <a:pt x="2" y="310"/>
                    </a:lnTo>
                    <a:lnTo>
                      <a:pt x="14" y="299"/>
                    </a:lnTo>
                    <a:lnTo>
                      <a:pt x="18" y="316"/>
                    </a:lnTo>
                    <a:lnTo>
                      <a:pt x="20" y="318"/>
                    </a:lnTo>
                    <a:lnTo>
                      <a:pt x="20" y="325"/>
                    </a:lnTo>
                    <a:lnTo>
                      <a:pt x="24" y="329"/>
                    </a:lnTo>
                    <a:lnTo>
                      <a:pt x="26" y="331"/>
                    </a:lnTo>
                    <a:lnTo>
                      <a:pt x="24" y="338"/>
                    </a:lnTo>
                    <a:lnTo>
                      <a:pt x="29" y="342"/>
                    </a:lnTo>
                    <a:lnTo>
                      <a:pt x="29" y="344"/>
                    </a:lnTo>
                    <a:lnTo>
                      <a:pt x="29" y="345"/>
                    </a:lnTo>
                    <a:lnTo>
                      <a:pt x="31" y="347"/>
                    </a:lnTo>
                    <a:lnTo>
                      <a:pt x="33" y="345"/>
                    </a:lnTo>
                    <a:lnTo>
                      <a:pt x="35" y="345"/>
                    </a:lnTo>
                    <a:lnTo>
                      <a:pt x="37" y="344"/>
                    </a:lnTo>
                    <a:lnTo>
                      <a:pt x="38" y="342"/>
                    </a:lnTo>
                    <a:lnTo>
                      <a:pt x="42" y="340"/>
                    </a:lnTo>
                    <a:lnTo>
                      <a:pt x="44" y="340"/>
                    </a:lnTo>
                    <a:lnTo>
                      <a:pt x="46" y="340"/>
                    </a:lnTo>
                    <a:lnTo>
                      <a:pt x="48" y="340"/>
                    </a:lnTo>
                    <a:lnTo>
                      <a:pt x="51" y="336"/>
                    </a:lnTo>
                    <a:lnTo>
                      <a:pt x="53" y="336"/>
                    </a:lnTo>
                    <a:lnTo>
                      <a:pt x="55" y="336"/>
                    </a:lnTo>
                    <a:lnTo>
                      <a:pt x="59" y="334"/>
                    </a:lnTo>
                    <a:lnTo>
                      <a:pt x="61" y="332"/>
                    </a:lnTo>
                    <a:lnTo>
                      <a:pt x="63" y="331"/>
                    </a:lnTo>
                    <a:lnTo>
                      <a:pt x="64" y="331"/>
                    </a:lnTo>
                    <a:lnTo>
                      <a:pt x="63" y="329"/>
                    </a:lnTo>
                    <a:lnTo>
                      <a:pt x="64" y="329"/>
                    </a:lnTo>
                    <a:lnTo>
                      <a:pt x="66" y="331"/>
                    </a:lnTo>
                    <a:lnTo>
                      <a:pt x="66" y="329"/>
                    </a:lnTo>
                    <a:lnTo>
                      <a:pt x="68" y="327"/>
                    </a:lnTo>
                    <a:lnTo>
                      <a:pt x="70" y="325"/>
                    </a:lnTo>
                    <a:lnTo>
                      <a:pt x="72" y="323"/>
                    </a:lnTo>
                    <a:lnTo>
                      <a:pt x="72" y="321"/>
                    </a:lnTo>
                    <a:lnTo>
                      <a:pt x="74" y="321"/>
                    </a:lnTo>
                    <a:lnTo>
                      <a:pt x="75" y="321"/>
                    </a:lnTo>
                    <a:lnTo>
                      <a:pt x="77" y="320"/>
                    </a:lnTo>
                    <a:lnTo>
                      <a:pt x="75" y="320"/>
                    </a:lnTo>
                    <a:lnTo>
                      <a:pt x="79" y="318"/>
                    </a:lnTo>
                    <a:lnTo>
                      <a:pt x="87" y="314"/>
                    </a:lnTo>
                    <a:lnTo>
                      <a:pt x="88" y="312"/>
                    </a:lnTo>
                    <a:lnTo>
                      <a:pt x="94" y="308"/>
                    </a:lnTo>
                    <a:lnTo>
                      <a:pt x="101" y="301"/>
                    </a:lnTo>
                    <a:lnTo>
                      <a:pt x="105" y="299"/>
                    </a:lnTo>
                    <a:lnTo>
                      <a:pt x="107" y="297"/>
                    </a:lnTo>
                    <a:lnTo>
                      <a:pt x="109" y="286"/>
                    </a:lnTo>
                    <a:lnTo>
                      <a:pt x="111" y="284"/>
                    </a:lnTo>
                    <a:lnTo>
                      <a:pt x="109" y="284"/>
                    </a:lnTo>
                    <a:lnTo>
                      <a:pt x="111" y="279"/>
                    </a:lnTo>
                    <a:lnTo>
                      <a:pt x="111" y="277"/>
                    </a:lnTo>
                    <a:lnTo>
                      <a:pt x="116" y="277"/>
                    </a:lnTo>
                    <a:lnTo>
                      <a:pt x="125" y="271"/>
                    </a:lnTo>
                    <a:lnTo>
                      <a:pt x="125" y="273"/>
                    </a:lnTo>
                    <a:lnTo>
                      <a:pt x="127" y="273"/>
                    </a:lnTo>
                    <a:lnTo>
                      <a:pt x="125" y="275"/>
                    </a:lnTo>
                    <a:lnTo>
                      <a:pt x="127" y="275"/>
                    </a:lnTo>
                    <a:lnTo>
                      <a:pt x="131" y="279"/>
                    </a:lnTo>
                    <a:lnTo>
                      <a:pt x="127" y="281"/>
                    </a:lnTo>
                    <a:lnTo>
                      <a:pt x="127" y="283"/>
                    </a:lnTo>
                    <a:lnTo>
                      <a:pt x="129" y="283"/>
                    </a:lnTo>
                    <a:lnTo>
                      <a:pt x="131" y="286"/>
                    </a:lnTo>
                    <a:lnTo>
                      <a:pt x="133" y="284"/>
                    </a:lnTo>
                    <a:lnTo>
                      <a:pt x="135" y="284"/>
                    </a:lnTo>
                    <a:lnTo>
                      <a:pt x="136" y="284"/>
                    </a:lnTo>
                    <a:lnTo>
                      <a:pt x="136" y="283"/>
                    </a:lnTo>
                    <a:lnTo>
                      <a:pt x="138" y="284"/>
                    </a:lnTo>
                    <a:lnTo>
                      <a:pt x="138" y="283"/>
                    </a:lnTo>
                    <a:lnTo>
                      <a:pt x="142" y="283"/>
                    </a:lnTo>
                    <a:lnTo>
                      <a:pt x="146" y="284"/>
                    </a:lnTo>
                    <a:lnTo>
                      <a:pt x="149" y="284"/>
                    </a:lnTo>
                    <a:lnTo>
                      <a:pt x="151" y="284"/>
                    </a:lnTo>
                    <a:lnTo>
                      <a:pt x="151" y="286"/>
                    </a:lnTo>
                    <a:lnTo>
                      <a:pt x="153" y="286"/>
                    </a:lnTo>
                    <a:lnTo>
                      <a:pt x="153" y="288"/>
                    </a:lnTo>
                    <a:lnTo>
                      <a:pt x="155" y="290"/>
                    </a:lnTo>
                    <a:lnTo>
                      <a:pt x="155" y="292"/>
                    </a:lnTo>
                    <a:lnTo>
                      <a:pt x="157" y="294"/>
                    </a:lnTo>
                    <a:lnTo>
                      <a:pt x="159" y="296"/>
                    </a:lnTo>
                    <a:lnTo>
                      <a:pt x="161" y="297"/>
                    </a:lnTo>
                    <a:lnTo>
                      <a:pt x="162" y="297"/>
                    </a:lnTo>
                    <a:lnTo>
                      <a:pt x="164" y="297"/>
                    </a:lnTo>
                    <a:lnTo>
                      <a:pt x="164" y="299"/>
                    </a:lnTo>
                    <a:lnTo>
                      <a:pt x="166" y="299"/>
                    </a:lnTo>
                    <a:lnTo>
                      <a:pt x="168" y="297"/>
                    </a:lnTo>
                    <a:lnTo>
                      <a:pt x="168" y="296"/>
                    </a:lnTo>
                    <a:lnTo>
                      <a:pt x="172" y="296"/>
                    </a:lnTo>
                    <a:lnTo>
                      <a:pt x="172" y="294"/>
                    </a:lnTo>
                    <a:lnTo>
                      <a:pt x="173" y="294"/>
                    </a:lnTo>
                    <a:lnTo>
                      <a:pt x="173" y="292"/>
                    </a:lnTo>
                    <a:lnTo>
                      <a:pt x="173" y="290"/>
                    </a:lnTo>
                    <a:lnTo>
                      <a:pt x="175" y="290"/>
                    </a:lnTo>
                    <a:lnTo>
                      <a:pt x="175" y="288"/>
                    </a:lnTo>
                    <a:lnTo>
                      <a:pt x="177" y="286"/>
                    </a:lnTo>
                    <a:lnTo>
                      <a:pt x="177" y="284"/>
                    </a:lnTo>
                    <a:lnTo>
                      <a:pt x="179" y="283"/>
                    </a:lnTo>
                    <a:lnTo>
                      <a:pt x="177" y="281"/>
                    </a:lnTo>
                    <a:lnTo>
                      <a:pt x="179" y="281"/>
                    </a:lnTo>
                    <a:lnTo>
                      <a:pt x="179" y="279"/>
                    </a:lnTo>
                    <a:lnTo>
                      <a:pt x="181" y="277"/>
                    </a:lnTo>
                    <a:lnTo>
                      <a:pt x="183" y="275"/>
                    </a:lnTo>
                    <a:lnTo>
                      <a:pt x="185" y="273"/>
                    </a:lnTo>
                    <a:lnTo>
                      <a:pt x="185" y="271"/>
                    </a:lnTo>
                    <a:lnTo>
                      <a:pt x="185" y="270"/>
                    </a:lnTo>
                    <a:lnTo>
                      <a:pt x="186" y="260"/>
                    </a:lnTo>
                    <a:lnTo>
                      <a:pt x="196" y="260"/>
                    </a:lnTo>
                    <a:lnTo>
                      <a:pt x="201" y="260"/>
                    </a:lnTo>
                    <a:lnTo>
                      <a:pt x="205" y="259"/>
                    </a:lnTo>
                    <a:lnTo>
                      <a:pt x="210" y="259"/>
                    </a:lnTo>
                    <a:lnTo>
                      <a:pt x="214" y="257"/>
                    </a:lnTo>
                    <a:lnTo>
                      <a:pt x="218" y="257"/>
                    </a:lnTo>
                    <a:lnTo>
                      <a:pt x="225" y="255"/>
                    </a:lnTo>
                    <a:lnTo>
                      <a:pt x="227" y="251"/>
                    </a:lnTo>
                    <a:lnTo>
                      <a:pt x="229" y="249"/>
                    </a:lnTo>
                    <a:lnTo>
                      <a:pt x="234" y="242"/>
                    </a:lnTo>
                    <a:lnTo>
                      <a:pt x="238" y="234"/>
                    </a:lnTo>
                    <a:lnTo>
                      <a:pt x="238" y="231"/>
                    </a:lnTo>
                    <a:lnTo>
                      <a:pt x="242" y="227"/>
                    </a:lnTo>
                    <a:lnTo>
                      <a:pt x="244" y="220"/>
                    </a:lnTo>
                    <a:lnTo>
                      <a:pt x="249" y="210"/>
                    </a:lnTo>
                    <a:lnTo>
                      <a:pt x="251" y="207"/>
                    </a:lnTo>
                    <a:lnTo>
                      <a:pt x="253" y="203"/>
                    </a:lnTo>
                    <a:lnTo>
                      <a:pt x="255" y="203"/>
                    </a:lnTo>
                    <a:lnTo>
                      <a:pt x="253" y="201"/>
                    </a:lnTo>
                    <a:lnTo>
                      <a:pt x="253" y="199"/>
                    </a:lnTo>
                    <a:lnTo>
                      <a:pt x="257" y="196"/>
                    </a:lnTo>
                    <a:lnTo>
                      <a:pt x="257" y="194"/>
                    </a:lnTo>
                    <a:lnTo>
                      <a:pt x="258" y="192"/>
                    </a:lnTo>
                    <a:lnTo>
                      <a:pt x="260" y="190"/>
                    </a:lnTo>
                    <a:lnTo>
                      <a:pt x="262" y="190"/>
                    </a:lnTo>
                    <a:lnTo>
                      <a:pt x="264" y="190"/>
                    </a:lnTo>
                    <a:lnTo>
                      <a:pt x="266" y="190"/>
                    </a:lnTo>
                    <a:lnTo>
                      <a:pt x="266" y="188"/>
                    </a:lnTo>
                    <a:lnTo>
                      <a:pt x="268" y="188"/>
                    </a:lnTo>
                    <a:lnTo>
                      <a:pt x="270" y="188"/>
                    </a:lnTo>
                    <a:lnTo>
                      <a:pt x="270" y="186"/>
                    </a:lnTo>
                    <a:lnTo>
                      <a:pt x="271" y="186"/>
                    </a:lnTo>
                    <a:lnTo>
                      <a:pt x="273" y="185"/>
                    </a:lnTo>
                    <a:lnTo>
                      <a:pt x="273" y="183"/>
                    </a:lnTo>
                    <a:lnTo>
                      <a:pt x="273" y="179"/>
                    </a:lnTo>
                    <a:lnTo>
                      <a:pt x="273" y="177"/>
                    </a:lnTo>
                    <a:lnTo>
                      <a:pt x="271" y="177"/>
                    </a:lnTo>
                    <a:lnTo>
                      <a:pt x="271" y="175"/>
                    </a:lnTo>
                    <a:lnTo>
                      <a:pt x="271" y="172"/>
                    </a:lnTo>
                    <a:lnTo>
                      <a:pt x="271" y="170"/>
                    </a:lnTo>
                    <a:lnTo>
                      <a:pt x="273" y="168"/>
                    </a:lnTo>
                    <a:lnTo>
                      <a:pt x="271" y="166"/>
                    </a:lnTo>
                    <a:lnTo>
                      <a:pt x="271" y="164"/>
                    </a:lnTo>
                    <a:lnTo>
                      <a:pt x="273" y="162"/>
                    </a:lnTo>
                    <a:lnTo>
                      <a:pt x="275" y="160"/>
                    </a:lnTo>
                    <a:lnTo>
                      <a:pt x="277" y="159"/>
                    </a:lnTo>
                    <a:lnTo>
                      <a:pt x="279" y="159"/>
                    </a:lnTo>
                    <a:lnTo>
                      <a:pt x="283" y="159"/>
                    </a:lnTo>
                    <a:lnTo>
                      <a:pt x="284" y="159"/>
                    </a:lnTo>
                    <a:lnTo>
                      <a:pt x="286" y="157"/>
                    </a:lnTo>
                    <a:lnTo>
                      <a:pt x="288" y="157"/>
                    </a:lnTo>
                    <a:lnTo>
                      <a:pt x="290" y="157"/>
                    </a:lnTo>
                    <a:lnTo>
                      <a:pt x="294" y="155"/>
                    </a:lnTo>
                    <a:lnTo>
                      <a:pt x="295" y="153"/>
                    </a:lnTo>
                    <a:lnTo>
                      <a:pt x="297" y="153"/>
                    </a:lnTo>
                    <a:lnTo>
                      <a:pt x="301" y="151"/>
                    </a:lnTo>
                    <a:lnTo>
                      <a:pt x="303" y="149"/>
                    </a:lnTo>
                    <a:lnTo>
                      <a:pt x="303" y="151"/>
                    </a:lnTo>
                    <a:lnTo>
                      <a:pt x="303" y="153"/>
                    </a:lnTo>
                    <a:lnTo>
                      <a:pt x="303" y="155"/>
                    </a:lnTo>
                    <a:lnTo>
                      <a:pt x="303" y="157"/>
                    </a:lnTo>
                    <a:lnTo>
                      <a:pt x="303" y="159"/>
                    </a:lnTo>
                    <a:lnTo>
                      <a:pt x="305" y="159"/>
                    </a:lnTo>
                    <a:lnTo>
                      <a:pt x="307" y="159"/>
                    </a:lnTo>
                    <a:lnTo>
                      <a:pt x="308" y="157"/>
                    </a:lnTo>
                    <a:lnTo>
                      <a:pt x="310" y="155"/>
                    </a:lnTo>
                    <a:lnTo>
                      <a:pt x="312" y="157"/>
                    </a:lnTo>
                    <a:lnTo>
                      <a:pt x="314" y="159"/>
                    </a:lnTo>
                    <a:lnTo>
                      <a:pt x="314" y="160"/>
                    </a:lnTo>
                    <a:lnTo>
                      <a:pt x="314" y="162"/>
                    </a:lnTo>
                    <a:lnTo>
                      <a:pt x="316" y="162"/>
                    </a:lnTo>
                    <a:lnTo>
                      <a:pt x="314" y="164"/>
                    </a:lnTo>
                    <a:lnTo>
                      <a:pt x="312" y="166"/>
                    </a:lnTo>
                    <a:lnTo>
                      <a:pt x="312" y="168"/>
                    </a:lnTo>
                    <a:lnTo>
                      <a:pt x="314" y="168"/>
                    </a:lnTo>
                    <a:lnTo>
                      <a:pt x="314" y="170"/>
                    </a:lnTo>
                    <a:lnTo>
                      <a:pt x="314" y="172"/>
                    </a:lnTo>
                    <a:lnTo>
                      <a:pt x="316" y="172"/>
                    </a:lnTo>
                    <a:lnTo>
                      <a:pt x="319" y="172"/>
                    </a:lnTo>
                    <a:lnTo>
                      <a:pt x="321" y="172"/>
                    </a:lnTo>
                    <a:lnTo>
                      <a:pt x="323" y="172"/>
                    </a:lnTo>
                    <a:lnTo>
                      <a:pt x="325" y="172"/>
                    </a:lnTo>
                    <a:lnTo>
                      <a:pt x="327" y="172"/>
                    </a:lnTo>
                    <a:lnTo>
                      <a:pt x="327" y="170"/>
                    </a:lnTo>
                    <a:lnTo>
                      <a:pt x="327" y="168"/>
                    </a:lnTo>
                    <a:lnTo>
                      <a:pt x="327" y="166"/>
                    </a:lnTo>
                    <a:lnTo>
                      <a:pt x="329" y="166"/>
                    </a:lnTo>
                    <a:lnTo>
                      <a:pt x="329" y="164"/>
                    </a:lnTo>
                    <a:lnTo>
                      <a:pt x="331" y="164"/>
                    </a:lnTo>
                    <a:lnTo>
                      <a:pt x="331" y="162"/>
                    </a:lnTo>
                    <a:lnTo>
                      <a:pt x="332" y="162"/>
                    </a:lnTo>
                    <a:lnTo>
                      <a:pt x="332" y="160"/>
                    </a:lnTo>
                    <a:lnTo>
                      <a:pt x="334" y="160"/>
                    </a:lnTo>
                    <a:lnTo>
                      <a:pt x="336" y="160"/>
                    </a:lnTo>
                    <a:lnTo>
                      <a:pt x="338" y="160"/>
                    </a:lnTo>
                    <a:lnTo>
                      <a:pt x="340" y="160"/>
                    </a:lnTo>
                    <a:lnTo>
                      <a:pt x="342" y="160"/>
                    </a:lnTo>
                    <a:lnTo>
                      <a:pt x="344" y="160"/>
                    </a:lnTo>
                    <a:lnTo>
                      <a:pt x="345" y="160"/>
                    </a:lnTo>
                    <a:lnTo>
                      <a:pt x="347" y="162"/>
                    </a:lnTo>
                    <a:lnTo>
                      <a:pt x="349" y="162"/>
                    </a:lnTo>
                    <a:lnTo>
                      <a:pt x="351" y="160"/>
                    </a:lnTo>
                    <a:lnTo>
                      <a:pt x="353" y="160"/>
                    </a:lnTo>
                    <a:lnTo>
                      <a:pt x="355" y="159"/>
                    </a:lnTo>
                    <a:lnTo>
                      <a:pt x="356" y="159"/>
                    </a:lnTo>
                    <a:lnTo>
                      <a:pt x="358" y="159"/>
                    </a:lnTo>
                    <a:lnTo>
                      <a:pt x="360" y="159"/>
                    </a:lnTo>
                    <a:lnTo>
                      <a:pt x="360" y="157"/>
                    </a:lnTo>
                    <a:lnTo>
                      <a:pt x="362" y="157"/>
                    </a:lnTo>
                    <a:lnTo>
                      <a:pt x="364" y="157"/>
                    </a:lnTo>
                    <a:lnTo>
                      <a:pt x="366" y="157"/>
                    </a:lnTo>
                    <a:lnTo>
                      <a:pt x="368" y="157"/>
                    </a:lnTo>
                    <a:lnTo>
                      <a:pt x="369" y="157"/>
                    </a:lnTo>
                    <a:lnTo>
                      <a:pt x="371" y="157"/>
                    </a:lnTo>
                    <a:lnTo>
                      <a:pt x="373" y="157"/>
                    </a:lnTo>
                    <a:lnTo>
                      <a:pt x="375" y="157"/>
                    </a:lnTo>
                    <a:lnTo>
                      <a:pt x="377" y="157"/>
                    </a:lnTo>
                    <a:lnTo>
                      <a:pt x="379" y="157"/>
                    </a:lnTo>
                    <a:lnTo>
                      <a:pt x="380" y="157"/>
                    </a:lnTo>
                    <a:lnTo>
                      <a:pt x="382" y="159"/>
                    </a:lnTo>
                    <a:lnTo>
                      <a:pt x="384" y="159"/>
                    </a:lnTo>
                    <a:lnTo>
                      <a:pt x="386" y="159"/>
                    </a:lnTo>
                    <a:lnTo>
                      <a:pt x="386" y="160"/>
                    </a:lnTo>
                    <a:lnTo>
                      <a:pt x="388" y="159"/>
                    </a:lnTo>
                    <a:lnTo>
                      <a:pt x="388" y="157"/>
                    </a:lnTo>
                    <a:lnTo>
                      <a:pt x="390" y="157"/>
                    </a:lnTo>
                    <a:lnTo>
                      <a:pt x="392" y="157"/>
                    </a:lnTo>
                    <a:lnTo>
                      <a:pt x="393" y="157"/>
                    </a:lnTo>
                    <a:lnTo>
                      <a:pt x="395" y="155"/>
                    </a:lnTo>
                    <a:lnTo>
                      <a:pt x="397" y="155"/>
                    </a:lnTo>
                    <a:lnTo>
                      <a:pt x="399" y="155"/>
                    </a:lnTo>
                    <a:lnTo>
                      <a:pt x="401" y="153"/>
                    </a:lnTo>
                    <a:lnTo>
                      <a:pt x="403" y="153"/>
                    </a:lnTo>
                    <a:lnTo>
                      <a:pt x="403" y="151"/>
                    </a:lnTo>
                    <a:lnTo>
                      <a:pt x="405" y="151"/>
                    </a:lnTo>
                    <a:lnTo>
                      <a:pt x="406" y="151"/>
                    </a:lnTo>
                    <a:lnTo>
                      <a:pt x="408" y="151"/>
                    </a:lnTo>
                    <a:lnTo>
                      <a:pt x="408" y="149"/>
                    </a:lnTo>
                    <a:lnTo>
                      <a:pt x="406" y="148"/>
                    </a:lnTo>
                    <a:lnTo>
                      <a:pt x="405" y="144"/>
                    </a:lnTo>
                    <a:lnTo>
                      <a:pt x="403" y="140"/>
                    </a:lnTo>
                    <a:lnTo>
                      <a:pt x="401" y="138"/>
                    </a:lnTo>
                    <a:lnTo>
                      <a:pt x="399" y="138"/>
                    </a:lnTo>
                    <a:lnTo>
                      <a:pt x="401" y="138"/>
                    </a:lnTo>
                    <a:lnTo>
                      <a:pt x="403" y="136"/>
                    </a:lnTo>
                    <a:lnTo>
                      <a:pt x="403" y="135"/>
                    </a:lnTo>
                    <a:lnTo>
                      <a:pt x="401" y="133"/>
                    </a:lnTo>
                    <a:lnTo>
                      <a:pt x="399" y="133"/>
                    </a:lnTo>
                    <a:lnTo>
                      <a:pt x="397" y="133"/>
                    </a:lnTo>
                    <a:lnTo>
                      <a:pt x="395" y="133"/>
                    </a:lnTo>
                    <a:lnTo>
                      <a:pt x="395" y="135"/>
                    </a:lnTo>
                    <a:lnTo>
                      <a:pt x="393" y="135"/>
                    </a:lnTo>
                    <a:lnTo>
                      <a:pt x="392" y="135"/>
                    </a:lnTo>
                    <a:lnTo>
                      <a:pt x="392" y="133"/>
                    </a:lnTo>
                    <a:lnTo>
                      <a:pt x="392" y="131"/>
                    </a:lnTo>
                    <a:lnTo>
                      <a:pt x="392" y="129"/>
                    </a:lnTo>
                    <a:lnTo>
                      <a:pt x="392" y="127"/>
                    </a:lnTo>
                    <a:lnTo>
                      <a:pt x="393" y="125"/>
                    </a:lnTo>
                    <a:lnTo>
                      <a:pt x="395" y="125"/>
                    </a:lnTo>
                    <a:lnTo>
                      <a:pt x="395" y="123"/>
                    </a:lnTo>
                    <a:lnTo>
                      <a:pt x="397" y="123"/>
                    </a:lnTo>
                    <a:lnTo>
                      <a:pt x="397" y="122"/>
                    </a:lnTo>
                    <a:lnTo>
                      <a:pt x="399" y="122"/>
                    </a:lnTo>
                    <a:lnTo>
                      <a:pt x="399" y="120"/>
                    </a:lnTo>
                    <a:lnTo>
                      <a:pt x="397" y="120"/>
                    </a:lnTo>
                    <a:lnTo>
                      <a:pt x="397" y="118"/>
                    </a:lnTo>
                    <a:lnTo>
                      <a:pt x="395" y="118"/>
                    </a:lnTo>
                    <a:lnTo>
                      <a:pt x="395" y="116"/>
                    </a:lnTo>
                    <a:lnTo>
                      <a:pt x="395" y="114"/>
                    </a:lnTo>
                    <a:lnTo>
                      <a:pt x="397" y="112"/>
                    </a:lnTo>
                    <a:lnTo>
                      <a:pt x="397" y="111"/>
                    </a:lnTo>
                    <a:lnTo>
                      <a:pt x="397" y="109"/>
                    </a:lnTo>
                    <a:lnTo>
                      <a:pt x="399" y="109"/>
                    </a:lnTo>
                    <a:lnTo>
                      <a:pt x="399" y="107"/>
                    </a:lnTo>
                    <a:lnTo>
                      <a:pt x="401" y="107"/>
                    </a:lnTo>
                    <a:lnTo>
                      <a:pt x="401" y="105"/>
                    </a:lnTo>
                    <a:lnTo>
                      <a:pt x="403" y="105"/>
                    </a:lnTo>
                    <a:lnTo>
                      <a:pt x="405" y="105"/>
                    </a:lnTo>
                    <a:lnTo>
                      <a:pt x="406" y="103"/>
                    </a:lnTo>
                    <a:lnTo>
                      <a:pt x="408" y="103"/>
                    </a:lnTo>
                    <a:lnTo>
                      <a:pt x="408" y="101"/>
                    </a:lnTo>
                    <a:lnTo>
                      <a:pt x="410" y="101"/>
                    </a:lnTo>
                    <a:lnTo>
                      <a:pt x="412" y="101"/>
                    </a:lnTo>
                    <a:lnTo>
                      <a:pt x="414" y="101"/>
                    </a:lnTo>
                    <a:lnTo>
                      <a:pt x="416" y="101"/>
                    </a:lnTo>
                    <a:lnTo>
                      <a:pt x="416" y="99"/>
                    </a:lnTo>
                    <a:lnTo>
                      <a:pt x="417" y="99"/>
                    </a:lnTo>
                    <a:lnTo>
                      <a:pt x="419" y="99"/>
                    </a:lnTo>
                    <a:lnTo>
                      <a:pt x="421" y="98"/>
                    </a:lnTo>
                    <a:lnTo>
                      <a:pt x="423" y="98"/>
                    </a:lnTo>
                    <a:lnTo>
                      <a:pt x="425" y="98"/>
                    </a:lnTo>
                    <a:lnTo>
                      <a:pt x="427" y="96"/>
                    </a:lnTo>
                    <a:lnTo>
                      <a:pt x="427" y="94"/>
                    </a:lnTo>
                    <a:lnTo>
                      <a:pt x="427" y="92"/>
                    </a:lnTo>
                    <a:lnTo>
                      <a:pt x="427" y="90"/>
                    </a:lnTo>
                    <a:lnTo>
                      <a:pt x="427" y="88"/>
                    </a:lnTo>
                    <a:lnTo>
                      <a:pt x="427" y="86"/>
                    </a:lnTo>
                    <a:lnTo>
                      <a:pt x="427" y="85"/>
                    </a:lnTo>
                    <a:lnTo>
                      <a:pt x="427" y="83"/>
                    </a:lnTo>
                    <a:lnTo>
                      <a:pt x="427" y="81"/>
                    </a:lnTo>
                    <a:lnTo>
                      <a:pt x="427" y="79"/>
                    </a:lnTo>
                    <a:lnTo>
                      <a:pt x="427" y="77"/>
                    </a:lnTo>
                    <a:lnTo>
                      <a:pt x="429" y="77"/>
                    </a:lnTo>
                    <a:lnTo>
                      <a:pt x="429" y="79"/>
                    </a:lnTo>
                    <a:lnTo>
                      <a:pt x="429" y="77"/>
                    </a:lnTo>
                    <a:lnTo>
                      <a:pt x="429" y="75"/>
                    </a:lnTo>
                    <a:lnTo>
                      <a:pt x="429" y="74"/>
                    </a:lnTo>
                    <a:lnTo>
                      <a:pt x="427" y="72"/>
                    </a:lnTo>
                    <a:lnTo>
                      <a:pt x="427" y="74"/>
                    </a:lnTo>
                    <a:lnTo>
                      <a:pt x="425" y="74"/>
                    </a:lnTo>
                    <a:lnTo>
                      <a:pt x="423" y="74"/>
                    </a:lnTo>
                    <a:lnTo>
                      <a:pt x="423" y="72"/>
                    </a:lnTo>
                    <a:lnTo>
                      <a:pt x="423" y="70"/>
                    </a:lnTo>
                    <a:lnTo>
                      <a:pt x="421" y="70"/>
                    </a:lnTo>
                    <a:lnTo>
                      <a:pt x="421" y="68"/>
                    </a:lnTo>
                    <a:lnTo>
                      <a:pt x="421" y="66"/>
                    </a:lnTo>
                    <a:lnTo>
                      <a:pt x="423" y="66"/>
                    </a:lnTo>
                    <a:lnTo>
                      <a:pt x="425" y="64"/>
                    </a:lnTo>
                    <a:lnTo>
                      <a:pt x="427" y="62"/>
                    </a:lnTo>
                    <a:lnTo>
                      <a:pt x="429" y="62"/>
                    </a:lnTo>
                    <a:lnTo>
                      <a:pt x="427" y="61"/>
                    </a:lnTo>
                    <a:lnTo>
                      <a:pt x="425" y="61"/>
                    </a:lnTo>
                    <a:lnTo>
                      <a:pt x="423" y="59"/>
                    </a:lnTo>
                    <a:lnTo>
                      <a:pt x="421" y="59"/>
                    </a:lnTo>
                    <a:lnTo>
                      <a:pt x="419" y="59"/>
                    </a:lnTo>
                    <a:lnTo>
                      <a:pt x="421" y="57"/>
                    </a:lnTo>
                    <a:lnTo>
                      <a:pt x="423" y="55"/>
                    </a:lnTo>
                    <a:lnTo>
                      <a:pt x="425" y="55"/>
                    </a:lnTo>
                    <a:lnTo>
                      <a:pt x="427" y="55"/>
                    </a:lnTo>
                    <a:lnTo>
                      <a:pt x="429" y="55"/>
                    </a:lnTo>
                    <a:lnTo>
                      <a:pt x="430" y="55"/>
                    </a:lnTo>
                    <a:lnTo>
                      <a:pt x="434" y="57"/>
                    </a:lnTo>
                    <a:lnTo>
                      <a:pt x="436" y="55"/>
                    </a:lnTo>
                    <a:lnTo>
                      <a:pt x="436" y="57"/>
                    </a:lnTo>
                    <a:lnTo>
                      <a:pt x="438" y="55"/>
                    </a:lnTo>
                    <a:lnTo>
                      <a:pt x="440" y="55"/>
                    </a:lnTo>
                    <a:lnTo>
                      <a:pt x="441" y="55"/>
                    </a:lnTo>
                    <a:lnTo>
                      <a:pt x="443" y="55"/>
                    </a:lnTo>
                    <a:lnTo>
                      <a:pt x="445" y="55"/>
                    </a:lnTo>
                    <a:lnTo>
                      <a:pt x="447" y="55"/>
                    </a:lnTo>
                    <a:lnTo>
                      <a:pt x="449" y="53"/>
                    </a:lnTo>
                    <a:lnTo>
                      <a:pt x="451" y="53"/>
                    </a:lnTo>
                    <a:lnTo>
                      <a:pt x="454" y="55"/>
                    </a:lnTo>
                    <a:lnTo>
                      <a:pt x="456" y="53"/>
                    </a:lnTo>
                    <a:lnTo>
                      <a:pt x="458" y="53"/>
                    </a:lnTo>
                    <a:lnTo>
                      <a:pt x="460" y="53"/>
                    </a:lnTo>
                    <a:lnTo>
                      <a:pt x="462" y="53"/>
                    </a:lnTo>
                    <a:lnTo>
                      <a:pt x="464" y="53"/>
                    </a:lnTo>
                    <a:lnTo>
                      <a:pt x="466" y="53"/>
                    </a:lnTo>
                    <a:lnTo>
                      <a:pt x="467" y="53"/>
                    </a:lnTo>
                    <a:lnTo>
                      <a:pt x="469" y="53"/>
                    </a:lnTo>
                    <a:lnTo>
                      <a:pt x="471" y="53"/>
                    </a:lnTo>
                    <a:lnTo>
                      <a:pt x="473" y="53"/>
                    </a:lnTo>
                    <a:lnTo>
                      <a:pt x="475" y="53"/>
                    </a:lnTo>
                    <a:lnTo>
                      <a:pt x="477" y="53"/>
                    </a:lnTo>
                    <a:lnTo>
                      <a:pt x="478" y="53"/>
                    </a:lnTo>
                    <a:lnTo>
                      <a:pt x="480" y="53"/>
                    </a:lnTo>
                    <a:lnTo>
                      <a:pt x="482" y="55"/>
                    </a:lnTo>
                    <a:lnTo>
                      <a:pt x="484" y="55"/>
                    </a:lnTo>
                    <a:lnTo>
                      <a:pt x="482" y="55"/>
                    </a:lnTo>
                    <a:lnTo>
                      <a:pt x="482" y="57"/>
                    </a:lnTo>
                    <a:lnTo>
                      <a:pt x="480" y="59"/>
                    </a:lnTo>
                    <a:lnTo>
                      <a:pt x="478" y="61"/>
                    </a:lnTo>
                    <a:lnTo>
                      <a:pt x="480" y="62"/>
                    </a:lnTo>
                    <a:lnTo>
                      <a:pt x="480" y="64"/>
                    </a:lnTo>
                    <a:lnTo>
                      <a:pt x="482" y="64"/>
                    </a:lnTo>
                    <a:lnTo>
                      <a:pt x="482" y="66"/>
                    </a:lnTo>
                    <a:lnTo>
                      <a:pt x="484" y="66"/>
                    </a:lnTo>
                    <a:lnTo>
                      <a:pt x="486" y="66"/>
                    </a:lnTo>
                    <a:lnTo>
                      <a:pt x="488" y="66"/>
                    </a:lnTo>
                    <a:lnTo>
                      <a:pt x="490" y="64"/>
                    </a:lnTo>
                    <a:lnTo>
                      <a:pt x="491" y="64"/>
                    </a:lnTo>
                    <a:lnTo>
                      <a:pt x="493" y="64"/>
                    </a:lnTo>
                    <a:lnTo>
                      <a:pt x="493" y="66"/>
                    </a:lnTo>
                    <a:lnTo>
                      <a:pt x="502" y="68"/>
                    </a:lnTo>
                    <a:lnTo>
                      <a:pt x="515" y="68"/>
                    </a:lnTo>
                    <a:lnTo>
                      <a:pt x="517" y="70"/>
                    </a:lnTo>
                    <a:lnTo>
                      <a:pt x="519" y="70"/>
                    </a:lnTo>
                    <a:lnTo>
                      <a:pt x="521" y="72"/>
                    </a:lnTo>
                    <a:lnTo>
                      <a:pt x="523" y="72"/>
                    </a:lnTo>
                    <a:lnTo>
                      <a:pt x="525" y="74"/>
                    </a:lnTo>
                    <a:lnTo>
                      <a:pt x="527" y="74"/>
                    </a:lnTo>
                    <a:lnTo>
                      <a:pt x="528" y="74"/>
                    </a:lnTo>
                    <a:lnTo>
                      <a:pt x="530" y="74"/>
                    </a:lnTo>
                    <a:lnTo>
                      <a:pt x="532" y="74"/>
                    </a:lnTo>
                    <a:lnTo>
                      <a:pt x="534" y="74"/>
                    </a:lnTo>
                    <a:lnTo>
                      <a:pt x="539" y="74"/>
                    </a:lnTo>
                    <a:lnTo>
                      <a:pt x="543" y="75"/>
                    </a:lnTo>
                    <a:lnTo>
                      <a:pt x="547" y="74"/>
                    </a:lnTo>
                    <a:lnTo>
                      <a:pt x="551" y="74"/>
                    </a:lnTo>
                    <a:lnTo>
                      <a:pt x="551" y="72"/>
                    </a:lnTo>
                    <a:lnTo>
                      <a:pt x="552" y="72"/>
                    </a:lnTo>
                    <a:lnTo>
                      <a:pt x="554" y="72"/>
                    </a:lnTo>
                    <a:lnTo>
                      <a:pt x="554" y="70"/>
                    </a:lnTo>
                    <a:lnTo>
                      <a:pt x="556" y="70"/>
                    </a:lnTo>
                    <a:lnTo>
                      <a:pt x="558" y="70"/>
                    </a:lnTo>
                    <a:lnTo>
                      <a:pt x="560" y="72"/>
                    </a:lnTo>
                    <a:lnTo>
                      <a:pt x="562" y="72"/>
                    </a:lnTo>
                    <a:lnTo>
                      <a:pt x="563" y="72"/>
                    </a:lnTo>
                    <a:lnTo>
                      <a:pt x="563" y="74"/>
                    </a:lnTo>
                    <a:lnTo>
                      <a:pt x="565" y="74"/>
                    </a:lnTo>
                    <a:lnTo>
                      <a:pt x="569" y="75"/>
                    </a:lnTo>
                    <a:lnTo>
                      <a:pt x="573" y="75"/>
                    </a:lnTo>
                    <a:lnTo>
                      <a:pt x="575" y="75"/>
                    </a:lnTo>
                    <a:lnTo>
                      <a:pt x="576" y="77"/>
                    </a:lnTo>
                    <a:lnTo>
                      <a:pt x="578" y="77"/>
                    </a:lnTo>
                    <a:lnTo>
                      <a:pt x="580" y="77"/>
                    </a:lnTo>
                    <a:lnTo>
                      <a:pt x="582" y="75"/>
                    </a:lnTo>
                    <a:lnTo>
                      <a:pt x="584" y="75"/>
                    </a:lnTo>
                    <a:lnTo>
                      <a:pt x="588" y="75"/>
                    </a:lnTo>
                    <a:lnTo>
                      <a:pt x="589" y="75"/>
                    </a:lnTo>
                    <a:lnTo>
                      <a:pt x="589" y="74"/>
                    </a:lnTo>
                    <a:lnTo>
                      <a:pt x="591" y="74"/>
                    </a:lnTo>
                    <a:lnTo>
                      <a:pt x="593" y="74"/>
                    </a:lnTo>
                    <a:lnTo>
                      <a:pt x="595" y="74"/>
                    </a:lnTo>
                    <a:lnTo>
                      <a:pt x="597" y="74"/>
                    </a:lnTo>
                    <a:lnTo>
                      <a:pt x="599" y="74"/>
                    </a:lnTo>
                    <a:lnTo>
                      <a:pt x="600" y="72"/>
                    </a:lnTo>
                    <a:lnTo>
                      <a:pt x="602" y="72"/>
                    </a:lnTo>
                    <a:lnTo>
                      <a:pt x="604" y="72"/>
                    </a:lnTo>
                    <a:lnTo>
                      <a:pt x="606" y="72"/>
                    </a:lnTo>
                    <a:lnTo>
                      <a:pt x="608" y="70"/>
                    </a:lnTo>
                    <a:lnTo>
                      <a:pt x="610" y="70"/>
                    </a:lnTo>
                    <a:lnTo>
                      <a:pt x="612" y="70"/>
                    </a:lnTo>
                    <a:lnTo>
                      <a:pt x="613" y="70"/>
                    </a:lnTo>
                    <a:lnTo>
                      <a:pt x="615" y="70"/>
                    </a:lnTo>
                    <a:lnTo>
                      <a:pt x="617" y="70"/>
                    </a:lnTo>
                    <a:lnTo>
                      <a:pt x="619" y="70"/>
                    </a:lnTo>
                    <a:lnTo>
                      <a:pt x="623" y="68"/>
                    </a:lnTo>
                    <a:lnTo>
                      <a:pt x="623" y="66"/>
                    </a:lnTo>
                    <a:lnTo>
                      <a:pt x="624" y="66"/>
                    </a:lnTo>
                    <a:lnTo>
                      <a:pt x="628" y="66"/>
                    </a:lnTo>
                    <a:lnTo>
                      <a:pt x="630" y="64"/>
                    </a:lnTo>
                    <a:lnTo>
                      <a:pt x="632" y="64"/>
                    </a:lnTo>
                    <a:lnTo>
                      <a:pt x="634" y="62"/>
                    </a:lnTo>
                    <a:lnTo>
                      <a:pt x="636" y="61"/>
                    </a:lnTo>
                    <a:lnTo>
                      <a:pt x="637" y="57"/>
                    </a:lnTo>
                    <a:lnTo>
                      <a:pt x="639" y="55"/>
                    </a:lnTo>
                    <a:lnTo>
                      <a:pt x="641" y="53"/>
                    </a:lnTo>
                    <a:lnTo>
                      <a:pt x="643" y="53"/>
                    </a:lnTo>
                    <a:lnTo>
                      <a:pt x="643" y="51"/>
                    </a:lnTo>
                    <a:lnTo>
                      <a:pt x="645" y="51"/>
                    </a:lnTo>
                    <a:lnTo>
                      <a:pt x="647" y="49"/>
                    </a:lnTo>
                    <a:lnTo>
                      <a:pt x="649" y="48"/>
                    </a:lnTo>
                    <a:lnTo>
                      <a:pt x="650" y="48"/>
                    </a:lnTo>
                    <a:lnTo>
                      <a:pt x="652" y="46"/>
                    </a:lnTo>
                    <a:lnTo>
                      <a:pt x="654" y="42"/>
                    </a:lnTo>
                    <a:lnTo>
                      <a:pt x="654" y="40"/>
                    </a:lnTo>
                    <a:lnTo>
                      <a:pt x="656" y="40"/>
                    </a:lnTo>
                    <a:lnTo>
                      <a:pt x="658" y="38"/>
                    </a:lnTo>
                    <a:lnTo>
                      <a:pt x="660" y="35"/>
                    </a:lnTo>
                    <a:lnTo>
                      <a:pt x="661" y="33"/>
                    </a:lnTo>
                    <a:lnTo>
                      <a:pt x="663" y="33"/>
                    </a:lnTo>
                    <a:lnTo>
                      <a:pt x="665" y="33"/>
                    </a:lnTo>
                    <a:lnTo>
                      <a:pt x="667" y="33"/>
                    </a:lnTo>
                    <a:lnTo>
                      <a:pt x="669" y="33"/>
                    </a:lnTo>
                    <a:lnTo>
                      <a:pt x="671" y="33"/>
                    </a:lnTo>
                    <a:lnTo>
                      <a:pt x="671" y="35"/>
                    </a:lnTo>
                    <a:lnTo>
                      <a:pt x="673" y="33"/>
                    </a:lnTo>
                    <a:lnTo>
                      <a:pt x="674" y="33"/>
                    </a:lnTo>
                    <a:lnTo>
                      <a:pt x="676" y="33"/>
                    </a:lnTo>
                    <a:lnTo>
                      <a:pt x="678" y="33"/>
                    </a:lnTo>
                    <a:lnTo>
                      <a:pt x="680" y="31"/>
                    </a:lnTo>
                    <a:lnTo>
                      <a:pt x="682" y="31"/>
                    </a:lnTo>
                    <a:lnTo>
                      <a:pt x="684" y="29"/>
                    </a:lnTo>
                    <a:lnTo>
                      <a:pt x="685" y="29"/>
                    </a:lnTo>
                    <a:lnTo>
                      <a:pt x="687" y="29"/>
                    </a:lnTo>
                    <a:lnTo>
                      <a:pt x="689" y="29"/>
                    </a:lnTo>
                    <a:lnTo>
                      <a:pt x="689" y="27"/>
                    </a:lnTo>
                    <a:lnTo>
                      <a:pt x="691" y="27"/>
                    </a:lnTo>
                    <a:lnTo>
                      <a:pt x="693" y="27"/>
                    </a:lnTo>
                    <a:lnTo>
                      <a:pt x="695" y="27"/>
                    </a:lnTo>
                    <a:lnTo>
                      <a:pt x="697" y="27"/>
                    </a:lnTo>
                    <a:lnTo>
                      <a:pt x="697" y="25"/>
                    </a:lnTo>
                    <a:lnTo>
                      <a:pt x="698" y="25"/>
                    </a:lnTo>
                    <a:lnTo>
                      <a:pt x="700" y="25"/>
                    </a:lnTo>
                    <a:lnTo>
                      <a:pt x="702" y="25"/>
                    </a:lnTo>
                    <a:lnTo>
                      <a:pt x="702" y="24"/>
                    </a:lnTo>
                    <a:lnTo>
                      <a:pt x="704" y="24"/>
                    </a:lnTo>
                    <a:lnTo>
                      <a:pt x="704" y="22"/>
                    </a:lnTo>
                    <a:lnTo>
                      <a:pt x="706" y="22"/>
                    </a:lnTo>
                    <a:lnTo>
                      <a:pt x="708" y="22"/>
                    </a:lnTo>
                    <a:lnTo>
                      <a:pt x="708" y="20"/>
                    </a:lnTo>
                    <a:lnTo>
                      <a:pt x="710" y="20"/>
                    </a:lnTo>
                    <a:lnTo>
                      <a:pt x="711" y="18"/>
                    </a:lnTo>
                    <a:lnTo>
                      <a:pt x="713" y="16"/>
                    </a:lnTo>
                    <a:lnTo>
                      <a:pt x="715" y="16"/>
                    </a:lnTo>
                    <a:lnTo>
                      <a:pt x="715" y="14"/>
                    </a:lnTo>
                    <a:lnTo>
                      <a:pt x="717" y="14"/>
                    </a:lnTo>
                    <a:lnTo>
                      <a:pt x="719" y="14"/>
                    </a:lnTo>
                    <a:lnTo>
                      <a:pt x="721" y="16"/>
                    </a:lnTo>
                    <a:lnTo>
                      <a:pt x="722" y="16"/>
                    </a:lnTo>
                    <a:lnTo>
                      <a:pt x="724" y="16"/>
                    </a:lnTo>
                    <a:lnTo>
                      <a:pt x="726" y="16"/>
                    </a:lnTo>
                    <a:lnTo>
                      <a:pt x="726" y="18"/>
                    </a:lnTo>
                    <a:lnTo>
                      <a:pt x="726" y="16"/>
                    </a:lnTo>
                    <a:lnTo>
                      <a:pt x="728" y="16"/>
                    </a:lnTo>
                    <a:lnTo>
                      <a:pt x="730" y="16"/>
                    </a:lnTo>
                    <a:lnTo>
                      <a:pt x="730" y="18"/>
                    </a:lnTo>
                    <a:lnTo>
                      <a:pt x="732" y="18"/>
                    </a:lnTo>
                    <a:lnTo>
                      <a:pt x="734" y="18"/>
                    </a:lnTo>
                    <a:lnTo>
                      <a:pt x="735" y="18"/>
                    </a:lnTo>
                    <a:lnTo>
                      <a:pt x="739" y="18"/>
                    </a:lnTo>
                    <a:lnTo>
                      <a:pt x="743" y="18"/>
                    </a:lnTo>
                    <a:lnTo>
                      <a:pt x="745" y="18"/>
                    </a:lnTo>
                    <a:lnTo>
                      <a:pt x="746" y="18"/>
                    </a:lnTo>
                    <a:lnTo>
                      <a:pt x="748" y="18"/>
                    </a:lnTo>
                    <a:lnTo>
                      <a:pt x="750" y="18"/>
                    </a:lnTo>
                    <a:lnTo>
                      <a:pt x="752" y="18"/>
                    </a:lnTo>
                    <a:lnTo>
                      <a:pt x="754" y="18"/>
                    </a:lnTo>
                    <a:lnTo>
                      <a:pt x="756" y="18"/>
                    </a:lnTo>
                    <a:lnTo>
                      <a:pt x="758" y="18"/>
                    </a:lnTo>
                    <a:lnTo>
                      <a:pt x="759" y="18"/>
                    </a:lnTo>
                    <a:lnTo>
                      <a:pt x="761" y="18"/>
                    </a:lnTo>
                    <a:lnTo>
                      <a:pt x="763" y="18"/>
                    </a:lnTo>
                    <a:lnTo>
                      <a:pt x="765" y="20"/>
                    </a:lnTo>
                    <a:lnTo>
                      <a:pt x="765" y="22"/>
                    </a:lnTo>
                    <a:lnTo>
                      <a:pt x="765" y="24"/>
                    </a:lnTo>
                    <a:lnTo>
                      <a:pt x="767" y="25"/>
                    </a:lnTo>
                    <a:lnTo>
                      <a:pt x="769" y="25"/>
                    </a:lnTo>
                    <a:lnTo>
                      <a:pt x="771" y="25"/>
                    </a:lnTo>
                    <a:lnTo>
                      <a:pt x="772" y="25"/>
                    </a:lnTo>
                    <a:lnTo>
                      <a:pt x="774" y="25"/>
                    </a:lnTo>
                    <a:lnTo>
                      <a:pt x="774" y="27"/>
                    </a:lnTo>
                    <a:lnTo>
                      <a:pt x="776" y="27"/>
                    </a:lnTo>
                    <a:lnTo>
                      <a:pt x="776" y="29"/>
                    </a:lnTo>
                    <a:lnTo>
                      <a:pt x="778" y="29"/>
                    </a:lnTo>
                    <a:lnTo>
                      <a:pt x="778" y="31"/>
                    </a:lnTo>
                    <a:lnTo>
                      <a:pt x="780" y="31"/>
                    </a:lnTo>
                    <a:lnTo>
                      <a:pt x="782" y="29"/>
                    </a:lnTo>
                    <a:lnTo>
                      <a:pt x="783" y="29"/>
                    </a:lnTo>
                    <a:lnTo>
                      <a:pt x="787" y="29"/>
                    </a:lnTo>
                    <a:lnTo>
                      <a:pt x="789" y="29"/>
                    </a:lnTo>
                    <a:lnTo>
                      <a:pt x="793" y="29"/>
                    </a:lnTo>
                    <a:lnTo>
                      <a:pt x="795" y="29"/>
                    </a:lnTo>
                    <a:lnTo>
                      <a:pt x="796" y="29"/>
                    </a:lnTo>
                    <a:lnTo>
                      <a:pt x="802" y="27"/>
                    </a:lnTo>
                    <a:lnTo>
                      <a:pt x="804" y="27"/>
                    </a:lnTo>
                    <a:lnTo>
                      <a:pt x="806" y="27"/>
                    </a:lnTo>
                    <a:lnTo>
                      <a:pt x="807" y="27"/>
                    </a:lnTo>
                    <a:lnTo>
                      <a:pt x="809" y="27"/>
                    </a:lnTo>
                    <a:lnTo>
                      <a:pt x="811" y="27"/>
                    </a:lnTo>
                    <a:lnTo>
                      <a:pt x="813" y="27"/>
                    </a:lnTo>
                    <a:lnTo>
                      <a:pt x="815" y="27"/>
                    </a:lnTo>
                    <a:lnTo>
                      <a:pt x="817" y="27"/>
                    </a:lnTo>
                    <a:lnTo>
                      <a:pt x="817" y="29"/>
                    </a:lnTo>
                    <a:lnTo>
                      <a:pt x="817" y="27"/>
                    </a:lnTo>
                    <a:lnTo>
                      <a:pt x="817" y="29"/>
                    </a:lnTo>
                    <a:lnTo>
                      <a:pt x="819" y="29"/>
                    </a:lnTo>
                    <a:lnTo>
                      <a:pt x="820" y="29"/>
                    </a:lnTo>
                    <a:lnTo>
                      <a:pt x="822" y="29"/>
                    </a:lnTo>
                    <a:lnTo>
                      <a:pt x="824" y="29"/>
                    </a:lnTo>
                    <a:lnTo>
                      <a:pt x="824" y="31"/>
                    </a:lnTo>
                    <a:lnTo>
                      <a:pt x="826" y="31"/>
                    </a:lnTo>
                    <a:lnTo>
                      <a:pt x="828" y="31"/>
                    </a:lnTo>
                    <a:lnTo>
                      <a:pt x="830" y="31"/>
                    </a:lnTo>
                    <a:lnTo>
                      <a:pt x="832" y="31"/>
                    </a:lnTo>
                    <a:lnTo>
                      <a:pt x="833" y="31"/>
                    </a:lnTo>
                    <a:lnTo>
                      <a:pt x="835" y="31"/>
                    </a:lnTo>
                    <a:lnTo>
                      <a:pt x="837" y="31"/>
                    </a:lnTo>
                    <a:lnTo>
                      <a:pt x="839" y="29"/>
                    </a:lnTo>
                    <a:lnTo>
                      <a:pt x="841" y="29"/>
                    </a:lnTo>
                    <a:lnTo>
                      <a:pt x="843" y="29"/>
                    </a:lnTo>
                    <a:lnTo>
                      <a:pt x="843" y="31"/>
                    </a:lnTo>
                    <a:lnTo>
                      <a:pt x="844" y="31"/>
                    </a:lnTo>
                    <a:lnTo>
                      <a:pt x="846" y="31"/>
                    </a:lnTo>
                    <a:lnTo>
                      <a:pt x="848" y="31"/>
                    </a:lnTo>
                    <a:lnTo>
                      <a:pt x="850" y="31"/>
                    </a:lnTo>
                    <a:lnTo>
                      <a:pt x="852" y="31"/>
                    </a:lnTo>
                    <a:lnTo>
                      <a:pt x="854" y="31"/>
                    </a:lnTo>
                    <a:lnTo>
                      <a:pt x="856" y="31"/>
                    </a:lnTo>
                    <a:lnTo>
                      <a:pt x="856" y="33"/>
                    </a:lnTo>
                    <a:lnTo>
                      <a:pt x="856" y="35"/>
                    </a:lnTo>
                    <a:lnTo>
                      <a:pt x="857" y="35"/>
                    </a:lnTo>
                    <a:lnTo>
                      <a:pt x="859" y="35"/>
                    </a:lnTo>
                    <a:lnTo>
                      <a:pt x="859" y="37"/>
                    </a:lnTo>
                    <a:lnTo>
                      <a:pt x="861" y="37"/>
                    </a:lnTo>
                    <a:lnTo>
                      <a:pt x="863" y="37"/>
                    </a:lnTo>
                    <a:lnTo>
                      <a:pt x="863" y="38"/>
                    </a:lnTo>
                    <a:lnTo>
                      <a:pt x="865" y="38"/>
                    </a:lnTo>
                    <a:lnTo>
                      <a:pt x="867" y="38"/>
                    </a:lnTo>
                    <a:lnTo>
                      <a:pt x="867" y="40"/>
                    </a:lnTo>
                    <a:lnTo>
                      <a:pt x="868" y="40"/>
                    </a:lnTo>
                    <a:lnTo>
                      <a:pt x="870" y="40"/>
                    </a:lnTo>
                    <a:lnTo>
                      <a:pt x="872" y="40"/>
                    </a:lnTo>
                    <a:lnTo>
                      <a:pt x="874" y="40"/>
                    </a:lnTo>
                    <a:lnTo>
                      <a:pt x="876" y="40"/>
                    </a:lnTo>
                    <a:lnTo>
                      <a:pt x="878" y="40"/>
                    </a:lnTo>
                    <a:lnTo>
                      <a:pt x="878" y="38"/>
                    </a:lnTo>
                    <a:lnTo>
                      <a:pt x="880" y="38"/>
                    </a:lnTo>
                    <a:lnTo>
                      <a:pt x="880" y="40"/>
                    </a:lnTo>
                    <a:lnTo>
                      <a:pt x="881" y="40"/>
                    </a:lnTo>
                    <a:lnTo>
                      <a:pt x="883" y="40"/>
                    </a:lnTo>
                    <a:lnTo>
                      <a:pt x="883" y="38"/>
                    </a:lnTo>
                    <a:lnTo>
                      <a:pt x="885" y="38"/>
                    </a:lnTo>
                    <a:lnTo>
                      <a:pt x="885" y="37"/>
                    </a:lnTo>
                    <a:lnTo>
                      <a:pt x="887" y="37"/>
                    </a:lnTo>
                    <a:lnTo>
                      <a:pt x="887" y="35"/>
                    </a:lnTo>
                    <a:lnTo>
                      <a:pt x="889" y="35"/>
                    </a:lnTo>
                    <a:lnTo>
                      <a:pt x="891" y="35"/>
                    </a:lnTo>
                    <a:lnTo>
                      <a:pt x="891" y="33"/>
                    </a:lnTo>
                    <a:lnTo>
                      <a:pt x="893" y="33"/>
                    </a:lnTo>
                    <a:lnTo>
                      <a:pt x="894" y="33"/>
                    </a:lnTo>
                    <a:lnTo>
                      <a:pt x="896" y="31"/>
                    </a:lnTo>
                    <a:lnTo>
                      <a:pt x="898" y="29"/>
                    </a:lnTo>
                    <a:lnTo>
                      <a:pt x="900" y="29"/>
                    </a:lnTo>
                    <a:lnTo>
                      <a:pt x="902" y="29"/>
                    </a:lnTo>
                    <a:lnTo>
                      <a:pt x="904" y="27"/>
                    </a:lnTo>
                    <a:lnTo>
                      <a:pt x="905" y="25"/>
                    </a:lnTo>
                    <a:lnTo>
                      <a:pt x="907" y="25"/>
                    </a:lnTo>
                    <a:lnTo>
                      <a:pt x="907" y="24"/>
                    </a:lnTo>
                    <a:lnTo>
                      <a:pt x="909" y="24"/>
                    </a:lnTo>
                    <a:lnTo>
                      <a:pt x="909" y="22"/>
                    </a:lnTo>
                    <a:lnTo>
                      <a:pt x="911" y="22"/>
                    </a:lnTo>
                    <a:lnTo>
                      <a:pt x="913" y="20"/>
                    </a:lnTo>
                    <a:lnTo>
                      <a:pt x="915" y="20"/>
                    </a:lnTo>
                    <a:lnTo>
                      <a:pt x="915" y="18"/>
                    </a:lnTo>
                    <a:lnTo>
                      <a:pt x="917" y="16"/>
                    </a:lnTo>
                    <a:lnTo>
                      <a:pt x="918" y="16"/>
                    </a:lnTo>
                    <a:lnTo>
                      <a:pt x="920" y="14"/>
                    </a:lnTo>
                    <a:lnTo>
                      <a:pt x="922" y="14"/>
                    </a:lnTo>
                    <a:lnTo>
                      <a:pt x="924" y="12"/>
                    </a:lnTo>
                    <a:lnTo>
                      <a:pt x="926" y="12"/>
                    </a:lnTo>
                    <a:lnTo>
                      <a:pt x="928" y="12"/>
                    </a:lnTo>
                    <a:lnTo>
                      <a:pt x="928" y="11"/>
                    </a:lnTo>
                    <a:lnTo>
                      <a:pt x="929" y="11"/>
                    </a:lnTo>
                    <a:lnTo>
                      <a:pt x="931" y="11"/>
                    </a:lnTo>
                    <a:lnTo>
                      <a:pt x="935" y="9"/>
                    </a:lnTo>
                    <a:lnTo>
                      <a:pt x="937" y="9"/>
                    </a:lnTo>
                    <a:lnTo>
                      <a:pt x="941" y="9"/>
                    </a:lnTo>
                    <a:lnTo>
                      <a:pt x="942" y="7"/>
                    </a:lnTo>
                    <a:lnTo>
                      <a:pt x="946" y="7"/>
                    </a:lnTo>
                    <a:lnTo>
                      <a:pt x="948" y="5"/>
                    </a:lnTo>
                    <a:lnTo>
                      <a:pt x="952" y="5"/>
                    </a:lnTo>
                    <a:lnTo>
                      <a:pt x="954" y="5"/>
                    </a:lnTo>
                    <a:lnTo>
                      <a:pt x="957" y="3"/>
                    </a:lnTo>
                    <a:lnTo>
                      <a:pt x="966" y="0"/>
                    </a:lnTo>
                    <a:lnTo>
                      <a:pt x="963" y="3"/>
                    </a:lnTo>
                    <a:lnTo>
                      <a:pt x="957" y="9"/>
                    </a:lnTo>
                    <a:lnTo>
                      <a:pt x="954" y="11"/>
                    </a:lnTo>
                    <a:lnTo>
                      <a:pt x="954" y="16"/>
                    </a:lnTo>
                    <a:lnTo>
                      <a:pt x="954" y="18"/>
                    </a:lnTo>
                    <a:lnTo>
                      <a:pt x="952" y="18"/>
                    </a:lnTo>
                    <a:lnTo>
                      <a:pt x="952" y="22"/>
                    </a:lnTo>
                    <a:lnTo>
                      <a:pt x="952" y="24"/>
                    </a:lnTo>
                    <a:lnTo>
                      <a:pt x="952" y="25"/>
                    </a:lnTo>
                    <a:lnTo>
                      <a:pt x="952" y="29"/>
                    </a:lnTo>
                    <a:lnTo>
                      <a:pt x="950" y="29"/>
                    </a:lnTo>
                    <a:lnTo>
                      <a:pt x="950" y="31"/>
                    </a:lnTo>
                    <a:lnTo>
                      <a:pt x="952" y="33"/>
                    </a:lnTo>
                    <a:lnTo>
                      <a:pt x="950" y="33"/>
                    </a:lnTo>
                    <a:lnTo>
                      <a:pt x="948" y="35"/>
                    </a:lnTo>
                    <a:lnTo>
                      <a:pt x="946" y="37"/>
                    </a:lnTo>
                    <a:lnTo>
                      <a:pt x="944" y="38"/>
                    </a:lnTo>
                    <a:lnTo>
                      <a:pt x="942" y="40"/>
                    </a:lnTo>
                    <a:lnTo>
                      <a:pt x="941" y="40"/>
                    </a:lnTo>
                    <a:lnTo>
                      <a:pt x="941" y="42"/>
                    </a:lnTo>
                    <a:lnTo>
                      <a:pt x="941" y="44"/>
                    </a:lnTo>
                    <a:lnTo>
                      <a:pt x="941" y="46"/>
                    </a:lnTo>
                    <a:lnTo>
                      <a:pt x="941" y="48"/>
                    </a:lnTo>
                    <a:lnTo>
                      <a:pt x="941" y="49"/>
                    </a:lnTo>
                    <a:lnTo>
                      <a:pt x="939" y="51"/>
                    </a:lnTo>
                    <a:lnTo>
                      <a:pt x="937" y="51"/>
                    </a:lnTo>
                    <a:lnTo>
                      <a:pt x="935" y="53"/>
                    </a:lnTo>
                    <a:lnTo>
                      <a:pt x="933" y="53"/>
                    </a:lnTo>
                    <a:lnTo>
                      <a:pt x="933" y="55"/>
                    </a:lnTo>
                    <a:lnTo>
                      <a:pt x="931" y="55"/>
                    </a:lnTo>
                    <a:lnTo>
                      <a:pt x="931" y="57"/>
                    </a:lnTo>
                    <a:lnTo>
                      <a:pt x="929" y="57"/>
                    </a:lnTo>
                    <a:lnTo>
                      <a:pt x="928" y="57"/>
                    </a:lnTo>
                    <a:lnTo>
                      <a:pt x="926" y="57"/>
                    </a:lnTo>
                    <a:lnTo>
                      <a:pt x="924" y="57"/>
                    </a:lnTo>
                    <a:lnTo>
                      <a:pt x="922" y="57"/>
                    </a:lnTo>
                    <a:lnTo>
                      <a:pt x="920" y="57"/>
                    </a:lnTo>
                    <a:lnTo>
                      <a:pt x="917" y="57"/>
                    </a:lnTo>
                    <a:lnTo>
                      <a:pt x="915" y="57"/>
                    </a:lnTo>
                    <a:lnTo>
                      <a:pt x="913" y="57"/>
                    </a:lnTo>
                    <a:lnTo>
                      <a:pt x="911" y="59"/>
                    </a:lnTo>
                    <a:lnTo>
                      <a:pt x="909" y="59"/>
                    </a:lnTo>
                    <a:lnTo>
                      <a:pt x="907" y="59"/>
                    </a:lnTo>
                    <a:lnTo>
                      <a:pt x="907" y="61"/>
                    </a:lnTo>
                    <a:lnTo>
                      <a:pt x="905" y="61"/>
                    </a:lnTo>
                    <a:lnTo>
                      <a:pt x="902" y="61"/>
                    </a:lnTo>
                    <a:lnTo>
                      <a:pt x="902" y="62"/>
                    </a:lnTo>
                    <a:lnTo>
                      <a:pt x="900" y="62"/>
                    </a:lnTo>
                    <a:lnTo>
                      <a:pt x="898" y="62"/>
                    </a:lnTo>
                    <a:lnTo>
                      <a:pt x="896" y="64"/>
                    </a:lnTo>
                    <a:lnTo>
                      <a:pt x="894" y="64"/>
                    </a:lnTo>
                    <a:lnTo>
                      <a:pt x="894" y="62"/>
                    </a:lnTo>
                    <a:lnTo>
                      <a:pt x="893" y="64"/>
                    </a:lnTo>
                    <a:lnTo>
                      <a:pt x="891" y="64"/>
                    </a:lnTo>
                    <a:lnTo>
                      <a:pt x="889" y="66"/>
                    </a:lnTo>
                    <a:lnTo>
                      <a:pt x="887" y="66"/>
                    </a:lnTo>
                    <a:lnTo>
                      <a:pt x="885" y="68"/>
                    </a:lnTo>
                    <a:lnTo>
                      <a:pt x="883" y="68"/>
                    </a:lnTo>
                    <a:lnTo>
                      <a:pt x="881" y="68"/>
                    </a:lnTo>
                    <a:lnTo>
                      <a:pt x="880" y="70"/>
                    </a:lnTo>
                    <a:lnTo>
                      <a:pt x="880" y="68"/>
                    </a:lnTo>
                    <a:lnTo>
                      <a:pt x="880" y="70"/>
                    </a:lnTo>
                    <a:lnTo>
                      <a:pt x="880" y="72"/>
                    </a:lnTo>
                    <a:lnTo>
                      <a:pt x="878" y="72"/>
                    </a:lnTo>
                    <a:lnTo>
                      <a:pt x="878" y="74"/>
                    </a:lnTo>
                    <a:lnTo>
                      <a:pt x="876" y="74"/>
                    </a:lnTo>
                    <a:lnTo>
                      <a:pt x="874" y="74"/>
                    </a:lnTo>
                    <a:lnTo>
                      <a:pt x="874" y="75"/>
                    </a:lnTo>
                    <a:lnTo>
                      <a:pt x="872" y="75"/>
                    </a:lnTo>
                    <a:lnTo>
                      <a:pt x="870" y="75"/>
                    </a:lnTo>
                    <a:lnTo>
                      <a:pt x="870" y="77"/>
                    </a:lnTo>
                    <a:lnTo>
                      <a:pt x="868" y="77"/>
                    </a:lnTo>
                    <a:lnTo>
                      <a:pt x="867" y="77"/>
                    </a:lnTo>
                    <a:lnTo>
                      <a:pt x="865" y="79"/>
                    </a:lnTo>
                    <a:lnTo>
                      <a:pt x="863" y="79"/>
                    </a:lnTo>
                    <a:lnTo>
                      <a:pt x="863" y="81"/>
                    </a:lnTo>
                    <a:lnTo>
                      <a:pt x="861" y="81"/>
                    </a:lnTo>
                    <a:lnTo>
                      <a:pt x="861" y="83"/>
                    </a:lnTo>
                    <a:lnTo>
                      <a:pt x="859" y="85"/>
                    </a:lnTo>
                    <a:lnTo>
                      <a:pt x="859" y="86"/>
                    </a:lnTo>
                    <a:lnTo>
                      <a:pt x="857" y="86"/>
                    </a:lnTo>
                    <a:lnTo>
                      <a:pt x="857" y="88"/>
                    </a:lnTo>
                    <a:lnTo>
                      <a:pt x="856" y="88"/>
                    </a:lnTo>
                    <a:lnTo>
                      <a:pt x="854" y="90"/>
                    </a:lnTo>
                    <a:lnTo>
                      <a:pt x="854" y="92"/>
                    </a:lnTo>
                    <a:lnTo>
                      <a:pt x="852" y="94"/>
                    </a:lnTo>
                    <a:lnTo>
                      <a:pt x="852" y="96"/>
                    </a:lnTo>
                    <a:lnTo>
                      <a:pt x="850" y="98"/>
                    </a:lnTo>
                    <a:lnTo>
                      <a:pt x="850" y="99"/>
                    </a:lnTo>
                    <a:lnTo>
                      <a:pt x="850" y="101"/>
                    </a:lnTo>
                    <a:lnTo>
                      <a:pt x="848" y="103"/>
                    </a:lnTo>
                    <a:lnTo>
                      <a:pt x="848" y="105"/>
                    </a:lnTo>
                    <a:lnTo>
                      <a:pt x="848" y="107"/>
                    </a:lnTo>
                    <a:lnTo>
                      <a:pt x="846" y="107"/>
                    </a:lnTo>
                    <a:lnTo>
                      <a:pt x="846" y="109"/>
                    </a:lnTo>
                    <a:lnTo>
                      <a:pt x="844" y="111"/>
                    </a:lnTo>
                    <a:lnTo>
                      <a:pt x="844" y="112"/>
                    </a:lnTo>
                    <a:lnTo>
                      <a:pt x="843" y="112"/>
                    </a:lnTo>
                    <a:lnTo>
                      <a:pt x="843" y="114"/>
                    </a:lnTo>
                    <a:lnTo>
                      <a:pt x="841" y="114"/>
                    </a:lnTo>
                    <a:lnTo>
                      <a:pt x="841" y="116"/>
                    </a:lnTo>
                    <a:lnTo>
                      <a:pt x="839" y="116"/>
                    </a:lnTo>
                    <a:lnTo>
                      <a:pt x="837" y="116"/>
                    </a:lnTo>
                    <a:lnTo>
                      <a:pt x="835" y="116"/>
                    </a:lnTo>
                    <a:lnTo>
                      <a:pt x="835" y="118"/>
                    </a:lnTo>
                    <a:lnTo>
                      <a:pt x="833" y="118"/>
                    </a:lnTo>
                    <a:lnTo>
                      <a:pt x="832" y="118"/>
                    </a:lnTo>
                    <a:lnTo>
                      <a:pt x="830" y="118"/>
                    </a:lnTo>
                    <a:lnTo>
                      <a:pt x="828" y="118"/>
                    </a:lnTo>
                    <a:lnTo>
                      <a:pt x="826" y="118"/>
                    </a:lnTo>
                    <a:lnTo>
                      <a:pt x="824" y="118"/>
                    </a:lnTo>
                    <a:lnTo>
                      <a:pt x="822" y="118"/>
                    </a:lnTo>
                    <a:lnTo>
                      <a:pt x="822" y="120"/>
                    </a:lnTo>
                    <a:lnTo>
                      <a:pt x="820" y="120"/>
                    </a:lnTo>
                    <a:lnTo>
                      <a:pt x="819" y="120"/>
                    </a:lnTo>
                    <a:lnTo>
                      <a:pt x="817" y="120"/>
                    </a:lnTo>
                    <a:lnTo>
                      <a:pt x="815" y="120"/>
                    </a:lnTo>
                    <a:lnTo>
                      <a:pt x="813" y="120"/>
                    </a:lnTo>
                    <a:lnTo>
                      <a:pt x="811" y="120"/>
                    </a:lnTo>
                    <a:lnTo>
                      <a:pt x="809" y="120"/>
                    </a:lnTo>
                    <a:lnTo>
                      <a:pt x="807" y="120"/>
                    </a:lnTo>
                    <a:lnTo>
                      <a:pt x="806" y="120"/>
                    </a:lnTo>
                    <a:lnTo>
                      <a:pt x="804" y="120"/>
                    </a:lnTo>
                    <a:lnTo>
                      <a:pt x="804" y="122"/>
                    </a:lnTo>
                    <a:lnTo>
                      <a:pt x="802" y="122"/>
                    </a:lnTo>
                    <a:lnTo>
                      <a:pt x="800" y="122"/>
                    </a:lnTo>
                    <a:lnTo>
                      <a:pt x="800" y="123"/>
                    </a:lnTo>
                    <a:lnTo>
                      <a:pt x="798" y="123"/>
                    </a:lnTo>
                    <a:lnTo>
                      <a:pt x="798" y="125"/>
                    </a:lnTo>
                    <a:lnTo>
                      <a:pt x="796" y="127"/>
                    </a:lnTo>
                    <a:lnTo>
                      <a:pt x="795" y="127"/>
                    </a:lnTo>
                    <a:lnTo>
                      <a:pt x="795" y="129"/>
                    </a:lnTo>
                    <a:lnTo>
                      <a:pt x="793" y="129"/>
                    </a:lnTo>
                    <a:lnTo>
                      <a:pt x="791" y="131"/>
                    </a:lnTo>
                    <a:lnTo>
                      <a:pt x="789" y="131"/>
                    </a:lnTo>
                    <a:lnTo>
                      <a:pt x="787" y="133"/>
                    </a:lnTo>
                    <a:lnTo>
                      <a:pt x="785" y="133"/>
                    </a:lnTo>
                    <a:lnTo>
                      <a:pt x="785" y="135"/>
                    </a:lnTo>
                    <a:lnTo>
                      <a:pt x="783" y="135"/>
                    </a:lnTo>
                    <a:lnTo>
                      <a:pt x="782" y="135"/>
                    </a:lnTo>
                    <a:lnTo>
                      <a:pt x="780" y="135"/>
                    </a:lnTo>
                    <a:lnTo>
                      <a:pt x="778" y="136"/>
                    </a:lnTo>
                    <a:lnTo>
                      <a:pt x="776" y="136"/>
                    </a:lnTo>
                    <a:lnTo>
                      <a:pt x="774" y="136"/>
                    </a:lnTo>
                    <a:lnTo>
                      <a:pt x="772" y="138"/>
                    </a:lnTo>
                    <a:lnTo>
                      <a:pt x="772" y="140"/>
                    </a:lnTo>
                    <a:lnTo>
                      <a:pt x="771" y="140"/>
                    </a:lnTo>
                    <a:lnTo>
                      <a:pt x="771" y="142"/>
                    </a:lnTo>
                    <a:lnTo>
                      <a:pt x="771" y="146"/>
                    </a:lnTo>
                    <a:lnTo>
                      <a:pt x="771" y="148"/>
                    </a:lnTo>
                    <a:lnTo>
                      <a:pt x="771" y="149"/>
                    </a:lnTo>
                    <a:lnTo>
                      <a:pt x="772" y="151"/>
                    </a:lnTo>
                    <a:lnTo>
                      <a:pt x="772" y="153"/>
                    </a:lnTo>
                    <a:lnTo>
                      <a:pt x="772" y="157"/>
                    </a:lnTo>
                    <a:lnTo>
                      <a:pt x="774" y="157"/>
                    </a:lnTo>
                    <a:lnTo>
                      <a:pt x="776" y="159"/>
                    </a:lnTo>
                    <a:lnTo>
                      <a:pt x="776" y="160"/>
                    </a:lnTo>
                    <a:lnTo>
                      <a:pt x="771" y="164"/>
                    </a:lnTo>
                    <a:lnTo>
                      <a:pt x="769" y="166"/>
                    </a:lnTo>
                    <a:lnTo>
                      <a:pt x="767" y="166"/>
                    </a:lnTo>
                    <a:lnTo>
                      <a:pt x="765" y="166"/>
                    </a:lnTo>
                    <a:lnTo>
                      <a:pt x="763" y="166"/>
                    </a:lnTo>
                    <a:lnTo>
                      <a:pt x="761" y="168"/>
                    </a:lnTo>
                    <a:lnTo>
                      <a:pt x="759" y="168"/>
                    </a:lnTo>
                    <a:lnTo>
                      <a:pt x="758" y="170"/>
                    </a:lnTo>
                    <a:lnTo>
                      <a:pt x="756" y="172"/>
                    </a:lnTo>
                    <a:lnTo>
                      <a:pt x="754" y="173"/>
                    </a:lnTo>
                    <a:lnTo>
                      <a:pt x="752" y="175"/>
                    </a:lnTo>
                    <a:lnTo>
                      <a:pt x="750" y="177"/>
                    </a:lnTo>
                    <a:lnTo>
                      <a:pt x="748" y="177"/>
                    </a:lnTo>
                    <a:lnTo>
                      <a:pt x="746" y="179"/>
                    </a:lnTo>
                    <a:lnTo>
                      <a:pt x="745" y="181"/>
                    </a:lnTo>
                    <a:lnTo>
                      <a:pt x="743" y="181"/>
                    </a:lnTo>
                    <a:lnTo>
                      <a:pt x="741" y="183"/>
                    </a:lnTo>
                    <a:lnTo>
                      <a:pt x="739" y="183"/>
                    </a:lnTo>
                    <a:lnTo>
                      <a:pt x="737" y="183"/>
                    </a:lnTo>
                    <a:lnTo>
                      <a:pt x="735" y="185"/>
                    </a:lnTo>
                    <a:lnTo>
                      <a:pt x="734" y="185"/>
                    </a:lnTo>
                    <a:lnTo>
                      <a:pt x="732" y="186"/>
                    </a:lnTo>
                    <a:lnTo>
                      <a:pt x="730" y="186"/>
                    </a:lnTo>
                    <a:lnTo>
                      <a:pt x="728" y="186"/>
                    </a:lnTo>
                    <a:lnTo>
                      <a:pt x="726" y="188"/>
                    </a:lnTo>
                    <a:lnTo>
                      <a:pt x="724" y="188"/>
                    </a:lnTo>
                    <a:lnTo>
                      <a:pt x="722" y="188"/>
                    </a:lnTo>
                    <a:lnTo>
                      <a:pt x="722" y="190"/>
                    </a:lnTo>
                    <a:lnTo>
                      <a:pt x="721" y="190"/>
                    </a:lnTo>
                    <a:lnTo>
                      <a:pt x="719" y="190"/>
                    </a:lnTo>
                    <a:lnTo>
                      <a:pt x="719" y="192"/>
                    </a:lnTo>
                    <a:lnTo>
                      <a:pt x="717" y="192"/>
                    </a:lnTo>
                    <a:lnTo>
                      <a:pt x="715" y="192"/>
                    </a:lnTo>
                    <a:lnTo>
                      <a:pt x="713" y="194"/>
                    </a:lnTo>
                    <a:lnTo>
                      <a:pt x="711" y="194"/>
                    </a:lnTo>
                    <a:lnTo>
                      <a:pt x="711" y="196"/>
                    </a:lnTo>
                    <a:lnTo>
                      <a:pt x="710" y="196"/>
                    </a:lnTo>
                    <a:lnTo>
                      <a:pt x="708" y="197"/>
                    </a:lnTo>
                    <a:lnTo>
                      <a:pt x="706" y="199"/>
                    </a:lnTo>
                    <a:lnTo>
                      <a:pt x="706" y="201"/>
                    </a:lnTo>
                    <a:lnTo>
                      <a:pt x="702" y="203"/>
                    </a:lnTo>
                    <a:lnTo>
                      <a:pt x="700" y="205"/>
                    </a:lnTo>
                    <a:lnTo>
                      <a:pt x="700" y="207"/>
                    </a:lnTo>
                    <a:lnTo>
                      <a:pt x="698" y="207"/>
                    </a:lnTo>
                    <a:lnTo>
                      <a:pt x="695" y="209"/>
                    </a:lnTo>
                    <a:lnTo>
                      <a:pt x="693" y="209"/>
                    </a:lnTo>
                    <a:lnTo>
                      <a:pt x="691" y="209"/>
                    </a:lnTo>
                    <a:lnTo>
                      <a:pt x="689" y="207"/>
                    </a:lnTo>
                    <a:lnTo>
                      <a:pt x="689" y="205"/>
                    </a:lnTo>
                    <a:lnTo>
                      <a:pt x="685" y="205"/>
                    </a:lnTo>
                    <a:lnTo>
                      <a:pt x="685" y="207"/>
                    </a:lnTo>
                    <a:lnTo>
                      <a:pt x="684" y="207"/>
                    </a:lnTo>
                    <a:lnTo>
                      <a:pt x="680" y="207"/>
                    </a:lnTo>
                    <a:lnTo>
                      <a:pt x="678" y="209"/>
                    </a:lnTo>
                    <a:lnTo>
                      <a:pt x="676" y="209"/>
                    </a:lnTo>
                    <a:lnTo>
                      <a:pt x="674" y="209"/>
                    </a:lnTo>
                    <a:lnTo>
                      <a:pt x="673" y="209"/>
                    </a:lnTo>
                    <a:lnTo>
                      <a:pt x="671" y="210"/>
                    </a:lnTo>
                    <a:lnTo>
                      <a:pt x="669" y="212"/>
                    </a:lnTo>
                    <a:lnTo>
                      <a:pt x="665" y="212"/>
                    </a:lnTo>
                    <a:lnTo>
                      <a:pt x="665" y="214"/>
                    </a:lnTo>
                    <a:lnTo>
                      <a:pt x="667" y="220"/>
                    </a:lnTo>
                    <a:lnTo>
                      <a:pt x="667" y="223"/>
                    </a:lnTo>
                    <a:lnTo>
                      <a:pt x="669" y="227"/>
                    </a:lnTo>
                    <a:lnTo>
                      <a:pt x="671" y="234"/>
                    </a:lnTo>
                    <a:lnTo>
                      <a:pt x="673" y="234"/>
                    </a:lnTo>
                    <a:lnTo>
                      <a:pt x="674" y="234"/>
                    </a:lnTo>
                    <a:lnTo>
                      <a:pt x="676" y="240"/>
                    </a:lnTo>
                    <a:lnTo>
                      <a:pt x="678" y="246"/>
                    </a:lnTo>
                    <a:lnTo>
                      <a:pt x="678" y="249"/>
                    </a:lnTo>
                    <a:lnTo>
                      <a:pt x="682" y="255"/>
                    </a:lnTo>
                    <a:lnTo>
                      <a:pt x="684" y="266"/>
                    </a:lnTo>
                    <a:lnTo>
                      <a:pt x="689" y="264"/>
                    </a:lnTo>
                    <a:lnTo>
                      <a:pt x="697" y="262"/>
                    </a:lnTo>
                    <a:lnTo>
                      <a:pt x="700" y="260"/>
                    </a:lnTo>
                    <a:lnTo>
                      <a:pt x="700" y="262"/>
                    </a:lnTo>
                    <a:lnTo>
                      <a:pt x="702" y="264"/>
                    </a:lnTo>
                    <a:lnTo>
                      <a:pt x="702" y="266"/>
                    </a:lnTo>
                    <a:lnTo>
                      <a:pt x="704" y="268"/>
                    </a:lnTo>
                    <a:lnTo>
                      <a:pt x="706" y="268"/>
                    </a:lnTo>
                    <a:lnTo>
                      <a:pt x="708" y="268"/>
                    </a:lnTo>
                    <a:lnTo>
                      <a:pt x="708" y="270"/>
                    </a:lnTo>
                    <a:lnTo>
                      <a:pt x="710" y="270"/>
                    </a:lnTo>
                    <a:lnTo>
                      <a:pt x="713" y="271"/>
                    </a:lnTo>
                    <a:lnTo>
                      <a:pt x="715" y="275"/>
                    </a:lnTo>
                    <a:lnTo>
                      <a:pt x="717" y="275"/>
                    </a:lnTo>
                    <a:lnTo>
                      <a:pt x="719" y="277"/>
                    </a:lnTo>
                    <a:lnTo>
                      <a:pt x="719" y="279"/>
                    </a:lnTo>
                    <a:lnTo>
                      <a:pt x="721" y="281"/>
                    </a:lnTo>
                    <a:lnTo>
                      <a:pt x="721" y="283"/>
                    </a:lnTo>
                    <a:lnTo>
                      <a:pt x="724" y="288"/>
                    </a:lnTo>
                    <a:lnTo>
                      <a:pt x="726" y="294"/>
                    </a:lnTo>
                    <a:lnTo>
                      <a:pt x="728" y="299"/>
                    </a:lnTo>
                    <a:lnTo>
                      <a:pt x="734" y="308"/>
                    </a:lnTo>
                    <a:lnTo>
                      <a:pt x="735" y="318"/>
                    </a:lnTo>
                    <a:lnTo>
                      <a:pt x="734" y="318"/>
                    </a:lnTo>
                    <a:lnTo>
                      <a:pt x="732" y="318"/>
                    </a:lnTo>
                    <a:lnTo>
                      <a:pt x="730" y="318"/>
                    </a:lnTo>
                    <a:lnTo>
                      <a:pt x="726" y="318"/>
                    </a:lnTo>
                    <a:lnTo>
                      <a:pt x="722" y="320"/>
                    </a:lnTo>
                    <a:lnTo>
                      <a:pt x="722" y="321"/>
                    </a:lnTo>
                    <a:lnTo>
                      <a:pt x="722" y="323"/>
                    </a:lnTo>
                    <a:lnTo>
                      <a:pt x="722" y="325"/>
                    </a:lnTo>
                    <a:lnTo>
                      <a:pt x="722" y="327"/>
                    </a:lnTo>
                    <a:lnTo>
                      <a:pt x="724" y="327"/>
                    </a:lnTo>
                    <a:lnTo>
                      <a:pt x="724" y="329"/>
                    </a:lnTo>
                    <a:lnTo>
                      <a:pt x="726" y="329"/>
                    </a:lnTo>
                    <a:lnTo>
                      <a:pt x="726" y="331"/>
                    </a:lnTo>
                    <a:lnTo>
                      <a:pt x="728" y="331"/>
                    </a:lnTo>
                    <a:lnTo>
                      <a:pt x="730" y="331"/>
                    </a:lnTo>
                    <a:lnTo>
                      <a:pt x="730" y="329"/>
                    </a:lnTo>
                    <a:lnTo>
                      <a:pt x="732" y="329"/>
                    </a:lnTo>
                    <a:lnTo>
                      <a:pt x="734" y="329"/>
                    </a:lnTo>
                    <a:lnTo>
                      <a:pt x="735" y="329"/>
                    </a:lnTo>
                    <a:lnTo>
                      <a:pt x="735" y="327"/>
                    </a:lnTo>
                    <a:lnTo>
                      <a:pt x="737" y="327"/>
                    </a:lnTo>
                    <a:lnTo>
                      <a:pt x="737" y="329"/>
                    </a:lnTo>
                    <a:lnTo>
                      <a:pt x="743" y="327"/>
                    </a:lnTo>
                    <a:lnTo>
                      <a:pt x="746" y="325"/>
                    </a:lnTo>
                    <a:lnTo>
                      <a:pt x="748" y="323"/>
                    </a:lnTo>
                    <a:lnTo>
                      <a:pt x="752" y="325"/>
                    </a:lnTo>
                    <a:lnTo>
                      <a:pt x="759" y="325"/>
                    </a:lnTo>
                    <a:lnTo>
                      <a:pt x="761" y="325"/>
                    </a:lnTo>
                    <a:lnTo>
                      <a:pt x="763" y="325"/>
                    </a:lnTo>
                    <a:lnTo>
                      <a:pt x="767" y="323"/>
                    </a:lnTo>
                    <a:lnTo>
                      <a:pt x="771" y="320"/>
                    </a:lnTo>
                    <a:lnTo>
                      <a:pt x="771" y="316"/>
                    </a:lnTo>
                    <a:lnTo>
                      <a:pt x="771" y="312"/>
                    </a:lnTo>
                    <a:lnTo>
                      <a:pt x="772" y="308"/>
                    </a:lnTo>
                    <a:lnTo>
                      <a:pt x="772" y="307"/>
                    </a:lnTo>
                    <a:lnTo>
                      <a:pt x="778" y="305"/>
                    </a:lnTo>
                    <a:lnTo>
                      <a:pt x="783" y="303"/>
                    </a:lnTo>
                    <a:lnTo>
                      <a:pt x="787" y="303"/>
                    </a:lnTo>
                    <a:lnTo>
                      <a:pt x="789" y="301"/>
                    </a:lnTo>
                    <a:lnTo>
                      <a:pt x="791" y="297"/>
                    </a:lnTo>
                    <a:lnTo>
                      <a:pt x="791" y="292"/>
                    </a:lnTo>
                    <a:lnTo>
                      <a:pt x="791" y="286"/>
                    </a:lnTo>
                    <a:lnTo>
                      <a:pt x="791" y="284"/>
                    </a:lnTo>
                    <a:lnTo>
                      <a:pt x="791" y="283"/>
                    </a:lnTo>
                    <a:lnTo>
                      <a:pt x="795" y="279"/>
                    </a:lnTo>
                    <a:lnTo>
                      <a:pt x="796" y="279"/>
                    </a:lnTo>
                    <a:lnTo>
                      <a:pt x="798" y="279"/>
                    </a:lnTo>
                    <a:lnTo>
                      <a:pt x="800" y="279"/>
                    </a:lnTo>
                    <a:lnTo>
                      <a:pt x="800" y="281"/>
                    </a:lnTo>
                    <a:lnTo>
                      <a:pt x="804" y="288"/>
                    </a:lnTo>
                    <a:lnTo>
                      <a:pt x="804" y="290"/>
                    </a:lnTo>
                    <a:lnTo>
                      <a:pt x="806" y="290"/>
                    </a:lnTo>
                    <a:lnTo>
                      <a:pt x="807" y="290"/>
                    </a:lnTo>
                    <a:lnTo>
                      <a:pt x="811" y="290"/>
                    </a:lnTo>
                    <a:lnTo>
                      <a:pt x="813" y="286"/>
                    </a:lnTo>
                    <a:lnTo>
                      <a:pt x="815" y="286"/>
                    </a:lnTo>
                    <a:lnTo>
                      <a:pt x="817" y="283"/>
                    </a:lnTo>
                    <a:lnTo>
                      <a:pt x="817" y="281"/>
                    </a:lnTo>
                    <a:lnTo>
                      <a:pt x="817" y="279"/>
                    </a:lnTo>
                    <a:lnTo>
                      <a:pt x="817" y="277"/>
                    </a:lnTo>
                    <a:lnTo>
                      <a:pt x="815" y="273"/>
                    </a:lnTo>
                    <a:lnTo>
                      <a:pt x="815" y="271"/>
                    </a:lnTo>
                    <a:lnTo>
                      <a:pt x="815" y="270"/>
                    </a:lnTo>
                    <a:lnTo>
                      <a:pt x="817" y="270"/>
                    </a:lnTo>
                    <a:lnTo>
                      <a:pt x="819" y="271"/>
                    </a:lnTo>
                    <a:lnTo>
                      <a:pt x="822" y="271"/>
                    </a:lnTo>
                    <a:lnTo>
                      <a:pt x="824" y="271"/>
                    </a:lnTo>
                    <a:lnTo>
                      <a:pt x="830" y="271"/>
                    </a:lnTo>
                    <a:lnTo>
                      <a:pt x="835" y="270"/>
                    </a:lnTo>
                    <a:lnTo>
                      <a:pt x="841" y="268"/>
                    </a:lnTo>
                    <a:lnTo>
                      <a:pt x="844" y="268"/>
                    </a:lnTo>
                    <a:lnTo>
                      <a:pt x="850" y="268"/>
                    </a:lnTo>
                    <a:lnTo>
                      <a:pt x="852" y="268"/>
                    </a:lnTo>
                    <a:lnTo>
                      <a:pt x="854" y="270"/>
                    </a:lnTo>
                    <a:lnTo>
                      <a:pt x="854" y="271"/>
                    </a:lnTo>
                    <a:lnTo>
                      <a:pt x="854" y="273"/>
                    </a:lnTo>
                    <a:lnTo>
                      <a:pt x="852" y="273"/>
                    </a:lnTo>
                    <a:lnTo>
                      <a:pt x="854" y="273"/>
                    </a:lnTo>
                    <a:lnTo>
                      <a:pt x="852" y="275"/>
                    </a:lnTo>
                    <a:lnTo>
                      <a:pt x="850" y="277"/>
                    </a:lnTo>
                    <a:lnTo>
                      <a:pt x="848" y="277"/>
                    </a:lnTo>
                    <a:lnTo>
                      <a:pt x="848" y="279"/>
                    </a:lnTo>
                    <a:lnTo>
                      <a:pt x="850" y="279"/>
                    </a:lnTo>
                    <a:lnTo>
                      <a:pt x="852" y="279"/>
                    </a:lnTo>
                    <a:lnTo>
                      <a:pt x="852" y="283"/>
                    </a:lnTo>
                    <a:lnTo>
                      <a:pt x="846" y="286"/>
                    </a:lnTo>
                    <a:lnTo>
                      <a:pt x="850" y="290"/>
                    </a:lnTo>
                    <a:lnTo>
                      <a:pt x="850" y="288"/>
                    </a:lnTo>
                    <a:lnTo>
                      <a:pt x="852" y="288"/>
                    </a:lnTo>
                    <a:lnTo>
                      <a:pt x="852" y="290"/>
                    </a:lnTo>
                    <a:lnTo>
                      <a:pt x="854" y="292"/>
                    </a:lnTo>
                    <a:lnTo>
                      <a:pt x="854" y="294"/>
                    </a:lnTo>
                    <a:lnTo>
                      <a:pt x="854" y="296"/>
                    </a:lnTo>
                    <a:lnTo>
                      <a:pt x="856" y="296"/>
                    </a:lnTo>
                    <a:lnTo>
                      <a:pt x="856" y="294"/>
                    </a:lnTo>
                    <a:lnTo>
                      <a:pt x="857" y="294"/>
                    </a:lnTo>
                    <a:lnTo>
                      <a:pt x="857" y="296"/>
                    </a:lnTo>
                    <a:lnTo>
                      <a:pt x="856" y="296"/>
                    </a:lnTo>
                    <a:lnTo>
                      <a:pt x="856" y="297"/>
                    </a:lnTo>
                    <a:lnTo>
                      <a:pt x="857" y="297"/>
                    </a:lnTo>
                    <a:lnTo>
                      <a:pt x="857" y="299"/>
                    </a:lnTo>
                    <a:lnTo>
                      <a:pt x="859" y="307"/>
                    </a:lnTo>
                    <a:lnTo>
                      <a:pt x="861" y="307"/>
                    </a:lnTo>
                    <a:lnTo>
                      <a:pt x="861" y="305"/>
                    </a:lnTo>
                    <a:lnTo>
                      <a:pt x="863" y="305"/>
                    </a:lnTo>
                    <a:lnTo>
                      <a:pt x="865" y="305"/>
                    </a:lnTo>
                    <a:lnTo>
                      <a:pt x="865" y="303"/>
                    </a:lnTo>
                    <a:lnTo>
                      <a:pt x="867" y="303"/>
                    </a:lnTo>
                    <a:lnTo>
                      <a:pt x="868" y="303"/>
                    </a:lnTo>
                    <a:lnTo>
                      <a:pt x="870" y="305"/>
                    </a:lnTo>
                    <a:lnTo>
                      <a:pt x="876" y="307"/>
                    </a:lnTo>
                    <a:lnTo>
                      <a:pt x="878" y="307"/>
                    </a:lnTo>
                    <a:lnTo>
                      <a:pt x="880" y="307"/>
                    </a:lnTo>
                    <a:lnTo>
                      <a:pt x="881" y="310"/>
                    </a:lnTo>
                    <a:lnTo>
                      <a:pt x="878" y="314"/>
                    </a:lnTo>
                    <a:lnTo>
                      <a:pt x="876" y="316"/>
                    </a:lnTo>
                    <a:lnTo>
                      <a:pt x="874" y="318"/>
                    </a:lnTo>
                    <a:lnTo>
                      <a:pt x="872" y="318"/>
                    </a:lnTo>
                    <a:lnTo>
                      <a:pt x="874" y="320"/>
                    </a:lnTo>
                    <a:lnTo>
                      <a:pt x="876" y="321"/>
                    </a:lnTo>
                    <a:lnTo>
                      <a:pt x="876" y="323"/>
                    </a:lnTo>
                    <a:lnTo>
                      <a:pt x="876" y="325"/>
                    </a:lnTo>
                    <a:lnTo>
                      <a:pt x="874" y="327"/>
                    </a:lnTo>
                    <a:lnTo>
                      <a:pt x="872" y="327"/>
                    </a:lnTo>
                    <a:lnTo>
                      <a:pt x="870" y="329"/>
                    </a:lnTo>
                    <a:lnTo>
                      <a:pt x="868" y="329"/>
                    </a:lnTo>
                    <a:lnTo>
                      <a:pt x="867" y="331"/>
                    </a:lnTo>
                    <a:lnTo>
                      <a:pt x="865" y="331"/>
                    </a:lnTo>
                    <a:lnTo>
                      <a:pt x="865" y="332"/>
                    </a:lnTo>
                    <a:lnTo>
                      <a:pt x="861" y="334"/>
                    </a:lnTo>
                    <a:lnTo>
                      <a:pt x="861" y="336"/>
                    </a:lnTo>
                    <a:lnTo>
                      <a:pt x="859" y="338"/>
                    </a:lnTo>
                    <a:lnTo>
                      <a:pt x="857" y="340"/>
                    </a:lnTo>
                    <a:lnTo>
                      <a:pt x="857" y="342"/>
                    </a:lnTo>
                    <a:lnTo>
                      <a:pt x="856" y="342"/>
                    </a:lnTo>
                    <a:lnTo>
                      <a:pt x="854" y="342"/>
                    </a:lnTo>
                    <a:lnTo>
                      <a:pt x="852" y="344"/>
                    </a:lnTo>
                    <a:lnTo>
                      <a:pt x="850" y="344"/>
                    </a:lnTo>
                    <a:lnTo>
                      <a:pt x="848" y="345"/>
                    </a:lnTo>
                    <a:lnTo>
                      <a:pt x="846" y="345"/>
                    </a:lnTo>
                    <a:lnTo>
                      <a:pt x="844" y="347"/>
                    </a:lnTo>
                    <a:lnTo>
                      <a:pt x="843" y="347"/>
                    </a:lnTo>
                    <a:lnTo>
                      <a:pt x="841" y="347"/>
                    </a:lnTo>
                    <a:lnTo>
                      <a:pt x="839" y="345"/>
                    </a:lnTo>
                    <a:lnTo>
                      <a:pt x="839" y="347"/>
                    </a:lnTo>
                    <a:lnTo>
                      <a:pt x="839" y="345"/>
                    </a:lnTo>
                    <a:lnTo>
                      <a:pt x="837" y="345"/>
                    </a:lnTo>
                    <a:lnTo>
                      <a:pt x="835" y="344"/>
                    </a:lnTo>
                    <a:lnTo>
                      <a:pt x="833" y="344"/>
                    </a:lnTo>
                    <a:lnTo>
                      <a:pt x="832" y="344"/>
                    </a:lnTo>
                    <a:lnTo>
                      <a:pt x="830" y="340"/>
                    </a:lnTo>
                    <a:lnTo>
                      <a:pt x="824" y="338"/>
                    </a:lnTo>
                    <a:lnTo>
                      <a:pt x="820" y="338"/>
                    </a:lnTo>
                    <a:lnTo>
                      <a:pt x="817" y="338"/>
                    </a:lnTo>
                    <a:lnTo>
                      <a:pt x="815" y="340"/>
                    </a:lnTo>
                    <a:lnTo>
                      <a:pt x="813" y="340"/>
                    </a:lnTo>
                    <a:lnTo>
                      <a:pt x="806" y="347"/>
                    </a:lnTo>
                    <a:lnTo>
                      <a:pt x="804" y="349"/>
                    </a:lnTo>
                    <a:lnTo>
                      <a:pt x="804" y="351"/>
                    </a:lnTo>
                    <a:lnTo>
                      <a:pt x="804" y="353"/>
                    </a:lnTo>
                    <a:lnTo>
                      <a:pt x="804" y="355"/>
                    </a:lnTo>
                    <a:lnTo>
                      <a:pt x="804" y="357"/>
                    </a:lnTo>
                    <a:lnTo>
                      <a:pt x="804" y="358"/>
                    </a:lnTo>
                    <a:lnTo>
                      <a:pt x="806" y="358"/>
                    </a:lnTo>
                    <a:lnTo>
                      <a:pt x="802" y="362"/>
                    </a:lnTo>
                    <a:lnTo>
                      <a:pt x="798" y="364"/>
                    </a:lnTo>
                    <a:lnTo>
                      <a:pt x="795" y="364"/>
                    </a:lnTo>
                    <a:lnTo>
                      <a:pt x="793" y="364"/>
                    </a:lnTo>
                    <a:lnTo>
                      <a:pt x="791" y="366"/>
                    </a:lnTo>
                    <a:lnTo>
                      <a:pt x="787" y="368"/>
                    </a:lnTo>
                    <a:lnTo>
                      <a:pt x="785" y="368"/>
                    </a:lnTo>
                    <a:lnTo>
                      <a:pt x="783" y="371"/>
                    </a:lnTo>
                    <a:lnTo>
                      <a:pt x="785" y="373"/>
                    </a:lnTo>
                    <a:lnTo>
                      <a:pt x="782" y="377"/>
                    </a:lnTo>
                    <a:lnTo>
                      <a:pt x="780" y="377"/>
                    </a:lnTo>
                    <a:lnTo>
                      <a:pt x="778" y="379"/>
                    </a:lnTo>
                    <a:lnTo>
                      <a:pt x="780" y="381"/>
                    </a:lnTo>
                    <a:lnTo>
                      <a:pt x="782" y="382"/>
                    </a:lnTo>
                    <a:lnTo>
                      <a:pt x="782" y="386"/>
                    </a:lnTo>
                    <a:lnTo>
                      <a:pt x="783" y="388"/>
                    </a:lnTo>
                    <a:lnTo>
                      <a:pt x="787" y="388"/>
                    </a:lnTo>
                    <a:lnTo>
                      <a:pt x="789" y="388"/>
                    </a:lnTo>
                    <a:lnTo>
                      <a:pt x="791" y="390"/>
                    </a:lnTo>
                    <a:lnTo>
                      <a:pt x="789" y="392"/>
                    </a:lnTo>
                    <a:lnTo>
                      <a:pt x="791" y="392"/>
                    </a:lnTo>
                    <a:lnTo>
                      <a:pt x="791" y="394"/>
                    </a:lnTo>
                    <a:lnTo>
                      <a:pt x="791" y="392"/>
                    </a:lnTo>
                    <a:lnTo>
                      <a:pt x="793" y="392"/>
                    </a:lnTo>
                    <a:lnTo>
                      <a:pt x="796" y="388"/>
                    </a:lnTo>
                    <a:lnTo>
                      <a:pt x="798" y="392"/>
                    </a:lnTo>
                    <a:lnTo>
                      <a:pt x="796" y="394"/>
                    </a:lnTo>
                    <a:lnTo>
                      <a:pt x="796" y="395"/>
                    </a:lnTo>
                    <a:lnTo>
                      <a:pt x="795" y="395"/>
                    </a:lnTo>
                    <a:lnTo>
                      <a:pt x="793" y="395"/>
                    </a:lnTo>
                    <a:lnTo>
                      <a:pt x="795" y="399"/>
                    </a:lnTo>
                    <a:lnTo>
                      <a:pt x="802" y="403"/>
                    </a:lnTo>
                    <a:lnTo>
                      <a:pt x="804" y="405"/>
                    </a:lnTo>
                    <a:lnTo>
                      <a:pt x="800" y="406"/>
                    </a:lnTo>
                    <a:lnTo>
                      <a:pt x="796" y="403"/>
                    </a:lnTo>
                    <a:lnTo>
                      <a:pt x="791" y="403"/>
                    </a:lnTo>
                    <a:lnTo>
                      <a:pt x="789" y="403"/>
                    </a:lnTo>
                    <a:lnTo>
                      <a:pt x="787" y="403"/>
                    </a:lnTo>
                    <a:lnTo>
                      <a:pt x="787" y="405"/>
                    </a:lnTo>
                    <a:lnTo>
                      <a:pt x="785" y="405"/>
                    </a:lnTo>
                    <a:lnTo>
                      <a:pt x="783" y="405"/>
                    </a:lnTo>
                    <a:lnTo>
                      <a:pt x="782" y="406"/>
                    </a:lnTo>
                    <a:lnTo>
                      <a:pt x="776" y="408"/>
                    </a:lnTo>
                    <a:lnTo>
                      <a:pt x="774" y="408"/>
                    </a:lnTo>
                    <a:lnTo>
                      <a:pt x="772" y="408"/>
                    </a:lnTo>
                    <a:lnTo>
                      <a:pt x="769" y="408"/>
                    </a:lnTo>
                    <a:lnTo>
                      <a:pt x="769" y="410"/>
                    </a:lnTo>
                    <a:lnTo>
                      <a:pt x="765" y="410"/>
                    </a:lnTo>
                    <a:lnTo>
                      <a:pt x="763" y="410"/>
                    </a:lnTo>
                    <a:lnTo>
                      <a:pt x="761" y="412"/>
                    </a:lnTo>
                    <a:lnTo>
                      <a:pt x="761" y="410"/>
                    </a:lnTo>
                    <a:lnTo>
                      <a:pt x="759" y="412"/>
                    </a:lnTo>
                    <a:lnTo>
                      <a:pt x="758" y="414"/>
                    </a:lnTo>
                    <a:lnTo>
                      <a:pt x="756" y="416"/>
                    </a:lnTo>
                    <a:lnTo>
                      <a:pt x="754" y="416"/>
                    </a:lnTo>
                    <a:lnTo>
                      <a:pt x="752" y="416"/>
                    </a:lnTo>
                    <a:lnTo>
                      <a:pt x="746" y="412"/>
                    </a:lnTo>
                    <a:lnTo>
                      <a:pt x="741" y="408"/>
                    </a:lnTo>
                    <a:lnTo>
                      <a:pt x="735" y="410"/>
                    </a:lnTo>
                    <a:lnTo>
                      <a:pt x="734" y="412"/>
                    </a:lnTo>
                    <a:lnTo>
                      <a:pt x="732" y="408"/>
                    </a:lnTo>
                    <a:lnTo>
                      <a:pt x="734" y="408"/>
                    </a:lnTo>
                    <a:lnTo>
                      <a:pt x="732" y="408"/>
                    </a:lnTo>
                    <a:lnTo>
                      <a:pt x="732" y="406"/>
                    </a:lnTo>
                    <a:lnTo>
                      <a:pt x="732" y="405"/>
                    </a:lnTo>
                    <a:lnTo>
                      <a:pt x="732" y="403"/>
                    </a:lnTo>
                    <a:lnTo>
                      <a:pt x="730" y="401"/>
                    </a:lnTo>
                    <a:lnTo>
                      <a:pt x="730" y="399"/>
                    </a:lnTo>
                    <a:lnTo>
                      <a:pt x="726" y="401"/>
                    </a:lnTo>
                    <a:lnTo>
                      <a:pt x="726" y="403"/>
                    </a:lnTo>
                    <a:lnTo>
                      <a:pt x="724" y="405"/>
                    </a:lnTo>
                    <a:lnTo>
                      <a:pt x="722" y="405"/>
                    </a:lnTo>
                    <a:lnTo>
                      <a:pt x="721" y="406"/>
                    </a:lnTo>
                    <a:lnTo>
                      <a:pt x="721" y="405"/>
                    </a:lnTo>
                    <a:lnTo>
                      <a:pt x="721" y="403"/>
                    </a:lnTo>
                    <a:lnTo>
                      <a:pt x="719" y="403"/>
                    </a:lnTo>
                    <a:lnTo>
                      <a:pt x="715" y="405"/>
                    </a:lnTo>
                    <a:lnTo>
                      <a:pt x="713" y="405"/>
                    </a:lnTo>
                    <a:lnTo>
                      <a:pt x="713" y="406"/>
                    </a:lnTo>
                    <a:lnTo>
                      <a:pt x="711" y="408"/>
                    </a:lnTo>
                    <a:lnTo>
                      <a:pt x="708" y="406"/>
                    </a:lnTo>
                    <a:lnTo>
                      <a:pt x="706" y="410"/>
                    </a:lnTo>
                    <a:lnTo>
                      <a:pt x="708" y="412"/>
                    </a:lnTo>
                    <a:lnTo>
                      <a:pt x="708" y="416"/>
                    </a:lnTo>
                    <a:lnTo>
                      <a:pt x="708" y="418"/>
                    </a:lnTo>
                    <a:lnTo>
                      <a:pt x="708" y="419"/>
                    </a:lnTo>
                    <a:lnTo>
                      <a:pt x="706" y="419"/>
                    </a:lnTo>
                    <a:lnTo>
                      <a:pt x="706" y="421"/>
                    </a:lnTo>
                    <a:lnTo>
                      <a:pt x="708" y="423"/>
                    </a:lnTo>
                    <a:lnTo>
                      <a:pt x="708" y="425"/>
                    </a:lnTo>
                    <a:lnTo>
                      <a:pt x="710" y="425"/>
                    </a:lnTo>
                    <a:lnTo>
                      <a:pt x="711" y="427"/>
                    </a:lnTo>
                    <a:lnTo>
                      <a:pt x="711" y="429"/>
                    </a:lnTo>
                    <a:lnTo>
                      <a:pt x="713" y="432"/>
                    </a:lnTo>
                    <a:lnTo>
                      <a:pt x="713" y="436"/>
                    </a:lnTo>
                    <a:lnTo>
                      <a:pt x="715" y="436"/>
                    </a:lnTo>
                    <a:lnTo>
                      <a:pt x="717" y="438"/>
                    </a:lnTo>
                    <a:lnTo>
                      <a:pt x="719" y="438"/>
                    </a:lnTo>
                    <a:lnTo>
                      <a:pt x="719" y="440"/>
                    </a:lnTo>
                    <a:lnTo>
                      <a:pt x="719" y="442"/>
                    </a:lnTo>
                    <a:lnTo>
                      <a:pt x="719" y="443"/>
                    </a:lnTo>
                    <a:lnTo>
                      <a:pt x="719" y="445"/>
                    </a:lnTo>
                    <a:lnTo>
                      <a:pt x="721" y="449"/>
                    </a:lnTo>
                    <a:lnTo>
                      <a:pt x="722" y="453"/>
                    </a:lnTo>
                    <a:lnTo>
                      <a:pt x="722" y="455"/>
                    </a:lnTo>
                    <a:lnTo>
                      <a:pt x="722" y="456"/>
                    </a:lnTo>
                    <a:lnTo>
                      <a:pt x="722" y="458"/>
                    </a:lnTo>
                    <a:lnTo>
                      <a:pt x="722" y="460"/>
                    </a:lnTo>
                    <a:lnTo>
                      <a:pt x="724" y="462"/>
                    </a:lnTo>
                    <a:lnTo>
                      <a:pt x="726" y="462"/>
                    </a:lnTo>
                    <a:lnTo>
                      <a:pt x="726" y="460"/>
                    </a:lnTo>
                    <a:lnTo>
                      <a:pt x="728" y="460"/>
                    </a:lnTo>
                    <a:lnTo>
                      <a:pt x="730" y="462"/>
                    </a:lnTo>
                    <a:lnTo>
                      <a:pt x="734" y="462"/>
                    </a:lnTo>
                    <a:lnTo>
                      <a:pt x="734" y="468"/>
                    </a:lnTo>
                    <a:lnTo>
                      <a:pt x="735" y="468"/>
                    </a:lnTo>
                    <a:lnTo>
                      <a:pt x="737" y="468"/>
                    </a:lnTo>
                    <a:lnTo>
                      <a:pt x="739" y="468"/>
                    </a:lnTo>
                    <a:lnTo>
                      <a:pt x="741" y="466"/>
                    </a:lnTo>
                    <a:lnTo>
                      <a:pt x="743" y="466"/>
                    </a:lnTo>
                    <a:lnTo>
                      <a:pt x="745" y="466"/>
                    </a:lnTo>
                    <a:lnTo>
                      <a:pt x="746" y="464"/>
                    </a:lnTo>
                    <a:lnTo>
                      <a:pt x="746" y="466"/>
                    </a:lnTo>
                    <a:lnTo>
                      <a:pt x="750" y="466"/>
                    </a:lnTo>
                    <a:lnTo>
                      <a:pt x="754" y="464"/>
                    </a:lnTo>
                    <a:lnTo>
                      <a:pt x="756" y="464"/>
                    </a:lnTo>
                    <a:lnTo>
                      <a:pt x="759" y="462"/>
                    </a:lnTo>
                    <a:lnTo>
                      <a:pt x="761" y="462"/>
                    </a:lnTo>
                    <a:lnTo>
                      <a:pt x="763" y="462"/>
                    </a:lnTo>
                    <a:lnTo>
                      <a:pt x="765" y="462"/>
                    </a:lnTo>
                    <a:lnTo>
                      <a:pt x="767" y="458"/>
                    </a:lnTo>
                    <a:lnTo>
                      <a:pt x="769" y="458"/>
                    </a:lnTo>
                    <a:lnTo>
                      <a:pt x="771" y="456"/>
                    </a:lnTo>
                    <a:lnTo>
                      <a:pt x="774" y="455"/>
                    </a:lnTo>
                    <a:lnTo>
                      <a:pt x="776" y="453"/>
                    </a:lnTo>
                    <a:lnTo>
                      <a:pt x="776" y="455"/>
                    </a:lnTo>
                    <a:lnTo>
                      <a:pt x="778" y="455"/>
                    </a:lnTo>
                    <a:lnTo>
                      <a:pt x="780" y="458"/>
                    </a:lnTo>
                    <a:lnTo>
                      <a:pt x="795" y="451"/>
                    </a:lnTo>
                    <a:lnTo>
                      <a:pt x="795" y="453"/>
                    </a:lnTo>
                    <a:lnTo>
                      <a:pt x="796" y="453"/>
                    </a:lnTo>
                    <a:lnTo>
                      <a:pt x="796" y="455"/>
                    </a:lnTo>
                    <a:lnTo>
                      <a:pt x="796" y="456"/>
                    </a:lnTo>
                    <a:lnTo>
                      <a:pt x="796" y="458"/>
                    </a:lnTo>
                    <a:lnTo>
                      <a:pt x="798" y="458"/>
                    </a:lnTo>
                    <a:lnTo>
                      <a:pt x="798" y="460"/>
                    </a:lnTo>
                    <a:lnTo>
                      <a:pt x="798" y="462"/>
                    </a:lnTo>
                    <a:lnTo>
                      <a:pt x="800" y="462"/>
                    </a:lnTo>
                    <a:lnTo>
                      <a:pt x="800" y="464"/>
                    </a:lnTo>
                    <a:lnTo>
                      <a:pt x="798" y="464"/>
                    </a:lnTo>
                    <a:lnTo>
                      <a:pt x="800" y="464"/>
                    </a:lnTo>
                    <a:lnTo>
                      <a:pt x="796" y="466"/>
                    </a:lnTo>
                    <a:lnTo>
                      <a:pt x="796" y="469"/>
                    </a:lnTo>
                    <a:lnTo>
                      <a:pt x="795" y="469"/>
                    </a:lnTo>
                    <a:lnTo>
                      <a:pt x="796" y="473"/>
                    </a:lnTo>
                    <a:lnTo>
                      <a:pt x="795" y="473"/>
                    </a:lnTo>
                    <a:lnTo>
                      <a:pt x="793" y="473"/>
                    </a:lnTo>
                    <a:lnTo>
                      <a:pt x="795" y="473"/>
                    </a:lnTo>
                    <a:lnTo>
                      <a:pt x="793" y="475"/>
                    </a:lnTo>
                    <a:lnTo>
                      <a:pt x="793" y="477"/>
                    </a:lnTo>
                    <a:lnTo>
                      <a:pt x="793" y="479"/>
                    </a:lnTo>
                    <a:lnTo>
                      <a:pt x="795" y="479"/>
                    </a:lnTo>
                    <a:lnTo>
                      <a:pt x="795" y="480"/>
                    </a:lnTo>
                    <a:lnTo>
                      <a:pt x="795" y="482"/>
                    </a:lnTo>
                    <a:lnTo>
                      <a:pt x="796" y="482"/>
                    </a:lnTo>
                    <a:lnTo>
                      <a:pt x="796" y="484"/>
                    </a:lnTo>
                    <a:lnTo>
                      <a:pt x="795" y="484"/>
                    </a:lnTo>
                    <a:lnTo>
                      <a:pt x="795" y="486"/>
                    </a:lnTo>
                    <a:lnTo>
                      <a:pt x="796" y="486"/>
                    </a:lnTo>
                    <a:lnTo>
                      <a:pt x="796" y="488"/>
                    </a:lnTo>
                    <a:lnTo>
                      <a:pt x="796" y="490"/>
                    </a:lnTo>
                    <a:lnTo>
                      <a:pt x="796" y="493"/>
                    </a:lnTo>
                    <a:lnTo>
                      <a:pt x="798" y="493"/>
                    </a:lnTo>
                    <a:lnTo>
                      <a:pt x="798" y="495"/>
                    </a:lnTo>
                    <a:lnTo>
                      <a:pt x="800" y="497"/>
                    </a:lnTo>
                    <a:lnTo>
                      <a:pt x="800" y="499"/>
                    </a:lnTo>
                    <a:lnTo>
                      <a:pt x="802" y="499"/>
                    </a:lnTo>
                    <a:lnTo>
                      <a:pt x="802" y="501"/>
                    </a:lnTo>
                    <a:lnTo>
                      <a:pt x="804" y="501"/>
                    </a:lnTo>
                    <a:lnTo>
                      <a:pt x="804" y="503"/>
                    </a:lnTo>
                    <a:lnTo>
                      <a:pt x="804" y="505"/>
                    </a:lnTo>
                    <a:lnTo>
                      <a:pt x="807" y="505"/>
                    </a:lnTo>
                    <a:lnTo>
                      <a:pt x="809" y="505"/>
                    </a:lnTo>
                    <a:lnTo>
                      <a:pt x="811" y="505"/>
                    </a:lnTo>
                    <a:lnTo>
                      <a:pt x="815" y="505"/>
                    </a:lnTo>
                    <a:lnTo>
                      <a:pt x="817" y="503"/>
                    </a:lnTo>
                    <a:lnTo>
                      <a:pt x="819" y="503"/>
                    </a:lnTo>
                    <a:lnTo>
                      <a:pt x="820" y="501"/>
                    </a:lnTo>
                    <a:lnTo>
                      <a:pt x="822" y="501"/>
                    </a:lnTo>
                    <a:lnTo>
                      <a:pt x="824" y="503"/>
                    </a:lnTo>
                    <a:lnTo>
                      <a:pt x="824" y="501"/>
                    </a:lnTo>
                    <a:lnTo>
                      <a:pt x="828" y="499"/>
                    </a:lnTo>
                    <a:lnTo>
                      <a:pt x="828" y="497"/>
                    </a:lnTo>
                    <a:lnTo>
                      <a:pt x="830" y="497"/>
                    </a:lnTo>
                    <a:lnTo>
                      <a:pt x="832" y="497"/>
                    </a:lnTo>
                    <a:lnTo>
                      <a:pt x="833" y="495"/>
                    </a:lnTo>
                    <a:lnTo>
                      <a:pt x="833" y="497"/>
                    </a:lnTo>
                    <a:lnTo>
                      <a:pt x="835" y="497"/>
                    </a:lnTo>
                    <a:lnTo>
                      <a:pt x="835" y="495"/>
                    </a:lnTo>
                    <a:lnTo>
                      <a:pt x="835" y="497"/>
                    </a:lnTo>
                    <a:lnTo>
                      <a:pt x="835" y="495"/>
                    </a:lnTo>
                    <a:lnTo>
                      <a:pt x="837" y="495"/>
                    </a:lnTo>
                    <a:lnTo>
                      <a:pt x="839" y="495"/>
                    </a:lnTo>
                    <a:lnTo>
                      <a:pt x="841" y="495"/>
                    </a:lnTo>
                    <a:lnTo>
                      <a:pt x="843" y="493"/>
                    </a:lnTo>
                    <a:lnTo>
                      <a:pt x="844" y="492"/>
                    </a:lnTo>
                    <a:lnTo>
                      <a:pt x="844" y="490"/>
                    </a:lnTo>
                    <a:lnTo>
                      <a:pt x="844" y="488"/>
                    </a:lnTo>
                    <a:lnTo>
                      <a:pt x="846" y="488"/>
                    </a:lnTo>
                    <a:lnTo>
                      <a:pt x="846" y="486"/>
                    </a:lnTo>
                    <a:lnTo>
                      <a:pt x="846" y="484"/>
                    </a:lnTo>
                    <a:lnTo>
                      <a:pt x="848" y="484"/>
                    </a:lnTo>
                    <a:lnTo>
                      <a:pt x="848" y="482"/>
                    </a:lnTo>
                    <a:lnTo>
                      <a:pt x="850" y="482"/>
                    </a:lnTo>
                    <a:lnTo>
                      <a:pt x="850" y="480"/>
                    </a:lnTo>
                    <a:lnTo>
                      <a:pt x="852" y="480"/>
                    </a:lnTo>
                    <a:lnTo>
                      <a:pt x="852" y="479"/>
                    </a:lnTo>
                    <a:lnTo>
                      <a:pt x="852" y="477"/>
                    </a:lnTo>
                    <a:lnTo>
                      <a:pt x="850" y="477"/>
                    </a:lnTo>
                    <a:lnTo>
                      <a:pt x="850" y="475"/>
                    </a:lnTo>
                    <a:lnTo>
                      <a:pt x="850" y="473"/>
                    </a:lnTo>
                    <a:lnTo>
                      <a:pt x="846" y="471"/>
                    </a:lnTo>
                    <a:lnTo>
                      <a:pt x="844" y="469"/>
                    </a:lnTo>
                    <a:lnTo>
                      <a:pt x="844" y="468"/>
                    </a:lnTo>
                    <a:lnTo>
                      <a:pt x="843" y="466"/>
                    </a:lnTo>
                    <a:lnTo>
                      <a:pt x="841" y="462"/>
                    </a:lnTo>
                    <a:lnTo>
                      <a:pt x="839" y="458"/>
                    </a:lnTo>
                    <a:lnTo>
                      <a:pt x="837" y="455"/>
                    </a:lnTo>
                    <a:lnTo>
                      <a:pt x="839" y="453"/>
                    </a:lnTo>
                    <a:lnTo>
                      <a:pt x="833" y="445"/>
                    </a:lnTo>
                    <a:lnTo>
                      <a:pt x="835" y="445"/>
                    </a:lnTo>
                    <a:lnTo>
                      <a:pt x="833" y="440"/>
                    </a:lnTo>
                    <a:lnTo>
                      <a:pt x="833" y="436"/>
                    </a:lnTo>
                    <a:lnTo>
                      <a:pt x="852" y="427"/>
                    </a:lnTo>
                    <a:lnTo>
                      <a:pt x="857" y="425"/>
                    </a:lnTo>
                    <a:lnTo>
                      <a:pt x="865" y="421"/>
                    </a:lnTo>
                    <a:lnTo>
                      <a:pt x="874" y="418"/>
                    </a:lnTo>
                    <a:lnTo>
                      <a:pt x="876" y="418"/>
                    </a:lnTo>
                    <a:lnTo>
                      <a:pt x="885" y="408"/>
                    </a:lnTo>
                    <a:lnTo>
                      <a:pt x="893" y="406"/>
                    </a:lnTo>
                    <a:close/>
                    <a:moveTo>
                      <a:pt x="491" y="806"/>
                    </a:moveTo>
                    <a:lnTo>
                      <a:pt x="491" y="804"/>
                    </a:lnTo>
                    <a:lnTo>
                      <a:pt x="491" y="802"/>
                    </a:lnTo>
                    <a:lnTo>
                      <a:pt x="490" y="797"/>
                    </a:lnTo>
                    <a:lnTo>
                      <a:pt x="491" y="795"/>
                    </a:lnTo>
                    <a:lnTo>
                      <a:pt x="493" y="797"/>
                    </a:lnTo>
                    <a:lnTo>
                      <a:pt x="493" y="795"/>
                    </a:lnTo>
                    <a:lnTo>
                      <a:pt x="495" y="795"/>
                    </a:lnTo>
                    <a:lnTo>
                      <a:pt x="493" y="795"/>
                    </a:lnTo>
                    <a:lnTo>
                      <a:pt x="493" y="793"/>
                    </a:lnTo>
                    <a:lnTo>
                      <a:pt x="493" y="791"/>
                    </a:lnTo>
                    <a:lnTo>
                      <a:pt x="497" y="789"/>
                    </a:lnTo>
                    <a:lnTo>
                      <a:pt x="501" y="788"/>
                    </a:lnTo>
                    <a:lnTo>
                      <a:pt x="504" y="786"/>
                    </a:lnTo>
                    <a:lnTo>
                      <a:pt x="504" y="788"/>
                    </a:lnTo>
                    <a:lnTo>
                      <a:pt x="508" y="784"/>
                    </a:lnTo>
                    <a:lnTo>
                      <a:pt x="510" y="784"/>
                    </a:lnTo>
                    <a:lnTo>
                      <a:pt x="508" y="784"/>
                    </a:lnTo>
                    <a:lnTo>
                      <a:pt x="508" y="782"/>
                    </a:lnTo>
                    <a:lnTo>
                      <a:pt x="508" y="780"/>
                    </a:lnTo>
                    <a:lnTo>
                      <a:pt x="510" y="778"/>
                    </a:lnTo>
                    <a:lnTo>
                      <a:pt x="512" y="780"/>
                    </a:lnTo>
                    <a:lnTo>
                      <a:pt x="514" y="780"/>
                    </a:lnTo>
                    <a:lnTo>
                      <a:pt x="515" y="780"/>
                    </a:lnTo>
                    <a:lnTo>
                      <a:pt x="515" y="782"/>
                    </a:lnTo>
                    <a:lnTo>
                      <a:pt x="517" y="782"/>
                    </a:lnTo>
                    <a:lnTo>
                      <a:pt x="517" y="784"/>
                    </a:lnTo>
                    <a:lnTo>
                      <a:pt x="515" y="784"/>
                    </a:lnTo>
                    <a:lnTo>
                      <a:pt x="517" y="784"/>
                    </a:lnTo>
                    <a:lnTo>
                      <a:pt x="517" y="786"/>
                    </a:lnTo>
                    <a:lnTo>
                      <a:pt x="515" y="788"/>
                    </a:lnTo>
                    <a:lnTo>
                      <a:pt x="515" y="791"/>
                    </a:lnTo>
                    <a:lnTo>
                      <a:pt x="515" y="793"/>
                    </a:lnTo>
                    <a:lnTo>
                      <a:pt x="515" y="800"/>
                    </a:lnTo>
                    <a:lnTo>
                      <a:pt x="515" y="799"/>
                    </a:lnTo>
                    <a:lnTo>
                      <a:pt x="512" y="799"/>
                    </a:lnTo>
                    <a:lnTo>
                      <a:pt x="512" y="800"/>
                    </a:lnTo>
                    <a:lnTo>
                      <a:pt x="510" y="800"/>
                    </a:lnTo>
                    <a:lnTo>
                      <a:pt x="510" y="802"/>
                    </a:lnTo>
                    <a:lnTo>
                      <a:pt x="508" y="802"/>
                    </a:lnTo>
                    <a:lnTo>
                      <a:pt x="506" y="804"/>
                    </a:lnTo>
                    <a:lnTo>
                      <a:pt x="504" y="804"/>
                    </a:lnTo>
                    <a:lnTo>
                      <a:pt x="499" y="806"/>
                    </a:lnTo>
                    <a:lnTo>
                      <a:pt x="499" y="808"/>
                    </a:lnTo>
                    <a:lnTo>
                      <a:pt x="497" y="808"/>
                    </a:lnTo>
                    <a:lnTo>
                      <a:pt x="495" y="810"/>
                    </a:lnTo>
                    <a:lnTo>
                      <a:pt x="493" y="810"/>
                    </a:lnTo>
                    <a:lnTo>
                      <a:pt x="493" y="808"/>
                    </a:lnTo>
                    <a:lnTo>
                      <a:pt x="493" y="806"/>
                    </a:lnTo>
                    <a:lnTo>
                      <a:pt x="491" y="806"/>
                    </a:lnTo>
                    <a:close/>
                    <a:moveTo>
                      <a:pt x="1133" y="329"/>
                    </a:moveTo>
                    <a:lnTo>
                      <a:pt x="1135" y="327"/>
                    </a:lnTo>
                    <a:lnTo>
                      <a:pt x="1135" y="325"/>
                    </a:lnTo>
                    <a:lnTo>
                      <a:pt x="1137" y="323"/>
                    </a:lnTo>
                    <a:lnTo>
                      <a:pt x="1138" y="325"/>
                    </a:lnTo>
                    <a:lnTo>
                      <a:pt x="1140" y="325"/>
                    </a:lnTo>
                    <a:lnTo>
                      <a:pt x="1138" y="325"/>
                    </a:lnTo>
                    <a:lnTo>
                      <a:pt x="1138" y="323"/>
                    </a:lnTo>
                    <a:lnTo>
                      <a:pt x="1140" y="321"/>
                    </a:lnTo>
                    <a:lnTo>
                      <a:pt x="1142" y="320"/>
                    </a:lnTo>
                    <a:lnTo>
                      <a:pt x="1144" y="320"/>
                    </a:lnTo>
                    <a:lnTo>
                      <a:pt x="1142" y="318"/>
                    </a:lnTo>
                    <a:lnTo>
                      <a:pt x="1144" y="318"/>
                    </a:lnTo>
                    <a:lnTo>
                      <a:pt x="1144" y="316"/>
                    </a:lnTo>
                    <a:lnTo>
                      <a:pt x="1146" y="316"/>
                    </a:lnTo>
                    <a:lnTo>
                      <a:pt x="1148" y="316"/>
                    </a:lnTo>
                    <a:lnTo>
                      <a:pt x="1149" y="316"/>
                    </a:lnTo>
                    <a:lnTo>
                      <a:pt x="1148" y="318"/>
                    </a:lnTo>
                    <a:lnTo>
                      <a:pt x="1148" y="320"/>
                    </a:lnTo>
                    <a:lnTo>
                      <a:pt x="1149" y="320"/>
                    </a:lnTo>
                    <a:lnTo>
                      <a:pt x="1151" y="320"/>
                    </a:lnTo>
                    <a:lnTo>
                      <a:pt x="1153" y="320"/>
                    </a:lnTo>
                    <a:lnTo>
                      <a:pt x="1153" y="321"/>
                    </a:lnTo>
                    <a:lnTo>
                      <a:pt x="1153" y="320"/>
                    </a:lnTo>
                    <a:lnTo>
                      <a:pt x="1153" y="321"/>
                    </a:lnTo>
                    <a:lnTo>
                      <a:pt x="1155" y="321"/>
                    </a:lnTo>
                    <a:lnTo>
                      <a:pt x="1155" y="323"/>
                    </a:lnTo>
                    <a:lnTo>
                      <a:pt x="1157" y="323"/>
                    </a:lnTo>
                    <a:lnTo>
                      <a:pt x="1157" y="325"/>
                    </a:lnTo>
                    <a:lnTo>
                      <a:pt x="1159" y="325"/>
                    </a:lnTo>
                    <a:lnTo>
                      <a:pt x="1161" y="325"/>
                    </a:lnTo>
                    <a:lnTo>
                      <a:pt x="1166" y="325"/>
                    </a:lnTo>
                    <a:lnTo>
                      <a:pt x="1164" y="327"/>
                    </a:lnTo>
                    <a:lnTo>
                      <a:pt x="1161" y="331"/>
                    </a:lnTo>
                    <a:lnTo>
                      <a:pt x="1159" y="334"/>
                    </a:lnTo>
                    <a:lnTo>
                      <a:pt x="1155" y="332"/>
                    </a:lnTo>
                    <a:lnTo>
                      <a:pt x="1155" y="334"/>
                    </a:lnTo>
                    <a:lnTo>
                      <a:pt x="1153" y="340"/>
                    </a:lnTo>
                    <a:lnTo>
                      <a:pt x="1151" y="342"/>
                    </a:lnTo>
                    <a:lnTo>
                      <a:pt x="1151" y="344"/>
                    </a:lnTo>
                    <a:lnTo>
                      <a:pt x="1151" y="345"/>
                    </a:lnTo>
                    <a:lnTo>
                      <a:pt x="1149" y="344"/>
                    </a:lnTo>
                    <a:lnTo>
                      <a:pt x="1148" y="344"/>
                    </a:lnTo>
                    <a:lnTo>
                      <a:pt x="1146" y="344"/>
                    </a:lnTo>
                    <a:lnTo>
                      <a:pt x="1144" y="344"/>
                    </a:lnTo>
                    <a:lnTo>
                      <a:pt x="1144" y="342"/>
                    </a:lnTo>
                    <a:lnTo>
                      <a:pt x="1142" y="342"/>
                    </a:lnTo>
                    <a:lnTo>
                      <a:pt x="1140" y="342"/>
                    </a:lnTo>
                    <a:lnTo>
                      <a:pt x="1138" y="342"/>
                    </a:lnTo>
                    <a:lnTo>
                      <a:pt x="1137" y="342"/>
                    </a:lnTo>
                    <a:lnTo>
                      <a:pt x="1135" y="342"/>
                    </a:lnTo>
                    <a:lnTo>
                      <a:pt x="1133" y="342"/>
                    </a:lnTo>
                    <a:lnTo>
                      <a:pt x="1131" y="344"/>
                    </a:lnTo>
                    <a:lnTo>
                      <a:pt x="1129" y="344"/>
                    </a:lnTo>
                    <a:lnTo>
                      <a:pt x="1129" y="342"/>
                    </a:lnTo>
                    <a:lnTo>
                      <a:pt x="1129" y="340"/>
                    </a:lnTo>
                    <a:lnTo>
                      <a:pt x="1131" y="340"/>
                    </a:lnTo>
                    <a:lnTo>
                      <a:pt x="1131" y="338"/>
                    </a:lnTo>
                    <a:lnTo>
                      <a:pt x="1129" y="336"/>
                    </a:lnTo>
                    <a:lnTo>
                      <a:pt x="1131" y="332"/>
                    </a:lnTo>
                    <a:lnTo>
                      <a:pt x="1133" y="329"/>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85" name="Freeform 178"/>
              <p:cNvSpPr>
                <a:spLocks/>
              </p:cNvSpPr>
              <p:nvPr/>
            </p:nvSpPr>
            <p:spPr bwMode="auto">
              <a:xfrm>
                <a:off x="3322637" y="3406775"/>
                <a:ext cx="1588" cy="4763"/>
              </a:xfrm>
              <a:custGeom>
                <a:avLst/>
                <a:gdLst>
                  <a:gd name="T0" fmla="*/ 0 w 1"/>
                  <a:gd name="T1" fmla="*/ 2 h 3"/>
                  <a:gd name="T2" fmla="*/ 0 w 1"/>
                  <a:gd name="T3" fmla="*/ 0 h 3"/>
                  <a:gd name="T4" fmla="*/ 0 w 1"/>
                  <a:gd name="T5" fmla="*/ 0 h 3"/>
                  <a:gd name="T6" fmla="*/ 0 w 1"/>
                  <a:gd name="T7" fmla="*/ 0 h 3"/>
                  <a:gd name="T8" fmla="*/ 1 w 1"/>
                  <a:gd name="T9" fmla="*/ 2 h 3"/>
                  <a:gd name="T10" fmla="*/ 0 w 1"/>
                  <a:gd name="T11" fmla="*/ 2 h 3"/>
                  <a:gd name="T12" fmla="*/ 0 w 1"/>
                  <a:gd name="T13" fmla="*/ 3 h 3"/>
                  <a:gd name="T14" fmla="*/ 0 w 1"/>
                  <a:gd name="T15" fmla="*/ 3 h 3"/>
                  <a:gd name="T16" fmla="*/ 0 w 1"/>
                  <a:gd name="T17" fmla="*/ 2 h 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 h="3">
                    <a:moveTo>
                      <a:pt x="0" y="2"/>
                    </a:moveTo>
                    <a:lnTo>
                      <a:pt x="0" y="0"/>
                    </a:lnTo>
                    <a:lnTo>
                      <a:pt x="0" y="0"/>
                    </a:lnTo>
                    <a:lnTo>
                      <a:pt x="0" y="0"/>
                    </a:lnTo>
                    <a:lnTo>
                      <a:pt x="1" y="2"/>
                    </a:lnTo>
                    <a:lnTo>
                      <a:pt x="0" y="2"/>
                    </a:lnTo>
                    <a:lnTo>
                      <a:pt x="0" y="3"/>
                    </a:lnTo>
                    <a:lnTo>
                      <a:pt x="0" y="3"/>
                    </a:lnTo>
                    <a:lnTo>
                      <a:pt x="0" y="2"/>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86" name="Freeform 191"/>
              <p:cNvSpPr>
                <a:spLocks/>
              </p:cNvSpPr>
              <p:nvPr/>
            </p:nvSpPr>
            <p:spPr bwMode="auto">
              <a:xfrm>
                <a:off x="3571875" y="3159125"/>
                <a:ext cx="46038" cy="41275"/>
              </a:xfrm>
              <a:custGeom>
                <a:avLst/>
                <a:gdLst>
                  <a:gd name="T0" fmla="*/ 11 w 29"/>
                  <a:gd name="T1" fmla="*/ 2 h 26"/>
                  <a:gd name="T2" fmla="*/ 11 w 29"/>
                  <a:gd name="T3" fmla="*/ 2 h 26"/>
                  <a:gd name="T4" fmla="*/ 13 w 29"/>
                  <a:gd name="T5" fmla="*/ 2 h 26"/>
                  <a:gd name="T6" fmla="*/ 13 w 29"/>
                  <a:gd name="T7" fmla="*/ 2 h 26"/>
                  <a:gd name="T8" fmla="*/ 14 w 29"/>
                  <a:gd name="T9" fmla="*/ 4 h 26"/>
                  <a:gd name="T10" fmla="*/ 14 w 29"/>
                  <a:gd name="T11" fmla="*/ 4 h 26"/>
                  <a:gd name="T12" fmla="*/ 16 w 29"/>
                  <a:gd name="T13" fmla="*/ 4 h 26"/>
                  <a:gd name="T14" fmla="*/ 16 w 29"/>
                  <a:gd name="T15" fmla="*/ 4 h 26"/>
                  <a:gd name="T16" fmla="*/ 16 w 29"/>
                  <a:gd name="T17" fmla="*/ 4 h 26"/>
                  <a:gd name="T18" fmla="*/ 16 w 29"/>
                  <a:gd name="T19" fmla="*/ 4 h 26"/>
                  <a:gd name="T20" fmla="*/ 20 w 29"/>
                  <a:gd name="T21" fmla="*/ 10 h 26"/>
                  <a:gd name="T22" fmla="*/ 22 w 29"/>
                  <a:gd name="T23" fmla="*/ 8 h 26"/>
                  <a:gd name="T24" fmla="*/ 27 w 29"/>
                  <a:gd name="T25" fmla="*/ 6 h 26"/>
                  <a:gd name="T26" fmla="*/ 29 w 29"/>
                  <a:gd name="T27" fmla="*/ 8 h 26"/>
                  <a:gd name="T28" fmla="*/ 27 w 29"/>
                  <a:gd name="T29" fmla="*/ 10 h 26"/>
                  <a:gd name="T30" fmla="*/ 27 w 29"/>
                  <a:gd name="T31" fmla="*/ 10 h 26"/>
                  <a:gd name="T32" fmla="*/ 26 w 29"/>
                  <a:gd name="T33" fmla="*/ 12 h 26"/>
                  <a:gd name="T34" fmla="*/ 26 w 29"/>
                  <a:gd name="T35" fmla="*/ 12 h 26"/>
                  <a:gd name="T36" fmla="*/ 24 w 29"/>
                  <a:gd name="T37" fmla="*/ 12 h 26"/>
                  <a:gd name="T38" fmla="*/ 22 w 29"/>
                  <a:gd name="T39" fmla="*/ 13 h 26"/>
                  <a:gd name="T40" fmla="*/ 22 w 29"/>
                  <a:gd name="T41" fmla="*/ 13 h 26"/>
                  <a:gd name="T42" fmla="*/ 22 w 29"/>
                  <a:gd name="T43" fmla="*/ 13 h 26"/>
                  <a:gd name="T44" fmla="*/ 20 w 29"/>
                  <a:gd name="T45" fmla="*/ 13 h 26"/>
                  <a:gd name="T46" fmla="*/ 22 w 29"/>
                  <a:gd name="T47" fmla="*/ 15 h 26"/>
                  <a:gd name="T48" fmla="*/ 20 w 29"/>
                  <a:gd name="T49" fmla="*/ 15 h 26"/>
                  <a:gd name="T50" fmla="*/ 18 w 29"/>
                  <a:gd name="T51" fmla="*/ 15 h 26"/>
                  <a:gd name="T52" fmla="*/ 18 w 29"/>
                  <a:gd name="T53" fmla="*/ 17 h 26"/>
                  <a:gd name="T54" fmla="*/ 18 w 29"/>
                  <a:gd name="T55" fmla="*/ 17 h 26"/>
                  <a:gd name="T56" fmla="*/ 16 w 29"/>
                  <a:gd name="T57" fmla="*/ 17 h 26"/>
                  <a:gd name="T58" fmla="*/ 16 w 29"/>
                  <a:gd name="T59" fmla="*/ 19 h 26"/>
                  <a:gd name="T60" fmla="*/ 14 w 29"/>
                  <a:gd name="T61" fmla="*/ 21 h 26"/>
                  <a:gd name="T62" fmla="*/ 14 w 29"/>
                  <a:gd name="T63" fmla="*/ 21 h 26"/>
                  <a:gd name="T64" fmla="*/ 13 w 29"/>
                  <a:gd name="T65" fmla="*/ 23 h 26"/>
                  <a:gd name="T66" fmla="*/ 13 w 29"/>
                  <a:gd name="T67" fmla="*/ 24 h 26"/>
                  <a:gd name="T68" fmla="*/ 11 w 29"/>
                  <a:gd name="T69" fmla="*/ 26 h 26"/>
                  <a:gd name="T70" fmla="*/ 9 w 29"/>
                  <a:gd name="T71" fmla="*/ 24 h 26"/>
                  <a:gd name="T72" fmla="*/ 7 w 29"/>
                  <a:gd name="T73" fmla="*/ 24 h 26"/>
                  <a:gd name="T74" fmla="*/ 7 w 29"/>
                  <a:gd name="T75" fmla="*/ 24 h 26"/>
                  <a:gd name="T76" fmla="*/ 5 w 29"/>
                  <a:gd name="T77" fmla="*/ 24 h 26"/>
                  <a:gd name="T78" fmla="*/ 2 w 29"/>
                  <a:gd name="T79" fmla="*/ 23 h 26"/>
                  <a:gd name="T80" fmla="*/ 2 w 29"/>
                  <a:gd name="T81" fmla="*/ 23 h 26"/>
                  <a:gd name="T82" fmla="*/ 0 w 29"/>
                  <a:gd name="T83" fmla="*/ 21 h 26"/>
                  <a:gd name="T84" fmla="*/ 0 w 29"/>
                  <a:gd name="T85" fmla="*/ 21 h 26"/>
                  <a:gd name="T86" fmla="*/ 0 w 29"/>
                  <a:gd name="T87" fmla="*/ 17 h 26"/>
                  <a:gd name="T88" fmla="*/ 3 w 29"/>
                  <a:gd name="T89" fmla="*/ 15 h 26"/>
                  <a:gd name="T90" fmla="*/ 5 w 29"/>
                  <a:gd name="T91" fmla="*/ 13 h 26"/>
                  <a:gd name="T92" fmla="*/ 5 w 29"/>
                  <a:gd name="T93" fmla="*/ 13 h 26"/>
                  <a:gd name="T94" fmla="*/ 5 w 29"/>
                  <a:gd name="T95" fmla="*/ 12 h 26"/>
                  <a:gd name="T96" fmla="*/ 7 w 29"/>
                  <a:gd name="T97" fmla="*/ 10 h 26"/>
                  <a:gd name="T98" fmla="*/ 5 w 29"/>
                  <a:gd name="T99" fmla="*/ 4 h 26"/>
                  <a:gd name="T100" fmla="*/ 9 w 29"/>
                  <a:gd name="T101" fmla="*/ 2 h 26"/>
                  <a:gd name="T102" fmla="*/ 9 w 29"/>
                  <a:gd name="T103" fmla="*/ 2 h 26"/>
                  <a:gd name="T104" fmla="*/ 11 w 29"/>
                  <a:gd name="T105" fmla="*/ 0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9" h="26">
                    <a:moveTo>
                      <a:pt x="11" y="0"/>
                    </a:moveTo>
                    <a:lnTo>
                      <a:pt x="11" y="2"/>
                    </a:lnTo>
                    <a:lnTo>
                      <a:pt x="11" y="2"/>
                    </a:lnTo>
                    <a:lnTo>
                      <a:pt x="11" y="2"/>
                    </a:lnTo>
                    <a:lnTo>
                      <a:pt x="13" y="2"/>
                    </a:lnTo>
                    <a:lnTo>
                      <a:pt x="13" y="2"/>
                    </a:lnTo>
                    <a:lnTo>
                      <a:pt x="13" y="2"/>
                    </a:lnTo>
                    <a:lnTo>
                      <a:pt x="13" y="2"/>
                    </a:lnTo>
                    <a:lnTo>
                      <a:pt x="14" y="4"/>
                    </a:lnTo>
                    <a:lnTo>
                      <a:pt x="14" y="4"/>
                    </a:lnTo>
                    <a:lnTo>
                      <a:pt x="14" y="4"/>
                    </a:lnTo>
                    <a:lnTo>
                      <a:pt x="14" y="4"/>
                    </a:lnTo>
                    <a:lnTo>
                      <a:pt x="16" y="4"/>
                    </a:lnTo>
                    <a:lnTo>
                      <a:pt x="16" y="4"/>
                    </a:lnTo>
                    <a:lnTo>
                      <a:pt x="16" y="4"/>
                    </a:lnTo>
                    <a:lnTo>
                      <a:pt x="16" y="4"/>
                    </a:lnTo>
                    <a:lnTo>
                      <a:pt x="16" y="4"/>
                    </a:lnTo>
                    <a:lnTo>
                      <a:pt x="16" y="4"/>
                    </a:lnTo>
                    <a:lnTo>
                      <a:pt x="16" y="4"/>
                    </a:lnTo>
                    <a:lnTo>
                      <a:pt x="16" y="4"/>
                    </a:lnTo>
                    <a:lnTo>
                      <a:pt x="18" y="8"/>
                    </a:lnTo>
                    <a:lnTo>
                      <a:pt x="20" y="10"/>
                    </a:lnTo>
                    <a:lnTo>
                      <a:pt x="22" y="8"/>
                    </a:lnTo>
                    <a:lnTo>
                      <a:pt x="22" y="8"/>
                    </a:lnTo>
                    <a:lnTo>
                      <a:pt x="24" y="8"/>
                    </a:lnTo>
                    <a:lnTo>
                      <a:pt x="27" y="6"/>
                    </a:lnTo>
                    <a:lnTo>
                      <a:pt x="27" y="6"/>
                    </a:lnTo>
                    <a:lnTo>
                      <a:pt x="29" y="8"/>
                    </a:lnTo>
                    <a:lnTo>
                      <a:pt x="29" y="10"/>
                    </a:lnTo>
                    <a:lnTo>
                      <a:pt x="27" y="10"/>
                    </a:lnTo>
                    <a:lnTo>
                      <a:pt x="27" y="10"/>
                    </a:lnTo>
                    <a:lnTo>
                      <a:pt x="27" y="10"/>
                    </a:lnTo>
                    <a:lnTo>
                      <a:pt x="27" y="10"/>
                    </a:lnTo>
                    <a:lnTo>
                      <a:pt x="26" y="12"/>
                    </a:lnTo>
                    <a:lnTo>
                      <a:pt x="26" y="12"/>
                    </a:lnTo>
                    <a:lnTo>
                      <a:pt x="26" y="12"/>
                    </a:lnTo>
                    <a:lnTo>
                      <a:pt x="26" y="12"/>
                    </a:lnTo>
                    <a:lnTo>
                      <a:pt x="24" y="12"/>
                    </a:lnTo>
                    <a:lnTo>
                      <a:pt x="24" y="13"/>
                    </a:lnTo>
                    <a:lnTo>
                      <a:pt x="22" y="13"/>
                    </a:lnTo>
                    <a:lnTo>
                      <a:pt x="22" y="13"/>
                    </a:lnTo>
                    <a:lnTo>
                      <a:pt x="22" y="13"/>
                    </a:lnTo>
                    <a:lnTo>
                      <a:pt x="22" y="13"/>
                    </a:lnTo>
                    <a:lnTo>
                      <a:pt x="22" y="13"/>
                    </a:lnTo>
                    <a:lnTo>
                      <a:pt x="20" y="13"/>
                    </a:lnTo>
                    <a:lnTo>
                      <a:pt x="20" y="13"/>
                    </a:lnTo>
                    <a:lnTo>
                      <a:pt x="22" y="15"/>
                    </a:lnTo>
                    <a:lnTo>
                      <a:pt x="22" y="15"/>
                    </a:lnTo>
                    <a:lnTo>
                      <a:pt x="20" y="15"/>
                    </a:lnTo>
                    <a:lnTo>
                      <a:pt x="20" y="15"/>
                    </a:lnTo>
                    <a:lnTo>
                      <a:pt x="20" y="15"/>
                    </a:lnTo>
                    <a:lnTo>
                      <a:pt x="18" y="15"/>
                    </a:lnTo>
                    <a:lnTo>
                      <a:pt x="18" y="17"/>
                    </a:lnTo>
                    <a:lnTo>
                      <a:pt x="18" y="17"/>
                    </a:lnTo>
                    <a:lnTo>
                      <a:pt x="18" y="17"/>
                    </a:lnTo>
                    <a:lnTo>
                      <a:pt x="18" y="17"/>
                    </a:lnTo>
                    <a:lnTo>
                      <a:pt x="16" y="17"/>
                    </a:lnTo>
                    <a:lnTo>
                      <a:pt x="16" y="17"/>
                    </a:lnTo>
                    <a:lnTo>
                      <a:pt x="16" y="17"/>
                    </a:lnTo>
                    <a:lnTo>
                      <a:pt x="16" y="19"/>
                    </a:lnTo>
                    <a:lnTo>
                      <a:pt x="16" y="19"/>
                    </a:lnTo>
                    <a:lnTo>
                      <a:pt x="14" y="21"/>
                    </a:lnTo>
                    <a:lnTo>
                      <a:pt x="14" y="21"/>
                    </a:lnTo>
                    <a:lnTo>
                      <a:pt x="14" y="21"/>
                    </a:lnTo>
                    <a:lnTo>
                      <a:pt x="13" y="23"/>
                    </a:lnTo>
                    <a:lnTo>
                      <a:pt x="13" y="23"/>
                    </a:lnTo>
                    <a:lnTo>
                      <a:pt x="13" y="24"/>
                    </a:lnTo>
                    <a:lnTo>
                      <a:pt x="13" y="24"/>
                    </a:lnTo>
                    <a:lnTo>
                      <a:pt x="11" y="24"/>
                    </a:lnTo>
                    <a:lnTo>
                      <a:pt x="11" y="26"/>
                    </a:lnTo>
                    <a:lnTo>
                      <a:pt x="9" y="26"/>
                    </a:lnTo>
                    <a:lnTo>
                      <a:pt x="9" y="24"/>
                    </a:lnTo>
                    <a:lnTo>
                      <a:pt x="7" y="26"/>
                    </a:lnTo>
                    <a:lnTo>
                      <a:pt x="7" y="24"/>
                    </a:lnTo>
                    <a:lnTo>
                      <a:pt x="7" y="24"/>
                    </a:lnTo>
                    <a:lnTo>
                      <a:pt x="7" y="24"/>
                    </a:lnTo>
                    <a:lnTo>
                      <a:pt x="5" y="24"/>
                    </a:lnTo>
                    <a:lnTo>
                      <a:pt x="5" y="24"/>
                    </a:lnTo>
                    <a:lnTo>
                      <a:pt x="3" y="24"/>
                    </a:lnTo>
                    <a:lnTo>
                      <a:pt x="2" y="23"/>
                    </a:lnTo>
                    <a:lnTo>
                      <a:pt x="2" y="23"/>
                    </a:lnTo>
                    <a:lnTo>
                      <a:pt x="2" y="23"/>
                    </a:lnTo>
                    <a:lnTo>
                      <a:pt x="0" y="23"/>
                    </a:lnTo>
                    <a:lnTo>
                      <a:pt x="0" y="21"/>
                    </a:lnTo>
                    <a:lnTo>
                      <a:pt x="0" y="21"/>
                    </a:lnTo>
                    <a:lnTo>
                      <a:pt x="0" y="21"/>
                    </a:lnTo>
                    <a:lnTo>
                      <a:pt x="0" y="21"/>
                    </a:lnTo>
                    <a:lnTo>
                      <a:pt x="0" y="17"/>
                    </a:lnTo>
                    <a:lnTo>
                      <a:pt x="2" y="17"/>
                    </a:lnTo>
                    <a:lnTo>
                      <a:pt x="3" y="15"/>
                    </a:lnTo>
                    <a:lnTo>
                      <a:pt x="5" y="15"/>
                    </a:lnTo>
                    <a:lnTo>
                      <a:pt x="5" y="13"/>
                    </a:lnTo>
                    <a:lnTo>
                      <a:pt x="5" y="13"/>
                    </a:lnTo>
                    <a:lnTo>
                      <a:pt x="5" y="13"/>
                    </a:lnTo>
                    <a:lnTo>
                      <a:pt x="5" y="12"/>
                    </a:lnTo>
                    <a:lnTo>
                      <a:pt x="5" y="12"/>
                    </a:lnTo>
                    <a:lnTo>
                      <a:pt x="5" y="12"/>
                    </a:lnTo>
                    <a:lnTo>
                      <a:pt x="7" y="10"/>
                    </a:lnTo>
                    <a:lnTo>
                      <a:pt x="5" y="4"/>
                    </a:lnTo>
                    <a:lnTo>
                      <a:pt x="5" y="4"/>
                    </a:lnTo>
                    <a:lnTo>
                      <a:pt x="3" y="4"/>
                    </a:lnTo>
                    <a:lnTo>
                      <a:pt x="9" y="2"/>
                    </a:lnTo>
                    <a:lnTo>
                      <a:pt x="9" y="2"/>
                    </a:lnTo>
                    <a:lnTo>
                      <a:pt x="9" y="2"/>
                    </a:lnTo>
                    <a:lnTo>
                      <a:pt x="11" y="0"/>
                    </a:lnTo>
                    <a:lnTo>
                      <a:pt x="11" y="0"/>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sp>
            <p:nvSpPr>
              <p:cNvPr id="87" name="Freeform 202"/>
              <p:cNvSpPr>
                <a:spLocks/>
              </p:cNvSpPr>
              <p:nvPr/>
            </p:nvSpPr>
            <p:spPr bwMode="auto">
              <a:xfrm>
                <a:off x="3638550" y="3109912"/>
                <a:ext cx="55563" cy="61913"/>
              </a:xfrm>
              <a:custGeom>
                <a:avLst/>
                <a:gdLst>
                  <a:gd name="T0" fmla="*/ 35 w 35"/>
                  <a:gd name="T1" fmla="*/ 24 h 39"/>
                  <a:gd name="T2" fmla="*/ 35 w 35"/>
                  <a:gd name="T3" fmla="*/ 24 h 39"/>
                  <a:gd name="T4" fmla="*/ 32 w 35"/>
                  <a:gd name="T5" fmla="*/ 26 h 39"/>
                  <a:gd name="T6" fmla="*/ 30 w 35"/>
                  <a:gd name="T7" fmla="*/ 26 h 39"/>
                  <a:gd name="T8" fmla="*/ 28 w 35"/>
                  <a:gd name="T9" fmla="*/ 26 h 39"/>
                  <a:gd name="T10" fmla="*/ 26 w 35"/>
                  <a:gd name="T11" fmla="*/ 28 h 39"/>
                  <a:gd name="T12" fmla="*/ 22 w 35"/>
                  <a:gd name="T13" fmla="*/ 30 h 39"/>
                  <a:gd name="T14" fmla="*/ 15 w 35"/>
                  <a:gd name="T15" fmla="*/ 35 h 39"/>
                  <a:gd name="T16" fmla="*/ 15 w 35"/>
                  <a:gd name="T17" fmla="*/ 39 h 39"/>
                  <a:gd name="T18" fmla="*/ 9 w 35"/>
                  <a:gd name="T19" fmla="*/ 39 h 39"/>
                  <a:gd name="T20" fmla="*/ 8 w 35"/>
                  <a:gd name="T21" fmla="*/ 33 h 39"/>
                  <a:gd name="T22" fmla="*/ 8 w 35"/>
                  <a:gd name="T23" fmla="*/ 33 h 39"/>
                  <a:gd name="T24" fmla="*/ 6 w 35"/>
                  <a:gd name="T25" fmla="*/ 30 h 39"/>
                  <a:gd name="T26" fmla="*/ 6 w 35"/>
                  <a:gd name="T27" fmla="*/ 24 h 39"/>
                  <a:gd name="T28" fmla="*/ 4 w 35"/>
                  <a:gd name="T29" fmla="*/ 24 h 39"/>
                  <a:gd name="T30" fmla="*/ 2 w 35"/>
                  <a:gd name="T31" fmla="*/ 22 h 39"/>
                  <a:gd name="T32" fmla="*/ 0 w 35"/>
                  <a:gd name="T33" fmla="*/ 18 h 39"/>
                  <a:gd name="T34" fmla="*/ 2 w 35"/>
                  <a:gd name="T35" fmla="*/ 13 h 39"/>
                  <a:gd name="T36" fmla="*/ 2 w 35"/>
                  <a:gd name="T37" fmla="*/ 13 h 39"/>
                  <a:gd name="T38" fmla="*/ 2 w 35"/>
                  <a:gd name="T39" fmla="*/ 7 h 39"/>
                  <a:gd name="T40" fmla="*/ 6 w 35"/>
                  <a:gd name="T41" fmla="*/ 6 h 39"/>
                  <a:gd name="T42" fmla="*/ 8 w 35"/>
                  <a:gd name="T43" fmla="*/ 6 h 39"/>
                  <a:gd name="T44" fmla="*/ 11 w 35"/>
                  <a:gd name="T45" fmla="*/ 4 h 39"/>
                  <a:gd name="T46" fmla="*/ 13 w 35"/>
                  <a:gd name="T47" fmla="*/ 4 h 39"/>
                  <a:gd name="T48" fmla="*/ 17 w 35"/>
                  <a:gd name="T49" fmla="*/ 2 h 39"/>
                  <a:gd name="T50" fmla="*/ 19 w 35"/>
                  <a:gd name="T51" fmla="*/ 2 h 39"/>
                  <a:gd name="T52" fmla="*/ 19 w 35"/>
                  <a:gd name="T53" fmla="*/ 2 h 39"/>
                  <a:gd name="T54" fmla="*/ 19 w 35"/>
                  <a:gd name="T55" fmla="*/ 4 h 39"/>
                  <a:gd name="T56" fmla="*/ 19 w 35"/>
                  <a:gd name="T57" fmla="*/ 4 h 39"/>
                  <a:gd name="T58" fmla="*/ 21 w 35"/>
                  <a:gd name="T59" fmla="*/ 4 h 39"/>
                  <a:gd name="T60" fmla="*/ 21 w 35"/>
                  <a:gd name="T61" fmla="*/ 4 h 39"/>
                  <a:gd name="T62" fmla="*/ 24 w 35"/>
                  <a:gd name="T63" fmla="*/ 2 h 39"/>
                  <a:gd name="T64" fmla="*/ 24 w 35"/>
                  <a:gd name="T65" fmla="*/ 2 h 39"/>
                  <a:gd name="T66" fmla="*/ 26 w 35"/>
                  <a:gd name="T67" fmla="*/ 0 h 39"/>
                  <a:gd name="T68" fmla="*/ 28 w 35"/>
                  <a:gd name="T69" fmla="*/ 0 h 39"/>
                  <a:gd name="T70" fmla="*/ 28 w 35"/>
                  <a:gd name="T71" fmla="*/ 0 h 39"/>
                  <a:gd name="T72" fmla="*/ 30 w 35"/>
                  <a:gd name="T73" fmla="*/ 0 h 39"/>
                  <a:gd name="T74" fmla="*/ 30 w 35"/>
                  <a:gd name="T75" fmla="*/ 0 h 39"/>
                  <a:gd name="T76" fmla="*/ 32 w 35"/>
                  <a:gd name="T77" fmla="*/ 2 h 39"/>
                  <a:gd name="T78" fmla="*/ 32 w 35"/>
                  <a:gd name="T79" fmla="*/ 4 h 39"/>
                  <a:gd name="T80" fmla="*/ 32 w 35"/>
                  <a:gd name="T81" fmla="*/ 6 h 39"/>
                  <a:gd name="T82" fmla="*/ 32 w 35"/>
                  <a:gd name="T83" fmla="*/ 7 h 39"/>
                  <a:gd name="T84" fmla="*/ 32 w 35"/>
                  <a:gd name="T85" fmla="*/ 9 h 39"/>
                  <a:gd name="T86" fmla="*/ 32 w 35"/>
                  <a:gd name="T87" fmla="*/ 9 h 39"/>
                  <a:gd name="T88" fmla="*/ 32 w 35"/>
                  <a:gd name="T89" fmla="*/ 11 h 39"/>
                  <a:gd name="T90" fmla="*/ 32 w 35"/>
                  <a:gd name="T91" fmla="*/ 13 h 39"/>
                  <a:gd name="T92" fmla="*/ 32 w 35"/>
                  <a:gd name="T93" fmla="*/ 15 h 39"/>
                  <a:gd name="T94" fmla="*/ 32 w 35"/>
                  <a:gd name="T95" fmla="*/ 17 h 39"/>
                  <a:gd name="T96" fmla="*/ 32 w 35"/>
                  <a:gd name="T97" fmla="*/ 17 h 39"/>
                  <a:gd name="T98" fmla="*/ 32 w 35"/>
                  <a:gd name="T99" fmla="*/ 17 h 39"/>
                  <a:gd name="T100" fmla="*/ 32 w 35"/>
                  <a:gd name="T101" fmla="*/ 17 h 39"/>
                  <a:gd name="T102" fmla="*/ 32 w 35"/>
                  <a:gd name="T103" fmla="*/ 18 h 39"/>
                  <a:gd name="T104" fmla="*/ 33 w 35"/>
                  <a:gd name="T105" fmla="*/ 20 h 39"/>
                  <a:gd name="T106" fmla="*/ 33 w 35"/>
                  <a:gd name="T107" fmla="*/ 20 h 39"/>
                  <a:gd name="T108" fmla="*/ 35 w 35"/>
                  <a:gd name="T109" fmla="*/ 22 h 39"/>
                  <a:gd name="T110" fmla="*/ 35 w 35"/>
                  <a:gd name="T111" fmla="*/ 22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5" h="39">
                    <a:moveTo>
                      <a:pt x="35" y="22"/>
                    </a:moveTo>
                    <a:lnTo>
                      <a:pt x="35" y="24"/>
                    </a:lnTo>
                    <a:lnTo>
                      <a:pt x="35" y="24"/>
                    </a:lnTo>
                    <a:lnTo>
                      <a:pt x="35" y="24"/>
                    </a:lnTo>
                    <a:lnTo>
                      <a:pt x="35" y="24"/>
                    </a:lnTo>
                    <a:lnTo>
                      <a:pt x="35" y="24"/>
                    </a:lnTo>
                    <a:lnTo>
                      <a:pt x="35" y="24"/>
                    </a:lnTo>
                    <a:lnTo>
                      <a:pt x="32" y="24"/>
                    </a:lnTo>
                    <a:lnTo>
                      <a:pt x="32" y="26"/>
                    </a:lnTo>
                    <a:lnTo>
                      <a:pt x="30" y="24"/>
                    </a:lnTo>
                    <a:lnTo>
                      <a:pt x="30" y="26"/>
                    </a:lnTo>
                    <a:lnTo>
                      <a:pt x="30" y="26"/>
                    </a:lnTo>
                    <a:lnTo>
                      <a:pt x="30" y="26"/>
                    </a:lnTo>
                    <a:lnTo>
                      <a:pt x="28" y="26"/>
                    </a:lnTo>
                    <a:lnTo>
                      <a:pt x="28" y="26"/>
                    </a:lnTo>
                    <a:lnTo>
                      <a:pt x="28" y="26"/>
                    </a:lnTo>
                    <a:lnTo>
                      <a:pt x="28" y="28"/>
                    </a:lnTo>
                    <a:lnTo>
                      <a:pt x="26" y="28"/>
                    </a:lnTo>
                    <a:lnTo>
                      <a:pt x="24" y="28"/>
                    </a:lnTo>
                    <a:lnTo>
                      <a:pt x="22" y="28"/>
                    </a:lnTo>
                    <a:lnTo>
                      <a:pt x="22" y="30"/>
                    </a:lnTo>
                    <a:lnTo>
                      <a:pt x="21" y="30"/>
                    </a:lnTo>
                    <a:lnTo>
                      <a:pt x="19" y="31"/>
                    </a:lnTo>
                    <a:lnTo>
                      <a:pt x="15" y="35"/>
                    </a:lnTo>
                    <a:lnTo>
                      <a:pt x="13" y="37"/>
                    </a:lnTo>
                    <a:lnTo>
                      <a:pt x="15" y="37"/>
                    </a:lnTo>
                    <a:lnTo>
                      <a:pt x="15" y="39"/>
                    </a:lnTo>
                    <a:lnTo>
                      <a:pt x="13" y="39"/>
                    </a:lnTo>
                    <a:lnTo>
                      <a:pt x="11" y="39"/>
                    </a:lnTo>
                    <a:lnTo>
                      <a:pt x="9" y="39"/>
                    </a:lnTo>
                    <a:lnTo>
                      <a:pt x="8" y="35"/>
                    </a:lnTo>
                    <a:lnTo>
                      <a:pt x="8" y="33"/>
                    </a:lnTo>
                    <a:lnTo>
                      <a:pt x="8" y="33"/>
                    </a:lnTo>
                    <a:lnTo>
                      <a:pt x="8" y="33"/>
                    </a:lnTo>
                    <a:lnTo>
                      <a:pt x="8" y="33"/>
                    </a:lnTo>
                    <a:lnTo>
                      <a:pt x="8" y="33"/>
                    </a:lnTo>
                    <a:lnTo>
                      <a:pt x="8" y="31"/>
                    </a:lnTo>
                    <a:lnTo>
                      <a:pt x="6" y="30"/>
                    </a:lnTo>
                    <a:lnTo>
                      <a:pt x="6" y="30"/>
                    </a:lnTo>
                    <a:lnTo>
                      <a:pt x="8" y="30"/>
                    </a:lnTo>
                    <a:lnTo>
                      <a:pt x="8" y="28"/>
                    </a:lnTo>
                    <a:lnTo>
                      <a:pt x="6" y="24"/>
                    </a:lnTo>
                    <a:lnTo>
                      <a:pt x="6" y="24"/>
                    </a:lnTo>
                    <a:lnTo>
                      <a:pt x="6" y="24"/>
                    </a:lnTo>
                    <a:lnTo>
                      <a:pt x="4" y="24"/>
                    </a:lnTo>
                    <a:lnTo>
                      <a:pt x="4" y="24"/>
                    </a:lnTo>
                    <a:lnTo>
                      <a:pt x="4" y="22"/>
                    </a:lnTo>
                    <a:lnTo>
                      <a:pt x="2" y="22"/>
                    </a:lnTo>
                    <a:lnTo>
                      <a:pt x="2" y="20"/>
                    </a:lnTo>
                    <a:lnTo>
                      <a:pt x="2" y="20"/>
                    </a:lnTo>
                    <a:lnTo>
                      <a:pt x="0" y="18"/>
                    </a:lnTo>
                    <a:lnTo>
                      <a:pt x="0" y="18"/>
                    </a:lnTo>
                    <a:lnTo>
                      <a:pt x="0" y="18"/>
                    </a:lnTo>
                    <a:lnTo>
                      <a:pt x="2" y="13"/>
                    </a:lnTo>
                    <a:lnTo>
                      <a:pt x="2" y="13"/>
                    </a:lnTo>
                    <a:lnTo>
                      <a:pt x="2" y="13"/>
                    </a:lnTo>
                    <a:lnTo>
                      <a:pt x="2" y="13"/>
                    </a:lnTo>
                    <a:lnTo>
                      <a:pt x="2" y="11"/>
                    </a:lnTo>
                    <a:lnTo>
                      <a:pt x="2" y="7"/>
                    </a:lnTo>
                    <a:lnTo>
                      <a:pt x="2" y="7"/>
                    </a:lnTo>
                    <a:lnTo>
                      <a:pt x="4" y="7"/>
                    </a:lnTo>
                    <a:lnTo>
                      <a:pt x="6" y="6"/>
                    </a:lnTo>
                    <a:lnTo>
                      <a:pt x="6" y="6"/>
                    </a:lnTo>
                    <a:lnTo>
                      <a:pt x="8" y="6"/>
                    </a:lnTo>
                    <a:lnTo>
                      <a:pt x="8" y="6"/>
                    </a:lnTo>
                    <a:lnTo>
                      <a:pt x="8" y="6"/>
                    </a:lnTo>
                    <a:lnTo>
                      <a:pt x="9" y="6"/>
                    </a:lnTo>
                    <a:lnTo>
                      <a:pt x="9" y="4"/>
                    </a:lnTo>
                    <a:lnTo>
                      <a:pt x="11" y="4"/>
                    </a:lnTo>
                    <a:lnTo>
                      <a:pt x="11" y="4"/>
                    </a:lnTo>
                    <a:lnTo>
                      <a:pt x="13" y="4"/>
                    </a:lnTo>
                    <a:lnTo>
                      <a:pt x="13" y="4"/>
                    </a:lnTo>
                    <a:lnTo>
                      <a:pt x="13" y="4"/>
                    </a:lnTo>
                    <a:lnTo>
                      <a:pt x="15" y="2"/>
                    </a:lnTo>
                    <a:lnTo>
                      <a:pt x="17" y="2"/>
                    </a:lnTo>
                    <a:lnTo>
                      <a:pt x="19" y="2"/>
                    </a:lnTo>
                    <a:lnTo>
                      <a:pt x="19" y="2"/>
                    </a:lnTo>
                    <a:lnTo>
                      <a:pt x="19" y="2"/>
                    </a:lnTo>
                    <a:lnTo>
                      <a:pt x="19" y="2"/>
                    </a:lnTo>
                    <a:lnTo>
                      <a:pt x="19" y="2"/>
                    </a:lnTo>
                    <a:lnTo>
                      <a:pt x="19" y="2"/>
                    </a:lnTo>
                    <a:lnTo>
                      <a:pt x="19" y="4"/>
                    </a:lnTo>
                    <a:lnTo>
                      <a:pt x="19" y="4"/>
                    </a:lnTo>
                    <a:lnTo>
                      <a:pt x="19" y="4"/>
                    </a:lnTo>
                    <a:lnTo>
                      <a:pt x="19" y="4"/>
                    </a:lnTo>
                    <a:lnTo>
                      <a:pt x="19" y="4"/>
                    </a:lnTo>
                    <a:lnTo>
                      <a:pt x="19" y="4"/>
                    </a:lnTo>
                    <a:lnTo>
                      <a:pt x="19" y="4"/>
                    </a:lnTo>
                    <a:lnTo>
                      <a:pt x="21" y="4"/>
                    </a:lnTo>
                    <a:lnTo>
                      <a:pt x="21" y="4"/>
                    </a:lnTo>
                    <a:lnTo>
                      <a:pt x="21" y="4"/>
                    </a:lnTo>
                    <a:lnTo>
                      <a:pt x="21" y="4"/>
                    </a:lnTo>
                    <a:lnTo>
                      <a:pt x="21" y="4"/>
                    </a:lnTo>
                    <a:lnTo>
                      <a:pt x="21" y="4"/>
                    </a:lnTo>
                    <a:lnTo>
                      <a:pt x="21" y="4"/>
                    </a:lnTo>
                    <a:lnTo>
                      <a:pt x="24" y="2"/>
                    </a:lnTo>
                    <a:lnTo>
                      <a:pt x="24" y="2"/>
                    </a:lnTo>
                    <a:lnTo>
                      <a:pt x="24" y="2"/>
                    </a:lnTo>
                    <a:lnTo>
                      <a:pt x="24" y="2"/>
                    </a:lnTo>
                    <a:lnTo>
                      <a:pt x="24" y="2"/>
                    </a:lnTo>
                    <a:lnTo>
                      <a:pt x="24" y="2"/>
                    </a:lnTo>
                    <a:lnTo>
                      <a:pt x="26" y="0"/>
                    </a:lnTo>
                    <a:lnTo>
                      <a:pt x="26" y="0"/>
                    </a:lnTo>
                    <a:lnTo>
                      <a:pt x="26" y="2"/>
                    </a:lnTo>
                    <a:lnTo>
                      <a:pt x="28" y="0"/>
                    </a:lnTo>
                    <a:lnTo>
                      <a:pt x="28" y="0"/>
                    </a:lnTo>
                    <a:lnTo>
                      <a:pt x="28" y="0"/>
                    </a:lnTo>
                    <a:lnTo>
                      <a:pt x="28" y="0"/>
                    </a:lnTo>
                    <a:lnTo>
                      <a:pt x="30" y="0"/>
                    </a:lnTo>
                    <a:lnTo>
                      <a:pt x="30" y="0"/>
                    </a:lnTo>
                    <a:lnTo>
                      <a:pt x="30" y="0"/>
                    </a:lnTo>
                    <a:lnTo>
                      <a:pt x="30" y="0"/>
                    </a:lnTo>
                    <a:lnTo>
                      <a:pt x="30" y="0"/>
                    </a:lnTo>
                    <a:lnTo>
                      <a:pt x="30" y="0"/>
                    </a:lnTo>
                    <a:lnTo>
                      <a:pt x="30" y="2"/>
                    </a:lnTo>
                    <a:lnTo>
                      <a:pt x="30" y="2"/>
                    </a:lnTo>
                    <a:lnTo>
                      <a:pt x="32" y="2"/>
                    </a:lnTo>
                    <a:lnTo>
                      <a:pt x="32" y="2"/>
                    </a:lnTo>
                    <a:lnTo>
                      <a:pt x="32" y="2"/>
                    </a:lnTo>
                    <a:lnTo>
                      <a:pt x="32" y="4"/>
                    </a:lnTo>
                    <a:lnTo>
                      <a:pt x="32" y="4"/>
                    </a:lnTo>
                    <a:lnTo>
                      <a:pt x="32" y="4"/>
                    </a:lnTo>
                    <a:lnTo>
                      <a:pt x="32" y="6"/>
                    </a:lnTo>
                    <a:lnTo>
                      <a:pt x="32" y="6"/>
                    </a:lnTo>
                    <a:lnTo>
                      <a:pt x="32" y="7"/>
                    </a:lnTo>
                    <a:lnTo>
                      <a:pt x="32" y="7"/>
                    </a:lnTo>
                    <a:lnTo>
                      <a:pt x="32" y="9"/>
                    </a:lnTo>
                    <a:lnTo>
                      <a:pt x="32" y="9"/>
                    </a:lnTo>
                    <a:lnTo>
                      <a:pt x="32" y="9"/>
                    </a:lnTo>
                    <a:lnTo>
                      <a:pt x="32" y="9"/>
                    </a:lnTo>
                    <a:lnTo>
                      <a:pt x="32" y="9"/>
                    </a:lnTo>
                    <a:lnTo>
                      <a:pt x="32" y="9"/>
                    </a:lnTo>
                    <a:lnTo>
                      <a:pt x="32" y="11"/>
                    </a:lnTo>
                    <a:lnTo>
                      <a:pt x="32" y="11"/>
                    </a:lnTo>
                    <a:lnTo>
                      <a:pt x="32" y="11"/>
                    </a:lnTo>
                    <a:lnTo>
                      <a:pt x="32" y="13"/>
                    </a:lnTo>
                    <a:lnTo>
                      <a:pt x="32" y="13"/>
                    </a:lnTo>
                    <a:lnTo>
                      <a:pt x="32" y="13"/>
                    </a:lnTo>
                    <a:lnTo>
                      <a:pt x="32" y="13"/>
                    </a:lnTo>
                    <a:lnTo>
                      <a:pt x="32" y="15"/>
                    </a:lnTo>
                    <a:lnTo>
                      <a:pt x="32" y="15"/>
                    </a:lnTo>
                    <a:lnTo>
                      <a:pt x="32" y="15"/>
                    </a:lnTo>
                    <a:lnTo>
                      <a:pt x="32" y="15"/>
                    </a:lnTo>
                    <a:lnTo>
                      <a:pt x="32" y="17"/>
                    </a:lnTo>
                    <a:lnTo>
                      <a:pt x="32" y="17"/>
                    </a:lnTo>
                    <a:lnTo>
                      <a:pt x="32" y="17"/>
                    </a:lnTo>
                    <a:lnTo>
                      <a:pt x="32" y="17"/>
                    </a:lnTo>
                    <a:lnTo>
                      <a:pt x="32" y="17"/>
                    </a:lnTo>
                    <a:lnTo>
                      <a:pt x="32" y="17"/>
                    </a:lnTo>
                    <a:lnTo>
                      <a:pt x="32" y="17"/>
                    </a:lnTo>
                    <a:lnTo>
                      <a:pt x="32" y="17"/>
                    </a:lnTo>
                    <a:lnTo>
                      <a:pt x="32" y="17"/>
                    </a:lnTo>
                    <a:lnTo>
                      <a:pt x="32" y="17"/>
                    </a:lnTo>
                    <a:lnTo>
                      <a:pt x="32" y="18"/>
                    </a:lnTo>
                    <a:lnTo>
                      <a:pt x="32" y="18"/>
                    </a:lnTo>
                    <a:lnTo>
                      <a:pt x="32" y="18"/>
                    </a:lnTo>
                    <a:lnTo>
                      <a:pt x="32" y="18"/>
                    </a:lnTo>
                    <a:lnTo>
                      <a:pt x="33" y="18"/>
                    </a:lnTo>
                    <a:lnTo>
                      <a:pt x="33" y="20"/>
                    </a:lnTo>
                    <a:lnTo>
                      <a:pt x="33" y="20"/>
                    </a:lnTo>
                    <a:lnTo>
                      <a:pt x="33" y="20"/>
                    </a:lnTo>
                    <a:lnTo>
                      <a:pt x="33" y="20"/>
                    </a:lnTo>
                    <a:lnTo>
                      <a:pt x="33" y="20"/>
                    </a:lnTo>
                    <a:lnTo>
                      <a:pt x="33" y="22"/>
                    </a:lnTo>
                    <a:lnTo>
                      <a:pt x="35" y="22"/>
                    </a:lnTo>
                    <a:lnTo>
                      <a:pt x="35" y="22"/>
                    </a:lnTo>
                    <a:lnTo>
                      <a:pt x="35" y="22"/>
                    </a:lnTo>
                    <a:lnTo>
                      <a:pt x="35" y="22"/>
                    </a:lnTo>
                    <a:close/>
                  </a:path>
                </a:pathLst>
              </a:custGeom>
              <a:solidFill>
                <a:srgbClr val="FFFF00">
                  <a:alpha val="60000"/>
                </a:srgbClr>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p>
            </p:txBody>
          </p:sp>
        </p:grpSp>
        <p:sp>
          <p:nvSpPr>
            <p:cNvPr id="98" name="Textfeld 97"/>
            <p:cNvSpPr txBox="1"/>
            <p:nvPr/>
          </p:nvSpPr>
          <p:spPr>
            <a:xfrm>
              <a:off x="4918946" y="2565485"/>
              <a:ext cx="269304"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AG</a:t>
              </a:r>
            </a:p>
          </p:txBody>
        </p:sp>
        <p:sp>
          <p:nvSpPr>
            <p:cNvPr id="99" name="Textfeld 98"/>
            <p:cNvSpPr txBox="1"/>
            <p:nvPr/>
          </p:nvSpPr>
          <p:spPr>
            <a:xfrm>
              <a:off x="5617747" y="2556155"/>
              <a:ext cx="239381"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ZH</a:t>
              </a:r>
            </a:p>
          </p:txBody>
        </p:sp>
        <p:sp>
          <p:nvSpPr>
            <p:cNvPr id="132" name="Textfeld 131"/>
            <p:cNvSpPr txBox="1"/>
            <p:nvPr/>
          </p:nvSpPr>
          <p:spPr>
            <a:xfrm>
              <a:off x="4850429" y="3289011"/>
              <a:ext cx="239381"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LU</a:t>
              </a:r>
            </a:p>
          </p:txBody>
        </p:sp>
        <p:sp>
          <p:nvSpPr>
            <p:cNvPr id="133" name="Textfeld 132"/>
            <p:cNvSpPr txBox="1"/>
            <p:nvPr/>
          </p:nvSpPr>
          <p:spPr>
            <a:xfrm>
              <a:off x="4438779" y="2561737"/>
              <a:ext cx="239381"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BL</a:t>
              </a:r>
            </a:p>
          </p:txBody>
        </p:sp>
        <p:sp>
          <p:nvSpPr>
            <p:cNvPr id="134" name="Textfeld 133"/>
            <p:cNvSpPr txBox="1"/>
            <p:nvPr/>
          </p:nvSpPr>
          <p:spPr>
            <a:xfrm>
              <a:off x="4139951" y="2780929"/>
              <a:ext cx="258619"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SO</a:t>
              </a:r>
            </a:p>
          </p:txBody>
        </p:sp>
        <p:sp>
          <p:nvSpPr>
            <p:cNvPr id="136" name="Textfeld 135"/>
            <p:cNvSpPr txBox="1"/>
            <p:nvPr/>
          </p:nvSpPr>
          <p:spPr>
            <a:xfrm>
              <a:off x="4177915" y="3933637"/>
              <a:ext cx="250069"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BE</a:t>
              </a:r>
            </a:p>
          </p:txBody>
        </p:sp>
        <p:sp>
          <p:nvSpPr>
            <p:cNvPr id="137" name="Textfeld 136"/>
            <p:cNvSpPr txBox="1"/>
            <p:nvPr/>
          </p:nvSpPr>
          <p:spPr>
            <a:xfrm>
              <a:off x="5272579" y="3600015"/>
              <a:ext cx="299227"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NW</a:t>
              </a:r>
            </a:p>
          </p:txBody>
        </p:sp>
        <p:sp>
          <p:nvSpPr>
            <p:cNvPr id="138" name="Textfeld 137"/>
            <p:cNvSpPr txBox="1"/>
            <p:nvPr/>
          </p:nvSpPr>
          <p:spPr>
            <a:xfrm>
              <a:off x="4963431" y="3798354"/>
              <a:ext cx="307776"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OW</a:t>
              </a:r>
            </a:p>
          </p:txBody>
        </p:sp>
        <p:sp>
          <p:nvSpPr>
            <p:cNvPr id="139" name="Textfeld 138"/>
            <p:cNvSpPr txBox="1"/>
            <p:nvPr/>
          </p:nvSpPr>
          <p:spPr>
            <a:xfrm>
              <a:off x="5598403" y="3900593"/>
              <a:ext cx="260755"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UR</a:t>
              </a:r>
            </a:p>
          </p:txBody>
        </p:sp>
        <p:sp>
          <p:nvSpPr>
            <p:cNvPr id="142" name="Textfeld 141"/>
            <p:cNvSpPr txBox="1"/>
            <p:nvPr/>
          </p:nvSpPr>
          <p:spPr>
            <a:xfrm>
              <a:off x="5896886" y="4886788"/>
              <a:ext cx="158163"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TI</a:t>
              </a:r>
            </a:p>
          </p:txBody>
        </p:sp>
        <p:sp>
          <p:nvSpPr>
            <p:cNvPr id="144" name="Textfeld 143"/>
            <p:cNvSpPr txBox="1"/>
            <p:nvPr/>
          </p:nvSpPr>
          <p:spPr>
            <a:xfrm>
              <a:off x="3444843" y="2705925"/>
              <a:ext cx="230832"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JU</a:t>
              </a:r>
            </a:p>
          </p:txBody>
        </p:sp>
        <p:sp>
          <p:nvSpPr>
            <p:cNvPr id="148" name="Textfeld 147"/>
            <p:cNvSpPr txBox="1"/>
            <p:nvPr/>
          </p:nvSpPr>
          <p:spPr>
            <a:xfrm>
              <a:off x="7067980" y="4094839"/>
              <a:ext cx="269304"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GR</a:t>
              </a:r>
            </a:p>
          </p:txBody>
        </p:sp>
        <p:sp>
          <p:nvSpPr>
            <p:cNvPr id="149" name="Textfeld 148"/>
            <p:cNvSpPr txBox="1"/>
            <p:nvPr/>
          </p:nvSpPr>
          <p:spPr>
            <a:xfrm>
              <a:off x="6143328" y="2220654"/>
              <a:ext cx="247931"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TG</a:t>
              </a:r>
            </a:p>
          </p:txBody>
        </p:sp>
        <p:sp>
          <p:nvSpPr>
            <p:cNvPr id="150" name="Textfeld 149"/>
            <p:cNvSpPr txBox="1"/>
            <p:nvPr/>
          </p:nvSpPr>
          <p:spPr>
            <a:xfrm>
              <a:off x="6730064" y="2807043"/>
              <a:ext cx="179536"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AI</a:t>
              </a:r>
            </a:p>
          </p:txBody>
        </p:sp>
        <p:sp>
          <p:nvSpPr>
            <p:cNvPr id="151" name="Textfeld 150"/>
            <p:cNvSpPr txBox="1"/>
            <p:nvPr/>
          </p:nvSpPr>
          <p:spPr>
            <a:xfrm>
              <a:off x="6470953" y="2708461"/>
              <a:ext cx="260755"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AR</a:t>
              </a:r>
            </a:p>
          </p:txBody>
        </p:sp>
        <p:sp>
          <p:nvSpPr>
            <p:cNvPr id="152" name="Textfeld 151"/>
            <p:cNvSpPr txBox="1"/>
            <p:nvPr/>
          </p:nvSpPr>
          <p:spPr>
            <a:xfrm>
              <a:off x="6557525" y="3135866"/>
              <a:ext cx="258619"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SG</a:t>
              </a:r>
            </a:p>
          </p:txBody>
        </p:sp>
        <p:sp>
          <p:nvSpPr>
            <p:cNvPr id="153" name="Textfeld 152"/>
            <p:cNvSpPr txBox="1"/>
            <p:nvPr/>
          </p:nvSpPr>
          <p:spPr>
            <a:xfrm>
              <a:off x="6226901" y="3492965"/>
              <a:ext cx="247931" cy="215444"/>
            </a:xfrm>
            <a:prstGeom prst="rect">
              <a:avLst/>
            </a:prstGeom>
            <a:noFill/>
          </p:spPr>
          <p:txBody>
            <a:bodyPr wrap="none" lIns="0" tIns="0" rIns="0" bIns="0" rtlCol="0">
              <a:spAutoFit/>
            </a:bodyPr>
            <a:lstStyle/>
            <a:p>
              <a:r>
                <a:rPr lang="es-419" sz="1050" b="1" dirty="0">
                  <a:solidFill>
                    <a:schemeClr val="tx1">
                      <a:lumMod val="50000"/>
                      <a:lumOff val="50000"/>
                    </a:schemeClr>
                  </a:solidFill>
                </a:rPr>
                <a:t>GL</a:t>
              </a:r>
            </a:p>
          </p:txBody>
        </p:sp>
      </p:grpSp>
      <p:grpSp>
        <p:nvGrpSpPr>
          <p:cNvPr id="103" name="Gruppieren 102"/>
          <p:cNvGrpSpPr/>
          <p:nvPr/>
        </p:nvGrpSpPr>
        <p:grpSpPr>
          <a:xfrm>
            <a:off x="3670790" y="1810367"/>
            <a:ext cx="3279068" cy="1666807"/>
            <a:chOff x="2725870" y="2444175"/>
            <a:chExt cx="4372090" cy="2222409"/>
          </a:xfrm>
        </p:grpSpPr>
        <p:sp>
          <p:nvSpPr>
            <p:cNvPr id="104" name="Ellipse 103"/>
            <p:cNvSpPr/>
            <p:nvPr/>
          </p:nvSpPr>
          <p:spPr bwMode="auto">
            <a:xfrm>
              <a:off x="5436096" y="2707272"/>
              <a:ext cx="149696" cy="149696"/>
            </a:xfrm>
            <a:prstGeom prst="ellipse">
              <a:avLst/>
            </a:prstGeom>
            <a:solidFill>
              <a:srgbClr val="800080">
                <a:alpha val="60000"/>
              </a:srgb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05" name="Ellipse 104"/>
            <p:cNvSpPr/>
            <p:nvPr/>
          </p:nvSpPr>
          <p:spPr bwMode="auto">
            <a:xfrm>
              <a:off x="5575864" y="2979774"/>
              <a:ext cx="149696" cy="149696"/>
            </a:xfrm>
            <a:prstGeom prst="ellipse">
              <a:avLst/>
            </a:prstGeom>
            <a:solidFill>
              <a:srgbClr val="800080">
                <a:alpha val="60000"/>
              </a:srgb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06" name="Ellipse 105"/>
            <p:cNvSpPr/>
            <p:nvPr/>
          </p:nvSpPr>
          <p:spPr bwMode="auto">
            <a:xfrm>
              <a:off x="5726498" y="2444175"/>
              <a:ext cx="149696" cy="149696"/>
            </a:xfrm>
            <a:prstGeom prst="ellipse">
              <a:avLst/>
            </a:prstGeom>
            <a:solidFill>
              <a:srgbClr val="800080">
                <a:alpha val="60000"/>
              </a:srgb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07" name="Ellipse 106"/>
            <p:cNvSpPr/>
            <p:nvPr/>
          </p:nvSpPr>
          <p:spPr bwMode="auto">
            <a:xfrm>
              <a:off x="5473261" y="2875973"/>
              <a:ext cx="149696" cy="149696"/>
            </a:xfrm>
            <a:prstGeom prst="ellipse">
              <a:avLst/>
            </a:prstGeom>
            <a:solidFill>
              <a:srgbClr val="800080">
                <a:alpha val="60000"/>
              </a:srgb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08" name="Ellipse 107"/>
            <p:cNvSpPr/>
            <p:nvPr/>
          </p:nvSpPr>
          <p:spPr bwMode="auto">
            <a:xfrm>
              <a:off x="6948264" y="3771923"/>
              <a:ext cx="149696" cy="149696"/>
            </a:xfrm>
            <a:prstGeom prst="ellipse">
              <a:avLst/>
            </a:prstGeom>
            <a:solidFill>
              <a:srgbClr val="800080">
                <a:alpha val="60000"/>
              </a:srgb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09" name="Ellipse 108"/>
            <p:cNvSpPr/>
            <p:nvPr/>
          </p:nvSpPr>
          <p:spPr bwMode="auto">
            <a:xfrm>
              <a:off x="3895827" y="3596176"/>
              <a:ext cx="149696" cy="149696"/>
            </a:xfrm>
            <a:prstGeom prst="ellipse">
              <a:avLst/>
            </a:prstGeom>
            <a:solidFill>
              <a:srgbClr val="800080">
                <a:alpha val="60000"/>
              </a:srgb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10" name="Ellipse 109"/>
            <p:cNvSpPr/>
            <p:nvPr/>
          </p:nvSpPr>
          <p:spPr bwMode="auto">
            <a:xfrm>
              <a:off x="3613101" y="3261702"/>
              <a:ext cx="149696" cy="149696"/>
            </a:xfrm>
            <a:prstGeom prst="ellipse">
              <a:avLst/>
            </a:prstGeom>
            <a:solidFill>
              <a:srgbClr val="800080">
                <a:alpha val="60000"/>
              </a:srgb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11" name="Ellipse 110"/>
            <p:cNvSpPr/>
            <p:nvPr/>
          </p:nvSpPr>
          <p:spPr bwMode="auto">
            <a:xfrm>
              <a:off x="2725870" y="4516888"/>
              <a:ext cx="149696" cy="149696"/>
            </a:xfrm>
            <a:prstGeom prst="ellipse">
              <a:avLst/>
            </a:prstGeom>
            <a:solidFill>
              <a:srgbClr val="800080">
                <a:alpha val="60000"/>
              </a:srgb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12" name="Ellipse 111"/>
            <p:cNvSpPr/>
            <p:nvPr/>
          </p:nvSpPr>
          <p:spPr bwMode="auto">
            <a:xfrm>
              <a:off x="6681156" y="2566222"/>
              <a:ext cx="149696" cy="149696"/>
            </a:xfrm>
            <a:prstGeom prst="ellipse">
              <a:avLst/>
            </a:prstGeom>
            <a:solidFill>
              <a:srgbClr val="800080">
                <a:alpha val="60000"/>
              </a:srgb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13" name="Ellipse 112"/>
            <p:cNvSpPr/>
            <p:nvPr/>
          </p:nvSpPr>
          <p:spPr bwMode="auto">
            <a:xfrm>
              <a:off x="5673480" y="2916208"/>
              <a:ext cx="149696" cy="149696"/>
            </a:xfrm>
            <a:prstGeom prst="ellipse">
              <a:avLst/>
            </a:prstGeom>
            <a:solidFill>
              <a:srgbClr val="800080">
                <a:alpha val="60000"/>
              </a:srgb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14" name="Ellipse 113"/>
            <p:cNvSpPr/>
            <p:nvPr/>
          </p:nvSpPr>
          <p:spPr bwMode="auto">
            <a:xfrm>
              <a:off x="5767816" y="2802857"/>
              <a:ext cx="149696" cy="149696"/>
            </a:xfrm>
            <a:prstGeom prst="ellipse">
              <a:avLst/>
            </a:prstGeom>
            <a:solidFill>
              <a:srgbClr val="800080">
                <a:alpha val="60000"/>
              </a:srgb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grpSp>
      <p:sp>
        <p:nvSpPr>
          <p:cNvPr id="97" name="Freeform 181"/>
          <p:cNvSpPr>
            <a:spLocks/>
          </p:cNvSpPr>
          <p:nvPr/>
        </p:nvSpPr>
        <p:spPr bwMode="auto">
          <a:xfrm>
            <a:off x="6682536" y="2029092"/>
            <a:ext cx="1564" cy="1564"/>
          </a:xfrm>
          <a:custGeom>
            <a:avLst/>
            <a:gdLst>
              <a:gd name="T0" fmla="*/ 0 w 2"/>
              <a:gd name="T1" fmla="*/ 0 h 2"/>
              <a:gd name="T2" fmla="*/ 0 w 2"/>
              <a:gd name="T3" fmla="*/ 0 h 2"/>
              <a:gd name="T4" fmla="*/ 0 w 2"/>
              <a:gd name="T5" fmla="*/ 0 h 2"/>
              <a:gd name="T6" fmla="*/ 0 w 2"/>
              <a:gd name="T7" fmla="*/ 0 h 2"/>
              <a:gd name="T8" fmla="*/ 2 w 2"/>
              <a:gd name="T9" fmla="*/ 2 h 2"/>
              <a:gd name="T10" fmla="*/ 0 w 2"/>
              <a:gd name="T11" fmla="*/ 2 h 2"/>
              <a:gd name="T12" fmla="*/ 0 w 2"/>
              <a:gd name="T13" fmla="*/ 2 h 2"/>
              <a:gd name="T14" fmla="*/ 0 w 2"/>
              <a:gd name="T15" fmla="*/ 2 h 2"/>
              <a:gd name="T16" fmla="*/ 0 w 2"/>
              <a:gd name="T17" fmla="*/ 0 h 2"/>
              <a:gd name="T18" fmla="*/ 0 w 2"/>
              <a:gd name="T19" fmla="*/ 0 h 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 h="2">
                <a:moveTo>
                  <a:pt x="0" y="0"/>
                </a:moveTo>
                <a:lnTo>
                  <a:pt x="0" y="0"/>
                </a:lnTo>
                <a:lnTo>
                  <a:pt x="0" y="0"/>
                </a:lnTo>
                <a:lnTo>
                  <a:pt x="0" y="0"/>
                </a:lnTo>
                <a:lnTo>
                  <a:pt x="2" y="2"/>
                </a:lnTo>
                <a:lnTo>
                  <a:pt x="0" y="2"/>
                </a:lnTo>
                <a:lnTo>
                  <a:pt x="0" y="2"/>
                </a:lnTo>
                <a:lnTo>
                  <a:pt x="0" y="2"/>
                </a:lnTo>
                <a:lnTo>
                  <a:pt x="0" y="0"/>
                </a:lnTo>
                <a:lnTo>
                  <a:pt x="0" y="0"/>
                </a:lnTo>
                <a:close/>
              </a:path>
            </a:pathLst>
          </a:custGeom>
          <a:solidFill>
            <a:srgbClr val="C9F2D0"/>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s-419" sz="1013" dirty="0">
              <a:solidFill>
                <a:schemeClr val="tx1">
                  <a:lumMod val="50000"/>
                  <a:lumOff val="50000"/>
                </a:schemeClr>
              </a:solidFill>
            </a:endParaRPr>
          </a:p>
        </p:txBody>
      </p:sp>
      <p:grpSp>
        <p:nvGrpSpPr>
          <p:cNvPr id="7" name="Gruppieren 6"/>
          <p:cNvGrpSpPr/>
          <p:nvPr/>
        </p:nvGrpSpPr>
        <p:grpSpPr>
          <a:xfrm>
            <a:off x="1389621" y="1686148"/>
            <a:ext cx="1990951" cy="310967"/>
            <a:chOff x="328828" y="2191920"/>
            <a:chExt cx="2654601" cy="414622"/>
          </a:xfrm>
        </p:grpSpPr>
        <p:sp>
          <p:nvSpPr>
            <p:cNvPr id="130" name="Rechteck 129"/>
            <p:cNvSpPr/>
            <p:nvPr/>
          </p:nvSpPr>
          <p:spPr bwMode="auto">
            <a:xfrm>
              <a:off x="328828" y="2327223"/>
              <a:ext cx="216024" cy="144016"/>
            </a:xfrm>
            <a:prstGeom prst="rect">
              <a:avLst/>
            </a:prstGeom>
            <a:solidFill>
              <a:srgbClr val="FFFF00"/>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19" name="Inhaltsplatzhalter 4"/>
            <p:cNvSpPr txBox="1">
              <a:spLocks/>
            </p:cNvSpPr>
            <p:nvPr/>
          </p:nvSpPr>
          <p:spPr bwMode="auto">
            <a:xfrm>
              <a:off x="662365" y="2191920"/>
              <a:ext cx="2321064" cy="41462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ctr" anchorCtr="0" compatLnSpc="1">
              <a:prstTxWarp prst="textNoShape">
                <a:avLst/>
              </a:prstTxWarp>
            </a:bodyPr>
            <a:lstStyle>
              <a:lvl1pPr marL="342900" indent="-3429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1pPr>
              <a:lvl2pPr marL="742950" indent="-28575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2pPr>
              <a:lvl3pPr marL="11430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3pPr>
              <a:lvl4pPr marL="16002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4pPr>
              <a:lvl5pPr marL="20574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5pPr>
              <a:lvl6pPr marL="2514600" indent="-228600" algn="l" rtl="0" eaLnBrk="1" fontAlgn="base" hangingPunct="1">
                <a:spcBef>
                  <a:spcPct val="20000"/>
                </a:spcBef>
                <a:spcAft>
                  <a:spcPct val="0"/>
                </a:spcAft>
                <a:buChar char="»"/>
                <a:defRPr sz="2000">
                  <a:solidFill>
                    <a:schemeClr val="tx1"/>
                  </a:solidFill>
                  <a:latin typeface="+mn-lt"/>
                  <a:ea typeface="+mn-ea"/>
                </a:defRPr>
              </a:lvl6pPr>
              <a:lvl7pPr marL="2971800" indent="-228600" algn="l" rtl="0" eaLnBrk="1" fontAlgn="base" hangingPunct="1">
                <a:spcBef>
                  <a:spcPct val="20000"/>
                </a:spcBef>
                <a:spcAft>
                  <a:spcPct val="0"/>
                </a:spcAft>
                <a:buChar char="»"/>
                <a:defRPr sz="2000">
                  <a:solidFill>
                    <a:schemeClr val="tx1"/>
                  </a:solidFill>
                  <a:latin typeface="+mn-lt"/>
                  <a:ea typeface="+mn-ea"/>
                </a:defRPr>
              </a:lvl7pPr>
              <a:lvl8pPr marL="3429000" indent="-228600" algn="l" rtl="0" eaLnBrk="1" fontAlgn="base" hangingPunct="1">
                <a:spcBef>
                  <a:spcPct val="20000"/>
                </a:spcBef>
                <a:spcAft>
                  <a:spcPct val="0"/>
                </a:spcAft>
                <a:buChar char="»"/>
                <a:defRPr sz="2000">
                  <a:solidFill>
                    <a:schemeClr val="tx1"/>
                  </a:solidFill>
                  <a:latin typeface="+mn-lt"/>
                  <a:ea typeface="+mn-ea"/>
                </a:defRPr>
              </a:lvl8pPr>
              <a:lvl9pPr marL="3886200" indent="-228600" algn="l" rtl="0" eaLnBrk="1" fontAlgn="base" hangingPunct="1">
                <a:spcBef>
                  <a:spcPct val="20000"/>
                </a:spcBef>
                <a:spcAft>
                  <a:spcPct val="0"/>
                </a:spcAft>
                <a:buChar char="»"/>
                <a:defRPr sz="2000">
                  <a:solidFill>
                    <a:schemeClr val="tx1"/>
                  </a:solidFill>
                  <a:latin typeface="+mn-lt"/>
                  <a:ea typeface="+mn-ea"/>
                </a:defRPr>
              </a:lvl9pPr>
            </a:lstStyle>
            <a:p>
              <a:pPr marL="0" indent="0">
                <a:buFontTx/>
                <a:buNone/>
                <a:defRPr/>
              </a:pPr>
              <a:r>
                <a:rPr lang="es-419" sz="900" kern="0" dirty="0"/>
                <a:t>Sector prinvado con monopolio territorial (18 cantones)</a:t>
              </a:r>
            </a:p>
          </p:txBody>
        </p:sp>
      </p:grpSp>
      <p:grpSp>
        <p:nvGrpSpPr>
          <p:cNvPr id="8" name="Gruppieren 7"/>
          <p:cNvGrpSpPr/>
          <p:nvPr/>
        </p:nvGrpSpPr>
        <p:grpSpPr>
          <a:xfrm>
            <a:off x="1389621" y="2008473"/>
            <a:ext cx="1724217" cy="185236"/>
            <a:chOff x="328828" y="2557062"/>
            <a:chExt cx="2298956" cy="246981"/>
          </a:xfrm>
        </p:grpSpPr>
        <p:sp>
          <p:nvSpPr>
            <p:cNvPr id="129" name="Rechteck 128"/>
            <p:cNvSpPr/>
            <p:nvPr/>
          </p:nvSpPr>
          <p:spPr bwMode="auto">
            <a:xfrm>
              <a:off x="328828" y="2608544"/>
              <a:ext cx="216024" cy="144016"/>
            </a:xfrm>
            <a:prstGeom prst="rect">
              <a:avLst/>
            </a:prstGeom>
            <a:solidFill>
              <a:srgbClr val="FFFFCC"/>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20" name="Inhaltsplatzhalter 4"/>
            <p:cNvSpPr txBox="1">
              <a:spLocks/>
            </p:cNvSpPr>
            <p:nvPr/>
          </p:nvSpPr>
          <p:spPr bwMode="auto">
            <a:xfrm>
              <a:off x="662365" y="2557062"/>
              <a:ext cx="1965419" cy="24698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ctr" anchorCtr="0" compatLnSpc="1">
              <a:prstTxWarp prst="textNoShape">
                <a:avLst/>
              </a:prstTxWarp>
            </a:bodyPr>
            <a:lstStyle>
              <a:lvl1pPr marL="342900" indent="-3429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1pPr>
              <a:lvl2pPr marL="742950" indent="-28575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2pPr>
              <a:lvl3pPr marL="11430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3pPr>
              <a:lvl4pPr marL="16002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4pPr>
              <a:lvl5pPr marL="20574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5pPr>
              <a:lvl6pPr marL="2514600" indent="-228600" algn="l" rtl="0" eaLnBrk="1" fontAlgn="base" hangingPunct="1">
                <a:spcBef>
                  <a:spcPct val="20000"/>
                </a:spcBef>
                <a:spcAft>
                  <a:spcPct val="0"/>
                </a:spcAft>
                <a:buChar char="»"/>
                <a:defRPr sz="2000">
                  <a:solidFill>
                    <a:schemeClr val="tx1"/>
                  </a:solidFill>
                  <a:latin typeface="+mn-lt"/>
                  <a:ea typeface="+mn-ea"/>
                </a:defRPr>
              </a:lvl6pPr>
              <a:lvl7pPr marL="2971800" indent="-228600" algn="l" rtl="0" eaLnBrk="1" fontAlgn="base" hangingPunct="1">
                <a:spcBef>
                  <a:spcPct val="20000"/>
                </a:spcBef>
                <a:spcAft>
                  <a:spcPct val="0"/>
                </a:spcAft>
                <a:buChar char="»"/>
                <a:defRPr sz="2000">
                  <a:solidFill>
                    <a:schemeClr val="tx1"/>
                  </a:solidFill>
                  <a:latin typeface="+mn-lt"/>
                  <a:ea typeface="+mn-ea"/>
                </a:defRPr>
              </a:lvl7pPr>
              <a:lvl8pPr marL="3429000" indent="-228600" algn="l" rtl="0" eaLnBrk="1" fontAlgn="base" hangingPunct="1">
                <a:spcBef>
                  <a:spcPct val="20000"/>
                </a:spcBef>
                <a:spcAft>
                  <a:spcPct val="0"/>
                </a:spcAft>
                <a:buChar char="»"/>
                <a:defRPr sz="2000">
                  <a:solidFill>
                    <a:schemeClr val="tx1"/>
                  </a:solidFill>
                  <a:latin typeface="+mn-lt"/>
                  <a:ea typeface="+mn-ea"/>
                </a:defRPr>
              </a:lvl8pPr>
              <a:lvl9pPr marL="3886200" indent="-228600" algn="l" rtl="0" eaLnBrk="1" fontAlgn="base" hangingPunct="1">
                <a:spcBef>
                  <a:spcPct val="20000"/>
                </a:spcBef>
                <a:spcAft>
                  <a:spcPct val="0"/>
                </a:spcAft>
                <a:buChar char="»"/>
                <a:defRPr sz="2000">
                  <a:solidFill>
                    <a:schemeClr val="tx1"/>
                  </a:solidFill>
                  <a:latin typeface="+mn-lt"/>
                  <a:ea typeface="+mn-ea"/>
                </a:defRPr>
              </a:lvl9pPr>
            </a:lstStyle>
            <a:p>
              <a:pPr marL="0" indent="0">
                <a:buFontTx/>
                <a:buNone/>
                <a:defRPr/>
              </a:pPr>
              <a:r>
                <a:rPr lang="es-419" sz="900" kern="0" dirty="0"/>
                <a:t>Mercado liberal (5 cantones)</a:t>
              </a:r>
            </a:p>
          </p:txBody>
        </p:sp>
      </p:grpSp>
      <p:grpSp>
        <p:nvGrpSpPr>
          <p:cNvPr id="9" name="Gruppieren 8"/>
          <p:cNvGrpSpPr/>
          <p:nvPr/>
        </p:nvGrpSpPr>
        <p:grpSpPr>
          <a:xfrm>
            <a:off x="1414494" y="2222755"/>
            <a:ext cx="2047724" cy="160247"/>
            <a:chOff x="361992" y="2920734"/>
            <a:chExt cx="2730299" cy="213662"/>
          </a:xfrm>
        </p:grpSpPr>
        <p:sp>
          <p:nvSpPr>
            <p:cNvPr id="127" name="Ellipse 126"/>
            <p:cNvSpPr/>
            <p:nvPr/>
          </p:nvSpPr>
          <p:spPr bwMode="auto">
            <a:xfrm>
              <a:off x="361992" y="2952717"/>
              <a:ext cx="149696" cy="149696"/>
            </a:xfrm>
            <a:prstGeom prst="ellipse">
              <a:avLst/>
            </a:prstGeom>
            <a:solidFill>
              <a:srgbClr val="800080"/>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500" dirty="0">
                <a:latin typeface="Agfa Rotis Sans Serif" pitchFamily="2" charset="0"/>
                <a:ea typeface="ヒラギノ角ゴ Pro W3" pitchFamily="16" charset="-128"/>
              </a:endParaRPr>
            </a:p>
          </p:txBody>
        </p:sp>
        <p:sp>
          <p:nvSpPr>
            <p:cNvPr id="121" name="Inhaltsplatzhalter 4"/>
            <p:cNvSpPr txBox="1">
              <a:spLocks/>
            </p:cNvSpPr>
            <p:nvPr/>
          </p:nvSpPr>
          <p:spPr bwMode="auto">
            <a:xfrm>
              <a:off x="662364" y="2920734"/>
              <a:ext cx="2429927" cy="21366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ctr" anchorCtr="0" compatLnSpc="1">
              <a:prstTxWarp prst="textNoShape">
                <a:avLst/>
              </a:prstTxWarp>
            </a:bodyPr>
            <a:lstStyle>
              <a:lvl1pPr marL="342900" indent="-3429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1pPr>
              <a:lvl2pPr marL="742950" indent="-28575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2pPr>
              <a:lvl3pPr marL="11430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3pPr>
              <a:lvl4pPr marL="16002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4pPr>
              <a:lvl5pPr marL="2057400" indent="-228600" algn="l" rtl="0" eaLnBrk="1" fontAlgn="base" hangingPunct="1">
                <a:spcBef>
                  <a:spcPct val="20000"/>
                </a:spcBef>
                <a:spcAft>
                  <a:spcPct val="0"/>
                </a:spcAft>
                <a:buChar char="»"/>
                <a:defRPr sz="1800">
                  <a:solidFill>
                    <a:schemeClr val="tx1"/>
                  </a:solidFill>
                  <a:latin typeface="Arial" pitchFamily="34" charset="0"/>
                  <a:ea typeface="+mn-ea"/>
                  <a:cs typeface="Arial" pitchFamily="34" charset="0"/>
                </a:defRPr>
              </a:lvl5pPr>
              <a:lvl6pPr marL="2514600" indent="-228600" algn="l" rtl="0" eaLnBrk="1" fontAlgn="base" hangingPunct="1">
                <a:spcBef>
                  <a:spcPct val="20000"/>
                </a:spcBef>
                <a:spcAft>
                  <a:spcPct val="0"/>
                </a:spcAft>
                <a:buChar char="»"/>
                <a:defRPr sz="2000">
                  <a:solidFill>
                    <a:schemeClr val="tx1"/>
                  </a:solidFill>
                  <a:latin typeface="+mn-lt"/>
                  <a:ea typeface="+mn-ea"/>
                </a:defRPr>
              </a:lvl6pPr>
              <a:lvl7pPr marL="2971800" indent="-228600" algn="l" rtl="0" eaLnBrk="1" fontAlgn="base" hangingPunct="1">
                <a:spcBef>
                  <a:spcPct val="20000"/>
                </a:spcBef>
                <a:spcAft>
                  <a:spcPct val="0"/>
                </a:spcAft>
                <a:buChar char="»"/>
                <a:defRPr sz="2000">
                  <a:solidFill>
                    <a:schemeClr val="tx1"/>
                  </a:solidFill>
                  <a:latin typeface="+mn-lt"/>
                  <a:ea typeface="+mn-ea"/>
                </a:defRPr>
              </a:lvl7pPr>
              <a:lvl8pPr marL="3429000" indent="-228600" algn="l" rtl="0" eaLnBrk="1" fontAlgn="base" hangingPunct="1">
                <a:spcBef>
                  <a:spcPct val="20000"/>
                </a:spcBef>
                <a:spcAft>
                  <a:spcPct val="0"/>
                </a:spcAft>
                <a:buChar char="»"/>
                <a:defRPr sz="2000">
                  <a:solidFill>
                    <a:schemeClr val="tx1"/>
                  </a:solidFill>
                  <a:latin typeface="+mn-lt"/>
                  <a:ea typeface="+mn-ea"/>
                </a:defRPr>
              </a:lvl8pPr>
              <a:lvl9pPr marL="3886200" indent="-228600" algn="l" rtl="0" eaLnBrk="1" fontAlgn="base" hangingPunct="1">
                <a:spcBef>
                  <a:spcPct val="20000"/>
                </a:spcBef>
                <a:spcAft>
                  <a:spcPct val="0"/>
                </a:spcAft>
                <a:buChar char="»"/>
                <a:defRPr sz="2000">
                  <a:solidFill>
                    <a:schemeClr val="tx1"/>
                  </a:solidFill>
                  <a:latin typeface="+mn-lt"/>
                  <a:ea typeface="+mn-ea"/>
                </a:defRPr>
              </a:lvl9pPr>
            </a:lstStyle>
            <a:p>
              <a:pPr marL="0" indent="0">
                <a:buNone/>
                <a:defRPr/>
              </a:pPr>
              <a:r>
                <a:rPr lang="es-419" sz="900" kern="0" dirty="0"/>
                <a:t>Oficinas municipales (11 ciudades)</a:t>
              </a:r>
            </a:p>
          </p:txBody>
        </p:sp>
      </p:grpSp>
      <p:sp>
        <p:nvSpPr>
          <p:cNvPr id="3" name="Rechteck 2">
            <a:extLst>
              <a:ext uri="{FF2B5EF4-FFF2-40B4-BE49-F238E27FC236}">
                <a16:creationId xmlns:a16="http://schemas.microsoft.com/office/drawing/2014/main" id="{C83E6764-64C8-4A01-FB50-25ED0CCFA8D4}"/>
              </a:ext>
            </a:extLst>
          </p:cNvPr>
          <p:cNvSpPr/>
          <p:nvPr/>
        </p:nvSpPr>
        <p:spPr>
          <a:xfrm rot="16200000">
            <a:off x="7085385" y="2722661"/>
            <a:ext cx="3240360" cy="346249"/>
          </a:xfrm>
          <a:prstGeom prst="rect">
            <a:avLst/>
          </a:prstGeom>
        </p:spPr>
        <p:txBody>
          <a:bodyPr wrap="square">
            <a:spAutoFit/>
          </a:bodyPr>
          <a:lstStyle/>
          <a:p>
            <a:r>
              <a:rPr lang="de-CH" sz="825" dirty="0" err="1">
                <a:latin typeface="Arial" panose="020B0604020202020204" pitchFamily="34" charset="0"/>
                <a:cs typeface="Arial" panose="020B0604020202020204" pitchFamily="34" charset="0"/>
              </a:rPr>
              <a:t>Referencia</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Informe</a:t>
            </a:r>
            <a:r>
              <a:rPr lang="de-CH" sz="825" dirty="0">
                <a:latin typeface="Arial" panose="020B0604020202020204" pitchFamily="34" charset="0"/>
                <a:cs typeface="Arial" panose="020B0604020202020204" pitchFamily="34" charset="0"/>
              </a:rPr>
              <a:t> del </a:t>
            </a:r>
            <a:r>
              <a:rPr lang="de-CH" sz="825" dirty="0" err="1">
                <a:latin typeface="Arial" panose="020B0604020202020204" pitchFamily="34" charset="0"/>
                <a:cs typeface="Arial" panose="020B0604020202020204" pitchFamily="34" charset="0"/>
              </a:rPr>
              <a:t>Suüpervisor</a:t>
            </a:r>
            <a:r>
              <a:rPr lang="de-CH" sz="825" dirty="0">
                <a:latin typeface="Arial" panose="020B0604020202020204" pitchFamily="34" charset="0"/>
                <a:cs typeface="Arial" panose="020B0604020202020204" pitchFamily="34" charset="0"/>
              </a:rPr>
              <a:t> de </a:t>
            </a:r>
            <a:r>
              <a:rPr lang="de-CH" sz="825" dirty="0" err="1">
                <a:latin typeface="Arial" panose="020B0604020202020204" pitchFamily="34" charset="0"/>
                <a:cs typeface="Arial" panose="020B0604020202020204" pitchFamily="34" charset="0"/>
              </a:rPr>
              <a:t>tarifas</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sobre</a:t>
            </a:r>
            <a:r>
              <a:rPr lang="de-CH" sz="825" dirty="0">
                <a:latin typeface="Arial" panose="020B0604020202020204" pitchFamily="34" charset="0"/>
                <a:cs typeface="Arial" panose="020B0604020202020204" pitchFamily="34" charset="0"/>
              </a:rPr>
              <a:t> las </a:t>
            </a:r>
            <a:r>
              <a:rPr lang="de-CH" sz="825" dirty="0" err="1">
                <a:latin typeface="Arial" panose="020B0604020202020204" pitchFamily="34" charset="0"/>
                <a:cs typeface="Arial" panose="020B0604020202020204" pitchFamily="34" charset="0"/>
              </a:rPr>
              <a:t>tarifas</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para</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el</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mantenimiento</a:t>
            </a:r>
            <a:r>
              <a:rPr lang="de-CH" sz="825" dirty="0">
                <a:latin typeface="Arial" panose="020B0604020202020204" pitchFamily="34" charset="0"/>
                <a:cs typeface="Arial" panose="020B0604020202020204" pitchFamily="34" charset="0"/>
              </a:rPr>
              <a:t> del </a:t>
            </a:r>
            <a:r>
              <a:rPr lang="de-CH" sz="825" dirty="0" err="1">
                <a:latin typeface="Arial" panose="020B0604020202020204" pitchFamily="34" charset="0"/>
                <a:cs typeface="Arial" panose="020B0604020202020204" pitchFamily="34" charset="0"/>
              </a:rPr>
              <a:t>catastro</a:t>
            </a:r>
            <a:r>
              <a:rPr lang="de-CH" sz="825" dirty="0">
                <a:latin typeface="Arial" panose="020B0604020202020204" pitchFamily="34" charset="0"/>
                <a:cs typeface="Arial" panose="020B0604020202020204" pitchFamily="34" charset="0"/>
              </a:rPr>
              <a:t> </a:t>
            </a:r>
            <a:r>
              <a:rPr lang="de-CH" sz="825" dirty="0" err="1">
                <a:latin typeface="Arial" panose="020B0604020202020204" pitchFamily="34" charset="0"/>
                <a:cs typeface="Arial" panose="020B0604020202020204" pitchFamily="34" charset="0"/>
              </a:rPr>
              <a:t>oficial</a:t>
            </a:r>
            <a:r>
              <a:rPr lang="de-CH" sz="825" dirty="0">
                <a:latin typeface="Arial" panose="020B0604020202020204" pitchFamily="34" charset="0"/>
                <a:cs typeface="Arial" panose="020B0604020202020204" pitchFamily="34" charset="0"/>
              </a:rPr>
              <a:t> (de </a:t>
            </a:r>
            <a:r>
              <a:rPr lang="de-CH" sz="825" dirty="0" err="1">
                <a:latin typeface="Arial" panose="020B0604020202020204" pitchFamily="34" charset="0"/>
                <a:cs typeface="Arial" panose="020B0604020202020204" pitchFamily="34" charset="0"/>
              </a:rPr>
              <a:t>Abril</a:t>
            </a:r>
            <a:r>
              <a:rPr lang="de-CH" sz="825" dirty="0">
                <a:latin typeface="Arial" panose="020B0604020202020204" pitchFamily="34" charset="0"/>
                <a:cs typeface="Arial" panose="020B0604020202020204" pitchFamily="34" charset="0"/>
              </a:rPr>
              <a:t>  2016).</a:t>
            </a:r>
          </a:p>
        </p:txBody>
      </p:sp>
    </p:spTree>
    <p:extLst>
      <p:ext uri="{BB962C8B-B14F-4D97-AF65-F5344CB8AC3E}">
        <p14:creationId xmlns:p14="http://schemas.microsoft.com/office/powerpoint/2010/main" val="19773712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125"/>
                                        </p:tgtEl>
                                        <p:attrNameLst>
                                          <p:attrName>style.visibility</p:attrName>
                                        </p:attrNameLst>
                                      </p:cBhvr>
                                      <p:to>
                                        <p:strVal val="visible"/>
                                      </p:to>
                                    </p:set>
                                    <p:animEffect transition="in" filter="wipe(left)">
                                      <p:cBhvr>
                                        <p:cTn id="7" dur="500"/>
                                        <p:tgtEl>
                                          <p:spTgt spid="125"/>
                                        </p:tgtEl>
                                      </p:cBhvr>
                                    </p:animEffect>
                                  </p:childTnLst>
                                </p:cTn>
                              </p:par>
                              <p:par>
                                <p:cTn id="8" presetID="22" presetClass="entr" presetSubtype="8" fill="hold" nodeType="withEffect">
                                  <p:stCondLst>
                                    <p:cond delay="0"/>
                                  </p:stCondLst>
                                  <p:childTnLst>
                                    <p:set>
                                      <p:cBhvr>
                                        <p:cTn id="9" dur="1" fill="hold">
                                          <p:stCondLst>
                                            <p:cond delay="0"/>
                                          </p:stCondLst>
                                        </p:cTn>
                                        <p:tgtEl>
                                          <p:spTgt spid="6"/>
                                        </p:tgtEl>
                                        <p:attrNameLst>
                                          <p:attrName>style.visibility</p:attrName>
                                        </p:attrNameLst>
                                      </p:cBhvr>
                                      <p:to>
                                        <p:strVal val="visible"/>
                                      </p:to>
                                    </p:set>
                                    <p:animEffect transition="in" filter="wipe(left)">
                                      <p:cBhvr>
                                        <p:cTn id="10" dur="500"/>
                                        <p:tgtEl>
                                          <p:spTgt spid="6"/>
                                        </p:tgtEl>
                                      </p:cBhvr>
                                    </p:animEffect>
                                  </p:childTnLst>
                                </p:cTn>
                              </p:par>
                            </p:childTnLst>
                          </p:cTn>
                        </p:par>
                        <p:par>
                          <p:cTn id="11" fill="hold">
                            <p:stCondLst>
                              <p:cond delay="500"/>
                            </p:stCondLst>
                            <p:childTnLst>
                              <p:par>
                                <p:cTn id="12" presetID="10" presetClass="entr" presetSubtype="0" fill="hold" nodeType="afterEffect">
                                  <p:stCondLst>
                                    <p:cond delay="0"/>
                                  </p:stCondLst>
                                  <p:childTnLst>
                                    <p:set>
                                      <p:cBhvr>
                                        <p:cTn id="13" dur="1" fill="hold">
                                          <p:stCondLst>
                                            <p:cond delay="0"/>
                                          </p:stCondLst>
                                        </p:cTn>
                                        <p:tgtEl>
                                          <p:spTgt spid="2"/>
                                        </p:tgtEl>
                                        <p:attrNameLst>
                                          <p:attrName>style.visibility</p:attrName>
                                        </p:attrNameLst>
                                      </p:cBhvr>
                                      <p:to>
                                        <p:strVal val="visible"/>
                                      </p:to>
                                    </p:set>
                                    <p:animEffect transition="in" filter="fade">
                                      <p:cBhvr>
                                        <p:cTn id="14" dur="500"/>
                                        <p:tgtEl>
                                          <p:spTgt spid="2"/>
                                        </p:tgtEl>
                                      </p:cBhvr>
                                    </p:animEffect>
                                  </p:childTnLst>
                                </p:cTn>
                              </p:par>
                            </p:childTnLst>
                          </p:cTn>
                        </p:par>
                      </p:childTnLst>
                    </p:cTn>
                  </p:par>
                  <p:par>
                    <p:cTn id="15" fill="hold">
                      <p:stCondLst>
                        <p:cond delay="indefinite"/>
                      </p:stCondLst>
                      <p:childTnLst>
                        <p:par>
                          <p:cTn id="16" fill="hold">
                            <p:stCondLst>
                              <p:cond delay="0"/>
                            </p:stCondLst>
                            <p:childTnLst>
                              <p:par>
                                <p:cTn id="17" presetID="22" presetClass="entr" presetSubtype="8" fill="hold" nodeType="clickEffect">
                                  <p:stCondLst>
                                    <p:cond delay="0"/>
                                  </p:stCondLst>
                                  <p:childTnLst>
                                    <p:set>
                                      <p:cBhvr>
                                        <p:cTn id="18" dur="1" fill="hold">
                                          <p:stCondLst>
                                            <p:cond delay="0"/>
                                          </p:stCondLst>
                                        </p:cTn>
                                        <p:tgtEl>
                                          <p:spTgt spid="7"/>
                                        </p:tgtEl>
                                        <p:attrNameLst>
                                          <p:attrName>style.visibility</p:attrName>
                                        </p:attrNameLst>
                                      </p:cBhvr>
                                      <p:to>
                                        <p:strVal val="visible"/>
                                      </p:to>
                                    </p:set>
                                    <p:animEffect transition="in" filter="wipe(left)">
                                      <p:cBhvr>
                                        <p:cTn id="19" dur="500"/>
                                        <p:tgtEl>
                                          <p:spTgt spid="7"/>
                                        </p:tgtEl>
                                      </p:cBhvr>
                                    </p:animEffect>
                                  </p:childTnLst>
                                </p:cTn>
                              </p:par>
                            </p:childTnLst>
                          </p:cTn>
                        </p:par>
                        <p:par>
                          <p:cTn id="20" fill="hold">
                            <p:stCondLst>
                              <p:cond delay="500"/>
                            </p:stCondLst>
                            <p:childTnLst>
                              <p:par>
                                <p:cTn id="21" presetID="10" presetClass="entr" presetSubtype="0" fill="hold" nodeType="afterEffect">
                                  <p:stCondLst>
                                    <p:cond delay="0"/>
                                  </p:stCondLst>
                                  <p:childTnLst>
                                    <p:set>
                                      <p:cBhvr>
                                        <p:cTn id="22" dur="1" fill="hold">
                                          <p:stCondLst>
                                            <p:cond delay="0"/>
                                          </p:stCondLst>
                                        </p:cTn>
                                        <p:tgtEl>
                                          <p:spTgt spid="4"/>
                                        </p:tgtEl>
                                        <p:attrNameLst>
                                          <p:attrName>style.visibility</p:attrName>
                                        </p:attrNameLst>
                                      </p:cBhvr>
                                      <p:to>
                                        <p:strVal val="visible"/>
                                      </p:to>
                                    </p:set>
                                    <p:animEffect transition="in" filter="fade">
                                      <p:cBhvr>
                                        <p:cTn id="23" dur="500"/>
                                        <p:tgtEl>
                                          <p:spTgt spid="4"/>
                                        </p:tgtEl>
                                      </p:cBhvr>
                                    </p:animEffect>
                                  </p:childTnLst>
                                </p:cTn>
                              </p:par>
                            </p:childTnLst>
                          </p:cTn>
                        </p:par>
                      </p:childTnLst>
                    </p:cTn>
                  </p:par>
                  <p:par>
                    <p:cTn id="24" fill="hold">
                      <p:stCondLst>
                        <p:cond delay="indefinite"/>
                      </p:stCondLst>
                      <p:childTnLst>
                        <p:par>
                          <p:cTn id="25" fill="hold">
                            <p:stCondLst>
                              <p:cond delay="0"/>
                            </p:stCondLst>
                            <p:childTnLst>
                              <p:par>
                                <p:cTn id="26" presetID="22" presetClass="entr" presetSubtype="8" fill="hold" nodeType="clickEffect">
                                  <p:stCondLst>
                                    <p:cond delay="0"/>
                                  </p:stCondLst>
                                  <p:childTnLst>
                                    <p:set>
                                      <p:cBhvr>
                                        <p:cTn id="27" dur="1" fill="hold">
                                          <p:stCondLst>
                                            <p:cond delay="0"/>
                                          </p:stCondLst>
                                        </p:cTn>
                                        <p:tgtEl>
                                          <p:spTgt spid="8"/>
                                        </p:tgtEl>
                                        <p:attrNameLst>
                                          <p:attrName>style.visibility</p:attrName>
                                        </p:attrNameLst>
                                      </p:cBhvr>
                                      <p:to>
                                        <p:strVal val="visible"/>
                                      </p:to>
                                    </p:set>
                                    <p:animEffect transition="in" filter="wipe(left)">
                                      <p:cBhvr>
                                        <p:cTn id="28" dur="500"/>
                                        <p:tgtEl>
                                          <p:spTgt spid="8"/>
                                        </p:tgtEl>
                                      </p:cBhvr>
                                    </p:animEffect>
                                  </p:childTnLst>
                                </p:cTn>
                              </p:par>
                            </p:childTnLst>
                          </p:cTn>
                        </p:par>
                        <p:par>
                          <p:cTn id="29" fill="hold">
                            <p:stCondLst>
                              <p:cond delay="500"/>
                            </p:stCondLst>
                            <p:childTnLst>
                              <p:par>
                                <p:cTn id="30" presetID="10" presetClass="entr" presetSubtype="0" fill="hold" nodeType="afterEffect">
                                  <p:stCondLst>
                                    <p:cond delay="0"/>
                                  </p:stCondLst>
                                  <p:childTnLst>
                                    <p:set>
                                      <p:cBhvr>
                                        <p:cTn id="31" dur="1" fill="hold">
                                          <p:stCondLst>
                                            <p:cond delay="0"/>
                                          </p:stCondLst>
                                        </p:cTn>
                                        <p:tgtEl>
                                          <p:spTgt spid="5"/>
                                        </p:tgtEl>
                                        <p:attrNameLst>
                                          <p:attrName>style.visibility</p:attrName>
                                        </p:attrNameLst>
                                      </p:cBhvr>
                                      <p:to>
                                        <p:strVal val="visible"/>
                                      </p:to>
                                    </p:set>
                                    <p:animEffect transition="in" filter="fade">
                                      <p:cBhvr>
                                        <p:cTn id="32" dur="500"/>
                                        <p:tgtEl>
                                          <p:spTgt spid="5"/>
                                        </p:tgtEl>
                                      </p:cBhvr>
                                    </p:animEffect>
                                  </p:childTnLst>
                                </p:cTn>
                              </p:par>
                            </p:childTnLst>
                          </p:cTn>
                        </p:par>
                      </p:childTnLst>
                    </p:cTn>
                  </p:par>
                  <p:par>
                    <p:cTn id="33" fill="hold">
                      <p:stCondLst>
                        <p:cond delay="indefinite"/>
                      </p:stCondLst>
                      <p:childTnLst>
                        <p:par>
                          <p:cTn id="34" fill="hold">
                            <p:stCondLst>
                              <p:cond delay="0"/>
                            </p:stCondLst>
                            <p:childTnLst>
                              <p:par>
                                <p:cTn id="35" presetID="22" presetClass="entr" presetSubtype="8" fill="hold" nodeType="clickEffect">
                                  <p:stCondLst>
                                    <p:cond delay="0"/>
                                  </p:stCondLst>
                                  <p:childTnLst>
                                    <p:set>
                                      <p:cBhvr>
                                        <p:cTn id="36" dur="1" fill="hold">
                                          <p:stCondLst>
                                            <p:cond delay="0"/>
                                          </p:stCondLst>
                                        </p:cTn>
                                        <p:tgtEl>
                                          <p:spTgt spid="9"/>
                                        </p:tgtEl>
                                        <p:attrNameLst>
                                          <p:attrName>style.visibility</p:attrName>
                                        </p:attrNameLst>
                                      </p:cBhvr>
                                      <p:to>
                                        <p:strVal val="visible"/>
                                      </p:to>
                                    </p:set>
                                    <p:animEffect transition="in" filter="wipe(left)">
                                      <p:cBhvr>
                                        <p:cTn id="37" dur="500"/>
                                        <p:tgtEl>
                                          <p:spTgt spid="9"/>
                                        </p:tgtEl>
                                      </p:cBhvr>
                                    </p:animEffect>
                                  </p:childTnLst>
                                </p:cTn>
                              </p:par>
                            </p:childTnLst>
                          </p:cTn>
                        </p:par>
                        <p:par>
                          <p:cTn id="38" fill="hold">
                            <p:stCondLst>
                              <p:cond delay="500"/>
                            </p:stCondLst>
                            <p:childTnLst>
                              <p:par>
                                <p:cTn id="39" presetID="10" presetClass="entr" presetSubtype="0" fill="hold" nodeType="afterEffect">
                                  <p:stCondLst>
                                    <p:cond delay="0"/>
                                  </p:stCondLst>
                                  <p:childTnLst>
                                    <p:set>
                                      <p:cBhvr>
                                        <p:cTn id="40" dur="1" fill="hold">
                                          <p:stCondLst>
                                            <p:cond delay="0"/>
                                          </p:stCondLst>
                                        </p:cTn>
                                        <p:tgtEl>
                                          <p:spTgt spid="103"/>
                                        </p:tgtEl>
                                        <p:attrNameLst>
                                          <p:attrName>style.visibility</p:attrName>
                                        </p:attrNameLst>
                                      </p:cBhvr>
                                      <p:to>
                                        <p:strVal val="visible"/>
                                      </p:to>
                                    </p:set>
                                    <p:animEffect transition="in" filter="fade">
                                      <p:cBhvr>
                                        <p:cTn id="41" dur="500"/>
                                        <p:tgtEl>
                                          <p:spTgt spid="10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5"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a:extLst>
              <a:ext uri="{FF2B5EF4-FFF2-40B4-BE49-F238E27FC236}">
                <a16:creationId xmlns:a16="http://schemas.microsoft.com/office/drawing/2014/main" id="{04016084-4220-B2D8-3269-720070C1C2B0}"/>
              </a:ext>
            </a:extLst>
          </p:cNvPr>
          <p:cNvSpPr>
            <a:spLocks noGrp="1"/>
          </p:cNvSpPr>
          <p:nvPr>
            <p:ph type="title"/>
          </p:nvPr>
        </p:nvSpPr>
        <p:spPr/>
        <p:txBody>
          <a:bodyPr/>
          <a:lstStyle/>
          <a:p>
            <a:r>
              <a:rPr lang="es-CO" dirty="0"/>
              <a:t>Sector Privado – Idea Marco</a:t>
            </a:r>
            <a:endParaRPr lang="en-CH" dirty="0"/>
          </a:p>
        </p:txBody>
      </p:sp>
      <p:sp>
        <p:nvSpPr>
          <p:cNvPr id="6" name="Inhaltsplatzhalter 5">
            <a:extLst>
              <a:ext uri="{FF2B5EF4-FFF2-40B4-BE49-F238E27FC236}">
                <a16:creationId xmlns:a16="http://schemas.microsoft.com/office/drawing/2014/main" id="{BD380E2F-7A7E-2966-9CEF-59F53E22BCF3}"/>
              </a:ext>
            </a:extLst>
          </p:cNvPr>
          <p:cNvSpPr>
            <a:spLocks noGrp="1"/>
          </p:cNvSpPr>
          <p:nvPr>
            <p:ph idx="1"/>
          </p:nvPr>
        </p:nvSpPr>
        <p:spPr>
          <a:xfrm>
            <a:off x="1285877" y="1087041"/>
            <a:ext cx="6094436" cy="3408759"/>
          </a:xfrm>
        </p:spPr>
        <p:txBody>
          <a:bodyPr/>
          <a:lstStyle/>
          <a:p>
            <a:r>
              <a:rPr lang="es-CO" altLang="de-DE" sz="1800" dirty="0"/>
              <a:t>Agrimensores encargados de los trabajos del catastro oficial están llevando a cabo una </a:t>
            </a:r>
            <a:r>
              <a:rPr lang="es-CO" altLang="de-DE" sz="1800" b="1" dirty="0"/>
              <a:t>función soberana</a:t>
            </a:r>
            <a:r>
              <a:rPr lang="es-CO" altLang="de-DE" sz="1800" dirty="0"/>
              <a:t> y son a este respecto considerado como personas de fe pública (fedatario).</a:t>
            </a:r>
          </a:p>
          <a:p>
            <a:endParaRPr lang="en-CH" sz="1800" dirty="0"/>
          </a:p>
        </p:txBody>
      </p:sp>
      <p:pic>
        <p:nvPicPr>
          <p:cNvPr id="7" name="Picture 5" descr=" ">
            <a:extLst>
              <a:ext uri="{FF2B5EF4-FFF2-40B4-BE49-F238E27FC236}">
                <a16:creationId xmlns:a16="http://schemas.microsoft.com/office/drawing/2014/main" id="{A935972E-9544-05A9-4413-06928FF790E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915816" y="2499742"/>
            <a:ext cx="5347097" cy="18228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8943259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D664490-F946-E1A4-7A3E-2D17F70D883E}"/>
              </a:ext>
            </a:extLst>
          </p:cNvPr>
          <p:cNvSpPr>
            <a:spLocks noGrp="1"/>
          </p:cNvSpPr>
          <p:nvPr>
            <p:ph type="title"/>
          </p:nvPr>
        </p:nvSpPr>
        <p:spPr/>
        <p:txBody>
          <a:bodyPr/>
          <a:lstStyle/>
          <a:p>
            <a:r>
              <a:rPr lang="es-CO" dirty="0">
                <a:latin typeface="+mj-lt"/>
              </a:rPr>
              <a:t>Sector Privado – Porque?</a:t>
            </a:r>
            <a:endParaRPr lang="en-CH" dirty="0"/>
          </a:p>
        </p:txBody>
      </p:sp>
      <p:sp>
        <p:nvSpPr>
          <p:cNvPr id="4" name="Inhaltsplatzhalter 3">
            <a:extLst>
              <a:ext uri="{FF2B5EF4-FFF2-40B4-BE49-F238E27FC236}">
                <a16:creationId xmlns:a16="http://schemas.microsoft.com/office/drawing/2014/main" id="{038B90BE-7EC4-71D5-2D8F-6BEC95149929}"/>
              </a:ext>
            </a:extLst>
          </p:cNvPr>
          <p:cNvSpPr>
            <a:spLocks noGrp="1"/>
          </p:cNvSpPr>
          <p:nvPr>
            <p:ph idx="1"/>
          </p:nvPr>
        </p:nvSpPr>
        <p:spPr/>
        <p:txBody>
          <a:bodyPr/>
          <a:lstStyle/>
          <a:p>
            <a:pPr marL="272654" indent="-272654" eaLnBrk="1" hangingPunct="1">
              <a:lnSpc>
                <a:spcPct val="110000"/>
              </a:lnSpc>
              <a:spcBef>
                <a:spcPct val="15000"/>
              </a:spcBef>
              <a:spcAft>
                <a:spcPct val="15000"/>
              </a:spcAft>
              <a:buFont typeface="Times New Roman" pitchFamily="18" charset="0"/>
              <a:buChar char="•"/>
            </a:pPr>
            <a:r>
              <a:rPr lang="es-CO" altLang="de-DE" sz="1600" dirty="0"/>
              <a:t>Por delegación de funciones de soberanía a la responsabilidad del sector privado, </a:t>
            </a:r>
            <a:r>
              <a:rPr lang="es-CO" altLang="de-DE" sz="1600" b="1" dirty="0"/>
              <a:t>el gobierno federal puede reducir su carga de trabajo administrativo</a:t>
            </a:r>
            <a:r>
              <a:rPr lang="es-CO" altLang="de-DE" sz="1600" dirty="0"/>
              <a:t>.</a:t>
            </a:r>
          </a:p>
          <a:p>
            <a:pPr marL="272654" indent="-272654" eaLnBrk="1" hangingPunct="1">
              <a:lnSpc>
                <a:spcPct val="110000"/>
              </a:lnSpc>
              <a:spcBef>
                <a:spcPct val="15000"/>
              </a:spcBef>
              <a:spcAft>
                <a:spcPct val="15000"/>
              </a:spcAft>
              <a:buFont typeface="Times New Roman" pitchFamily="18" charset="0"/>
              <a:buChar char="•"/>
            </a:pPr>
            <a:r>
              <a:rPr lang="es-CO" altLang="de-DE" sz="1600" dirty="0"/>
              <a:t>El potencial de </a:t>
            </a:r>
            <a:r>
              <a:rPr lang="es-CO" altLang="de-DE" sz="1600" b="1" dirty="0"/>
              <a:t>innovación se </a:t>
            </a:r>
            <a:br>
              <a:rPr lang="es-CO" altLang="de-DE" sz="1600" b="1" dirty="0"/>
            </a:br>
            <a:r>
              <a:rPr lang="es-CO" altLang="de-DE" sz="1600" b="1" dirty="0"/>
              <a:t>incrementa considerablemente </a:t>
            </a:r>
            <a:br>
              <a:rPr lang="es-CO" altLang="de-DE" sz="1600" b="1" dirty="0"/>
            </a:br>
            <a:r>
              <a:rPr lang="es-CO" altLang="de-DE" sz="1600" dirty="0"/>
              <a:t>a través de la inclusión del sector </a:t>
            </a:r>
            <a:br>
              <a:rPr lang="es-CO" altLang="de-DE" sz="1600" dirty="0"/>
            </a:br>
            <a:r>
              <a:rPr lang="es-CO" altLang="de-DE" sz="1600" dirty="0"/>
              <a:t>privado</a:t>
            </a:r>
          </a:p>
          <a:p>
            <a:pPr marL="272654" indent="-272654" eaLnBrk="1" hangingPunct="1">
              <a:lnSpc>
                <a:spcPct val="110000"/>
              </a:lnSpc>
              <a:spcBef>
                <a:spcPct val="15000"/>
              </a:spcBef>
              <a:spcAft>
                <a:spcPct val="15000"/>
              </a:spcAft>
              <a:buFont typeface="Times New Roman" pitchFamily="18" charset="0"/>
              <a:buChar char="•"/>
            </a:pPr>
            <a:r>
              <a:rPr lang="es-CO" altLang="de-DE" sz="1600" dirty="0"/>
              <a:t>Promoción del sector privado a nivel </a:t>
            </a:r>
            <a:br>
              <a:rPr lang="es-CO" altLang="de-DE" sz="1600" dirty="0"/>
            </a:br>
            <a:r>
              <a:rPr lang="es-CO" altLang="de-DE" sz="1600" dirty="0"/>
              <a:t>local = </a:t>
            </a:r>
            <a:r>
              <a:rPr lang="es-CO" altLang="de-DE" sz="1600" b="1" dirty="0"/>
              <a:t>Proximidad al cliente</a:t>
            </a:r>
          </a:p>
          <a:p>
            <a:pPr marL="272654" indent="-272654" eaLnBrk="1" hangingPunct="1">
              <a:spcBef>
                <a:spcPct val="15000"/>
              </a:spcBef>
              <a:spcAft>
                <a:spcPct val="15000"/>
              </a:spcAft>
              <a:buFont typeface="Times New Roman" pitchFamily="18" charset="0"/>
              <a:buChar char="•"/>
            </a:pPr>
            <a:r>
              <a:rPr lang="es-CO" altLang="de-DE" sz="1600" dirty="0"/>
              <a:t>Las regiones periféricas </a:t>
            </a:r>
            <a:br>
              <a:rPr lang="es-CO" altLang="de-DE" sz="1600" dirty="0"/>
            </a:br>
            <a:r>
              <a:rPr lang="es-CO" altLang="de-DE" sz="1600" dirty="0"/>
              <a:t>son provistos con lugares </a:t>
            </a:r>
            <a:br>
              <a:rPr lang="es-CO" altLang="de-DE" sz="1600" dirty="0"/>
            </a:br>
            <a:r>
              <a:rPr lang="es-CO" altLang="de-DE" sz="1600" dirty="0"/>
              <a:t>de trabajo de calidad</a:t>
            </a:r>
            <a:endParaRPr lang="en-GB" altLang="de-DE" sz="1600" dirty="0"/>
          </a:p>
        </p:txBody>
      </p:sp>
      <p:pic>
        <p:nvPicPr>
          <p:cNvPr id="5" name="Picture 6">
            <a:extLst>
              <a:ext uri="{FF2B5EF4-FFF2-40B4-BE49-F238E27FC236}">
                <a16:creationId xmlns:a16="http://schemas.microsoft.com/office/drawing/2014/main" id="{65FCE649-6BA1-8CD7-9A71-59FEC5E1EC7D}"/>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l="10462" t="2562"/>
          <a:stretch/>
        </p:blipFill>
        <p:spPr bwMode="auto">
          <a:xfrm>
            <a:off x="5436096" y="1995686"/>
            <a:ext cx="3465488" cy="27388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5753178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B6E00CD6-CA8D-224B-17B9-B1FA36D0DD7B}"/>
              </a:ext>
            </a:extLst>
          </p:cNvPr>
          <p:cNvSpPr>
            <a:spLocks noGrp="1"/>
          </p:cNvSpPr>
          <p:nvPr>
            <p:ph type="title"/>
          </p:nvPr>
        </p:nvSpPr>
        <p:spPr/>
        <p:txBody>
          <a:bodyPr/>
          <a:lstStyle/>
          <a:p>
            <a:r>
              <a:rPr lang="es-CO" dirty="0">
                <a:latin typeface="+mj-lt"/>
              </a:rPr>
              <a:t>Las tareas de un </a:t>
            </a:r>
            <a:r>
              <a:rPr lang="es-CO" dirty="0" err="1">
                <a:latin typeface="+mj-lt"/>
              </a:rPr>
              <a:t>Geomensor</a:t>
            </a:r>
            <a:endParaRPr lang="en-CH" dirty="0"/>
          </a:p>
        </p:txBody>
      </p:sp>
      <p:sp>
        <p:nvSpPr>
          <p:cNvPr id="4" name="Inhaltsplatzhalter 3">
            <a:extLst>
              <a:ext uri="{FF2B5EF4-FFF2-40B4-BE49-F238E27FC236}">
                <a16:creationId xmlns:a16="http://schemas.microsoft.com/office/drawing/2014/main" id="{0469BCF6-C860-953A-6818-652A5A2CC19F}"/>
              </a:ext>
            </a:extLst>
          </p:cNvPr>
          <p:cNvSpPr>
            <a:spLocks noGrp="1"/>
          </p:cNvSpPr>
          <p:nvPr>
            <p:ph idx="1"/>
          </p:nvPr>
        </p:nvSpPr>
        <p:spPr>
          <a:xfrm>
            <a:off x="1285877" y="1087041"/>
            <a:ext cx="4798292" cy="3408759"/>
          </a:xfrm>
        </p:spPr>
        <p:txBody>
          <a:bodyPr/>
          <a:lstStyle/>
          <a:p>
            <a:pPr marL="272654" indent="-272654" eaLnBrk="1" hangingPunct="1">
              <a:lnSpc>
                <a:spcPct val="110000"/>
              </a:lnSpc>
              <a:spcBef>
                <a:spcPct val="15000"/>
              </a:spcBef>
              <a:spcAft>
                <a:spcPct val="15000"/>
              </a:spcAft>
              <a:buFont typeface="Times New Roman" pitchFamily="18" charset="0"/>
              <a:buChar char="•"/>
            </a:pPr>
            <a:r>
              <a:rPr lang="es-CO" altLang="de-DE" sz="1600" dirty="0"/>
              <a:t>Establecimiento inicial y renovación del catastro</a:t>
            </a:r>
          </a:p>
          <a:p>
            <a:pPr marL="272654" indent="-272654" eaLnBrk="1" hangingPunct="1">
              <a:lnSpc>
                <a:spcPct val="110000"/>
              </a:lnSpc>
              <a:spcBef>
                <a:spcPct val="15000"/>
              </a:spcBef>
              <a:spcAft>
                <a:spcPct val="15000"/>
              </a:spcAft>
              <a:buFont typeface="Times New Roman" pitchFamily="18" charset="0"/>
              <a:buChar char="•"/>
            </a:pPr>
            <a:r>
              <a:rPr lang="es-CO" altLang="de-DE" sz="1600" dirty="0"/>
              <a:t>Actualización continua y periódica</a:t>
            </a:r>
          </a:p>
          <a:p>
            <a:pPr marL="272654" indent="-272654" eaLnBrk="1" hangingPunct="1">
              <a:lnSpc>
                <a:spcPct val="110000"/>
              </a:lnSpc>
              <a:spcBef>
                <a:spcPct val="15000"/>
              </a:spcBef>
              <a:spcAft>
                <a:spcPct val="15000"/>
              </a:spcAft>
              <a:buFont typeface="Times New Roman" pitchFamily="18" charset="0"/>
              <a:buChar char="•"/>
            </a:pPr>
            <a:r>
              <a:rPr lang="es-CO" altLang="de-DE" sz="1600" dirty="0"/>
              <a:t>Procesamiento de datos</a:t>
            </a:r>
          </a:p>
          <a:p>
            <a:pPr marL="272654" indent="-272654" eaLnBrk="1" hangingPunct="1">
              <a:lnSpc>
                <a:spcPct val="110000"/>
              </a:lnSpc>
              <a:spcBef>
                <a:spcPct val="15000"/>
              </a:spcBef>
              <a:spcAft>
                <a:spcPct val="15000"/>
              </a:spcAft>
              <a:buFont typeface="Times New Roman" pitchFamily="18" charset="0"/>
              <a:buChar char="•"/>
            </a:pPr>
            <a:r>
              <a:rPr lang="es-CO" altLang="de-DE" sz="1600" b="1" dirty="0"/>
              <a:t>La gestión de datos y las copias de </a:t>
            </a:r>
            <a:br>
              <a:rPr lang="es-CO" altLang="de-DE" sz="1600" b="1" dirty="0"/>
            </a:br>
            <a:r>
              <a:rPr lang="es-CO" altLang="de-DE" sz="1600" b="1" dirty="0"/>
              <a:t>seguridad de datos</a:t>
            </a:r>
          </a:p>
          <a:p>
            <a:pPr marL="272654" indent="-272654" eaLnBrk="1" hangingPunct="1">
              <a:lnSpc>
                <a:spcPct val="110000"/>
              </a:lnSpc>
              <a:spcBef>
                <a:spcPct val="15000"/>
              </a:spcBef>
              <a:spcAft>
                <a:spcPct val="15000"/>
              </a:spcAft>
              <a:buFont typeface="Times New Roman" pitchFamily="18" charset="0"/>
              <a:buChar char="•"/>
            </a:pPr>
            <a:r>
              <a:rPr lang="es-CO" altLang="de-DE" sz="1600" dirty="0"/>
              <a:t>Entrega de datos</a:t>
            </a:r>
          </a:p>
          <a:p>
            <a:pPr marL="272654" indent="-272654" eaLnBrk="1" hangingPunct="1">
              <a:lnSpc>
                <a:spcPct val="110000"/>
              </a:lnSpc>
              <a:spcBef>
                <a:spcPct val="15000"/>
              </a:spcBef>
              <a:spcAft>
                <a:spcPct val="15000"/>
              </a:spcAft>
              <a:buFont typeface="Times New Roman" pitchFamily="18" charset="0"/>
              <a:buChar char="•"/>
            </a:pPr>
            <a:r>
              <a:rPr lang="es-CO" altLang="de-DE" sz="1600" dirty="0"/>
              <a:t>Profesional a consultar en la tematica</a:t>
            </a:r>
          </a:p>
          <a:p>
            <a:pPr marL="272654" indent="-272654" eaLnBrk="1" hangingPunct="1">
              <a:lnSpc>
                <a:spcPct val="110000"/>
              </a:lnSpc>
              <a:spcBef>
                <a:spcPct val="15000"/>
              </a:spcBef>
              <a:spcAft>
                <a:spcPct val="15000"/>
              </a:spcAft>
              <a:buFont typeface="Times New Roman" pitchFamily="18" charset="0"/>
              <a:buChar char="•"/>
            </a:pPr>
            <a:endParaRPr lang="es-CO" altLang="de-DE" sz="1600" dirty="0"/>
          </a:p>
          <a:p>
            <a:pPr marL="272654" indent="-272654" eaLnBrk="1" hangingPunct="1">
              <a:lnSpc>
                <a:spcPct val="110000"/>
              </a:lnSpc>
              <a:spcBef>
                <a:spcPct val="15000"/>
              </a:spcBef>
              <a:spcAft>
                <a:spcPct val="15000"/>
              </a:spcAft>
              <a:buFont typeface="Times New Roman" pitchFamily="18" charset="0"/>
              <a:buChar char="•"/>
            </a:pPr>
            <a:r>
              <a:rPr lang="es-CO" altLang="de-DE" sz="1600" dirty="0"/>
              <a:t>+ mandatos privadas</a:t>
            </a:r>
            <a:endParaRPr lang="de-CH" altLang="de-DE" sz="1600" dirty="0"/>
          </a:p>
          <a:p>
            <a:endParaRPr lang="en-CH" sz="1600" dirty="0"/>
          </a:p>
        </p:txBody>
      </p:sp>
      <p:pic>
        <p:nvPicPr>
          <p:cNvPr id="5" name="Picture 14" descr="RAV-Ebenen">
            <a:extLst>
              <a:ext uri="{FF2B5EF4-FFF2-40B4-BE49-F238E27FC236}">
                <a16:creationId xmlns:a16="http://schemas.microsoft.com/office/drawing/2014/main" id="{866A0B4F-DC83-BBE3-00E7-2C6DC73E3741}"/>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r="5942" b="5962"/>
          <a:stretch>
            <a:fillRect/>
          </a:stretch>
        </p:blipFill>
        <p:spPr bwMode="auto">
          <a:xfrm>
            <a:off x="5436096" y="1491630"/>
            <a:ext cx="3190875" cy="31813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4003574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es-419" dirty="0"/>
              <a:t>Contenido</a:t>
            </a:r>
            <a:endParaRPr lang="en-GB" dirty="0"/>
          </a:p>
        </p:txBody>
      </p:sp>
      <p:sp>
        <p:nvSpPr>
          <p:cNvPr id="4" name="Textfeld 3"/>
          <p:cNvSpPr txBox="1"/>
          <p:nvPr/>
        </p:nvSpPr>
        <p:spPr>
          <a:xfrm>
            <a:off x="1403648" y="996280"/>
            <a:ext cx="6984776" cy="3231654"/>
          </a:xfrm>
          <a:prstGeom prst="rect">
            <a:avLst/>
          </a:prstGeom>
          <a:solidFill>
            <a:srgbClr val="EAEAEA"/>
          </a:solidFill>
        </p:spPr>
        <p:txBody>
          <a:bodyPr wrap="square" rtlCol="0">
            <a:spAutoFit/>
          </a:bodyPr>
          <a:lstStyle>
            <a:defPPr>
              <a:defRPr lang="en-US"/>
            </a:defPPr>
            <a:lvl1pPr marL="342900" indent="-342900">
              <a:spcBef>
                <a:spcPts val="1200"/>
              </a:spcBef>
              <a:buFont typeface="Wingdings" panose="05000000000000000000" pitchFamily="2" charset="2"/>
              <a:buChar char="Ø"/>
              <a:defRPr sz="2000" b="1"/>
            </a:lvl1pPr>
            <a:lvl2pPr marL="800100" lvl="1" indent="-342900">
              <a:spcBef>
                <a:spcPts val="1200"/>
              </a:spcBef>
              <a:buFont typeface="Wingdings" panose="05000000000000000000" pitchFamily="2" charset="2"/>
              <a:buChar char="Ø"/>
            </a:lvl2pPr>
          </a:lstStyle>
          <a:p>
            <a:r>
              <a:rPr lang="es-419" sz="1800" dirty="0">
                <a:solidFill>
                  <a:schemeClr val="bg1">
                    <a:lumMod val="50000"/>
                  </a:schemeClr>
                </a:solidFill>
              </a:rPr>
              <a:t>Sistema Catastral en Suiza</a:t>
            </a:r>
          </a:p>
          <a:p>
            <a:pPr lvl="1"/>
            <a:r>
              <a:rPr lang="es-419" sz="1600" dirty="0">
                <a:solidFill>
                  <a:schemeClr val="bg1">
                    <a:lumMod val="50000"/>
                  </a:schemeClr>
                </a:solidFill>
              </a:rPr>
              <a:t>Estructura política y administrativa</a:t>
            </a:r>
          </a:p>
          <a:p>
            <a:pPr lvl="1"/>
            <a:r>
              <a:rPr lang="es-419" sz="1600" dirty="0">
                <a:solidFill>
                  <a:schemeClr val="bg1">
                    <a:lumMod val="50000"/>
                  </a:schemeClr>
                </a:solidFill>
              </a:rPr>
              <a:t>Administración de tierras: base legal y organización </a:t>
            </a:r>
          </a:p>
          <a:p>
            <a:pPr lvl="1"/>
            <a:r>
              <a:rPr lang="es-419" sz="1600" b="1" dirty="0">
                <a:solidFill>
                  <a:srgbClr val="C00000"/>
                </a:solidFill>
              </a:rPr>
              <a:t>Elementos técnicos y conceptuales</a:t>
            </a:r>
          </a:p>
          <a:p>
            <a:r>
              <a:rPr lang="es-419" sz="1800" dirty="0">
                <a:solidFill>
                  <a:schemeClr val="bg1">
                    <a:lumMod val="50000"/>
                  </a:schemeClr>
                </a:solidFill>
              </a:rPr>
              <a:t>Evolución del Sistema Catastral</a:t>
            </a:r>
          </a:p>
          <a:p>
            <a:pPr lvl="1"/>
            <a:r>
              <a:rPr lang="es-ES" sz="1600" dirty="0">
                <a:solidFill>
                  <a:schemeClr val="bg1">
                    <a:lumMod val="50000"/>
                  </a:schemeClr>
                </a:solidFill>
              </a:rPr>
              <a:t>Digitalización al servicio de las infraestructuras de geodatos</a:t>
            </a:r>
            <a:endParaRPr lang="es-419" sz="1600" dirty="0">
              <a:solidFill>
                <a:schemeClr val="bg1">
                  <a:lumMod val="50000"/>
                </a:schemeClr>
              </a:solidFill>
            </a:endParaRPr>
          </a:p>
          <a:p>
            <a:pPr lvl="1"/>
            <a:r>
              <a:rPr lang="es-ES" sz="1600" dirty="0">
                <a:solidFill>
                  <a:schemeClr val="bg1">
                    <a:lumMod val="50000"/>
                  </a:schemeClr>
                </a:solidFill>
              </a:rPr>
              <a:t>Ampliación de las dimensiones jurídicas y geométricas</a:t>
            </a:r>
            <a:endParaRPr lang="es-419" sz="1600" dirty="0">
              <a:solidFill>
                <a:schemeClr val="bg1">
                  <a:lumMod val="50000"/>
                </a:schemeClr>
              </a:solidFill>
            </a:endParaRPr>
          </a:p>
          <a:p>
            <a:r>
              <a:rPr lang="es-419" sz="1800" dirty="0">
                <a:solidFill>
                  <a:schemeClr val="bg1">
                    <a:lumMod val="50000"/>
                  </a:schemeClr>
                </a:solidFill>
              </a:rPr>
              <a:t>Conclusiones</a:t>
            </a:r>
          </a:p>
        </p:txBody>
      </p:sp>
    </p:spTree>
    <p:extLst>
      <p:ext uri="{BB962C8B-B14F-4D97-AF65-F5344CB8AC3E}">
        <p14:creationId xmlns:p14="http://schemas.microsoft.com/office/powerpoint/2010/main" val="1865916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4">
                                            <p:txEl>
                                              <p:pRg st="3" end="3"/>
                                            </p:txEl>
                                          </p:spTgt>
                                        </p:tgtEl>
                                        <p:attrNameLst>
                                          <p:attrName>style.visibility</p:attrName>
                                        </p:attrNameLst>
                                      </p:cBhvr>
                                      <p:to>
                                        <p:strVal val="visible"/>
                                      </p:to>
                                    </p:set>
                                    <p:animEffect transition="in" filter="wipe(left)">
                                      <p:cBhvr>
                                        <p:cTn id="7" dur="500"/>
                                        <p:tgtEl>
                                          <p:spTgt spid="4">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9266" name="Rectangle 2"/>
          <p:cNvSpPr>
            <a:spLocks noGrp="1" noChangeArrowheads="1"/>
          </p:cNvSpPr>
          <p:nvPr>
            <p:ph type="title" idx="4294967295"/>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r>
              <a:rPr lang="es-419" dirty="0">
                <a:latin typeface="Arial" charset="0"/>
              </a:rPr>
              <a:t>Nueva ley de 1993 (“reforma ‘93”): nueva finalidad e introducción del formato digital</a:t>
            </a:r>
          </a:p>
        </p:txBody>
      </p:sp>
      <p:sp>
        <p:nvSpPr>
          <p:cNvPr id="29699" name="Text Box 3"/>
          <p:cNvSpPr txBox="1">
            <a:spLocks noChangeArrowheads="1"/>
          </p:cNvSpPr>
          <p:nvPr/>
        </p:nvSpPr>
        <p:spPr bwMode="auto">
          <a:xfrm>
            <a:off x="4031977" y="1869059"/>
            <a:ext cx="2702984" cy="3231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es-419" altLang="de-DE" sz="1500" b="1" dirty="0">
                <a:solidFill>
                  <a:schemeClr val="tx1"/>
                </a:solidFill>
              </a:rPr>
              <a:t>Art. 1: Definición y Objetivo</a:t>
            </a:r>
          </a:p>
        </p:txBody>
      </p:sp>
      <p:sp>
        <p:nvSpPr>
          <p:cNvPr id="29700" name="Rectangle 4"/>
          <p:cNvSpPr>
            <a:spLocks noChangeArrowheads="1"/>
          </p:cNvSpPr>
          <p:nvPr/>
        </p:nvSpPr>
        <p:spPr bwMode="auto">
          <a:xfrm>
            <a:off x="4031977" y="1491630"/>
            <a:ext cx="5112023" cy="3231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es-419" altLang="de-DE" sz="1500" b="1" dirty="0">
                <a:solidFill>
                  <a:schemeClr val="tx1"/>
                </a:solidFill>
              </a:rPr>
              <a:t>Ordenanza sobre la </a:t>
            </a:r>
            <a:r>
              <a:rPr lang="es-ES" altLang="de-DE" sz="1500" b="1" dirty="0">
                <a:solidFill>
                  <a:schemeClr val="tx1"/>
                </a:solidFill>
              </a:rPr>
              <a:t>geomensura</a:t>
            </a:r>
            <a:r>
              <a:rPr lang="es-419" altLang="de-DE" sz="1500" b="1" dirty="0">
                <a:solidFill>
                  <a:schemeClr val="tx1"/>
                </a:solidFill>
              </a:rPr>
              <a:t> catastral (1.1.1993)</a:t>
            </a:r>
          </a:p>
        </p:txBody>
      </p:sp>
      <p:sp>
        <p:nvSpPr>
          <p:cNvPr id="29701" name="Text Box 5"/>
          <p:cNvSpPr txBox="1">
            <a:spLocks noChangeArrowheads="1"/>
          </p:cNvSpPr>
          <p:nvPr/>
        </p:nvSpPr>
        <p:spPr bwMode="auto">
          <a:xfrm>
            <a:off x="4031976" y="2257202"/>
            <a:ext cx="4114800" cy="196207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es-419" altLang="de-DE" sz="1350" baseline="30000" dirty="0">
                <a:solidFill>
                  <a:schemeClr val="tx1"/>
                </a:solidFill>
              </a:rPr>
              <a:t>1</a:t>
            </a:r>
            <a:r>
              <a:rPr lang="es-419" altLang="de-DE" sz="1350" dirty="0">
                <a:solidFill>
                  <a:schemeClr val="tx1"/>
                </a:solidFill>
              </a:rPr>
              <a:t> En el sentido del Derecho Civil, se considera como geomensura catastral la medición, aprobada por la Confederación, realizada </a:t>
            </a:r>
            <a:r>
              <a:rPr lang="es-419" altLang="de-DE" sz="1350" b="1" dirty="0">
                <a:solidFill>
                  <a:srgbClr val="FF0000"/>
                </a:solidFill>
              </a:rPr>
              <a:t>con el fin de gestionar el registro de la propiedad</a:t>
            </a:r>
            <a:r>
              <a:rPr lang="es-419" altLang="de-DE" sz="1350" dirty="0">
                <a:solidFill>
                  <a:schemeClr val="tx1"/>
                </a:solidFill>
              </a:rPr>
              <a:t>.</a:t>
            </a:r>
          </a:p>
          <a:p>
            <a:endParaRPr lang="es-419" altLang="de-DE" sz="1350" dirty="0">
              <a:solidFill>
                <a:schemeClr val="tx1"/>
              </a:solidFill>
            </a:endParaRPr>
          </a:p>
          <a:p>
            <a:r>
              <a:rPr lang="es-419" altLang="de-DE" sz="1350" baseline="30000" dirty="0">
                <a:solidFill>
                  <a:schemeClr val="tx1"/>
                </a:solidFill>
              </a:rPr>
              <a:t>2</a:t>
            </a:r>
            <a:r>
              <a:rPr lang="es-419" altLang="de-DE" sz="1350" dirty="0">
                <a:solidFill>
                  <a:schemeClr val="tx1"/>
                </a:solidFill>
              </a:rPr>
              <a:t> Los datos de la geomensura catastral sirven de base </a:t>
            </a:r>
            <a:r>
              <a:rPr lang="es-419" altLang="de-DE" sz="1350" b="1" dirty="0">
                <a:solidFill>
                  <a:srgbClr val="FF0000"/>
                </a:solidFill>
              </a:rPr>
              <a:t>para la creación y el funcionamiento de los sistemas de información de tierra </a:t>
            </a:r>
            <a:r>
              <a:rPr lang="es-419" altLang="de-DE" sz="1350" dirty="0">
                <a:solidFill>
                  <a:schemeClr val="tx1"/>
                </a:solidFill>
              </a:rPr>
              <a:t>y deben ser adecuados a fines públicos y privados.</a:t>
            </a:r>
          </a:p>
        </p:txBody>
      </p:sp>
      <p:sp>
        <p:nvSpPr>
          <p:cNvPr id="29702" name="Rectangle 6"/>
          <p:cNvSpPr>
            <a:spLocks noChangeArrowheads="1"/>
          </p:cNvSpPr>
          <p:nvPr/>
        </p:nvSpPr>
        <p:spPr bwMode="auto">
          <a:xfrm>
            <a:off x="1257300" y="1128713"/>
            <a:ext cx="2171700" cy="3657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grpSp>
        <p:nvGrpSpPr>
          <p:cNvPr id="29703" name="Group 7"/>
          <p:cNvGrpSpPr>
            <a:grpSpLocks/>
          </p:cNvGrpSpPr>
          <p:nvPr/>
        </p:nvGrpSpPr>
        <p:grpSpPr bwMode="auto">
          <a:xfrm>
            <a:off x="1331119" y="1525736"/>
            <a:ext cx="2455033" cy="2913319"/>
            <a:chOff x="108" y="842"/>
            <a:chExt cx="2141" cy="2971"/>
          </a:xfrm>
        </p:grpSpPr>
        <p:grpSp>
          <p:nvGrpSpPr>
            <p:cNvPr id="29704" name="Group 8"/>
            <p:cNvGrpSpPr>
              <a:grpSpLocks/>
            </p:cNvGrpSpPr>
            <p:nvPr/>
          </p:nvGrpSpPr>
          <p:grpSpPr bwMode="auto">
            <a:xfrm>
              <a:off x="108" y="842"/>
              <a:ext cx="1795" cy="2824"/>
              <a:chOff x="108" y="842"/>
              <a:chExt cx="1795" cy="2824"/>
            </a:xfrm>
          </p:grpSpPr>
          <p:sp>
            <p:nvSpPr>
              <p:cNvPr id="29707" name="Freeform 9"/>
              <p:cNvSpPr>
                <a:spLocks/>
              </p:cNvSpPr>
              <p:nvPr/>
            </p:nvSpPr>
            <p:spPr bwMode="auto">
              <a:xfrm>
                <a:off x="248" y="3390"/>
                <a:ext cx="321" cy="276"/>
              </a:xfrm>
              <a:custGeom>
                <a:avLst/>
                <a:gdLst>
                  <a:gd name="T0" fmla="*/ 103 w 640"/>
                  <a:gd name="T1" fmla="*/ 0 h 276"/>
                  <a:gd name="T2" fmla="*/ 21 w 640"/>
                  <a:gd name="T3" fmla="*/ 23 h 276"/>
                  <a:gd name="T4" fmla="*/ 13 w 640"/>
                  <a:gd name="T5" fmla="*/ 41 h 276"/>
                  <a:gd name="T6" fmla="*/ 8 w 640"/>
                  <a:gd name="T7" fmla="*/ 62 h 276"/>
                  <a:gd name="T8" fmla="*/ 3 w 640"/>
                  <a:gd name="T9" fmla="*/ 86 h 276"/>
                  <a:gd name="T10" fmla="*/ 0 w 640"/>
                  <a:gd name="T11" fmla="*/ 125 h 276"/>
                  <a:gd name="T12" fmla="*/ 1 w 640"/>
                  <a:gd name="T13" fmla="*/ 168 h 276"/>
                  <a:gd name="T14" fmla="*/ 3 w 640"/>
                  <a:gd name="T15" fmla="*/ 191 h 276"/>
                  <a:gd name="T16" fmla="*/ 8 w 640"/>
                  <a:gd name="T17" fmla="*/ 217 h 276"/>
                  <a:gd name="T18" fmla="*/ 17 w 640"/>
                  <a:gd name="T19" fmla="*/ 239 h 276"/>
                  <a:gd name="T20" fmla="*/ 27 w 640"/>
                  <a:gd name="T21" fmla="*/ 257 h 276"/>
                  <a:gd name="T22" fmla="*/ 37 w 640"/>
                  <a:gd name="T23" fmla="*/ 268 h 276"/>
                  <a:gd name="T24" fmla="*/ 46 w 640"/>
                  <a:gd name="T25" fmla="*/ 273 h 276"/>
                  <a:gd name="T26" fmla="*/ 57 w 640"/>
                  <a:gd name="T27" fmla="*/ 276 h 276"/>
                  <a:gd name="T28" fmla="*/ 57 w 640"/>
                  <a:gd name="T29" fmla="*/ 273 h 276"/>
                  <a:gd name="T30" fmla="*/ 120 w 640"/>
                  <a:gd name="T31" fmla="*/ 255 h 276"/>
                  <a:gd name="T32" fmla="*/ 161 w 640"/>
                  <a:gd name="T33" fmla="*/ 0 h 276"/>
                  <a:gd name="T34" fmla="*/ 103 w 640"/>
                  <a:gd name="T35" fmla="*/ 0 h 27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640" h="276">
                    <a:moveTo>
                      <a:pt x="410" y="0"/>
                    </a:moveTo>
                    <a:lnTo>
                      <a:pt x="83" y="23"/>
                    </a:lnTo>
                    <a:lnTo>
                      <a:pt x="51" y="41"/>
                    </a:lnTo>
                    <a:lnTo>
                      <a:pt x="31" y="62"/>
                    </a:lnTo>
                    <a:lnTo>
                      <a:pt x="12" y="86"/>
                    </a:lnTo>
                    <a:lnTo>
                      <a:pt x="0" y="125"/>
                    </a:lnTo>
                    <a:lnTo>
                      <a:pt x="2" y="168"/>
                    </a:lnTo>
                    <a:lnTo>
                      <a:pt x="12" y="191"/>
                    </a:lnTo>
                    <a:lnTo>
                      <a:pt x="31" y="217"/>
                    </a:lnTo>
                    <a:lnTo>
                      <a:pt x="65" y="239"/>
                    </a:lnTo>
                    <a:lnTo>
                      <a:pt x="105" y="257"/>
                    </a:lnTo>
                    <a:lnTo>
                      <a:pt x="147" y="268"/>
                    </a:lnTo>
                    <a:lnTo>
                      <a:pt x="181" y="273"/>
                    </a:lnTo>
                    <a:lnTo>
                      <a:pt x="228" y="276"/>
                    </a:lnTo>
                    <a:lnTo>
                      <a:pt x="225" y="273"/>
                    </a:lnTo>
                    <a:lnTo>
                      <a:pt x="479" y="255"/>
                    </a:lnTo>
                    <a:lnTo>
                      <a:pt x="640" y="0"/>
                    </a:lnTo>
                    <a:lnTo>
                      <a:pt x="410" y="0"/>
                    </a:lnTo>
                    <a:close/>
                  </a:path>
                </a:pathLst>
              </a:custGeom>
              <a:solidFill>
                <a:srgbClr val="808080"/>
              </a:solidFill>
              <a:ln w="23813">
                <a:solidFill>
                  <a:srgbClr val="000000"/>
                </a:solidFill>
                <a:prstDash val="solid"/>
                <a:round/>
                <a:headEnd/>
                <a:tailEnd/>
              </a:ln>
            </p:spPr>
            <p:txBody>
              <a:bodyPr/>
              <a:lstStyle/>
              <a:p>
                <a:endParaRPr lang="de-CH" sz="1013"/>
              </a:p>
            </p:txBody>
          </p:sp>
          <p:sp>
            <p:nvSpPr>
              <p:cNvPr id="29708" name="Freeform 10"/>
              <p:cNvSpPr>
                <a:spLocks/>
              </p:cNvSpPr>
              <p:nvPr/>
            </p:nvSpPr>
            <p:spPr bwMode="auto">
              <a:xfrm>
                <a:off x="108" y="842"/>
                <a:ext cx="1795" cy="2821"/>
              </a:xfrm>
              <a:custGeom>
                <a:avLst/>
                <a:gdLst>
                  <a:gd name="T0" fmla="*/ 51 w 3590"/>
                  <a:gd name="T1" fmla="*/ 10 h 2821"/>
                  <a:gd name="T2" fmla="*/ 32 w 3590"/>
                  <a:gd name="T3" fmla="*/ 48 h 2821"/>
                  <a:gd name="T4" fmla="*/ 10 w 3590"/>
                  <a:gd name="T5" fmla="*/ 126 h 2821"/>
                  <a:gd name="T6" fmla="*/ 2 w 3590"/>
                  <a:gd name="T7" fmla="*/ 207 h 2821"/>
                  <a:gd name="T8" fmla="*/ 0 w 3590"/>
                  <a:gd name="T9" fmla="*/ 304 h 2821"/>
                  <a:gd name="T10" fmla="*/ 4 w 3590"/>
                  <a:gd name="T11" fmla="*/ 386 h 2821"/>
                  <a:gd name="T12" fmla="*/ 16 w 3590"/>
                  <a:gd name="T13" fmla="*/ 519 h 2821"/>
                  <a:gd name="T14" fmla="*/ 48 w 3590"/>
                  <a:gd name="T15" fmla="*/ 743 h 2821"/>
                  <a:gd name="T16" fmla="*/ 86 w 3590"/>
                  <a:gd name="T17" fmla="*/ 994 h 2821"/>
                  <a:gd name="T18" fmla="*/ 121 w 3590"/>
                  <a:gd name="T19" fmla="*/ 1251 h 2821"/>
                  <a:gd name="T20" fmla="*/ 149 w 3590"/>
                  <a:gd name="T21" fmla="*/ 1587 h 2821"/>
                  <a:gd name="T22" fmla="*/ 165 w 3590"/>
                  <a:gd name="T23" fmla="*/ 1993 h 2821"/>
                  <a:gd name="T24" fmla="*/ 173 w 3590"/>
                  <a:gd name="T25" fmla="*/ 2283 h 2821"/>
                  <a:gd name="T26" fmla="*/ 173 w 3590"/>
                  <a:gd name="T27" fmla="*/ 2501 h 2821"/>
                  <a:gd name="T28" fmla="*/ 162 w 3590"/>
                  <a:gd name="T29" fmla="*/ 2665 h 2821"/>
                  <a:gd name="T30" fmla="*/ 149 w 3590"/>
                  <a:gd name="T31" fmla="*/ 2759 h 2821"/>
                  <a:gd name="T32" fmla="*/ 135 w 3590"/>
                  <a:gd name="T33" fmla="*/ 2804 h 2821"/>
                  <a:gd name="T34" fmla="*/ 209 w 3590"/>
                  <a:gd name="T35" fmla="*/ 2796 h 2821"/>
                  <a:gd name="T36" fmla="*/ 492 w 3590"/>
                  <a:gd name="T37" fmla="*/ 2688 h 2821"/>
                  <a:gd name="T38" fmla="*/ 748 w 3590"/>
                  <a:gd name="T39" fmla="*/ 2626 h 2821"/>
                  <a:gd name="T40" fmla="*/ 854 w 3590"/>
                  <a:gd name="T41" fmla="*/ 2634 h 2821"/>
                  <a:gd name="T42" fmla="*/ 876 w 3590"/>
                  <a:gd name="T43" fmla="*/ 2587 h 2821"/>
                  <a:gd name="T44" fmla="*/ 891 w 3590"/>
                  <a:gd name="T45" fmla="*/ 2480 h 2821"/>
                  <a:gd name="T46" fmla="*/ 898 w 3590"/>
                  <a:gd name="T47" fmla="*/ 2329 h 2821"/>
                  <a:gd name="T48" fmla="*/ 896 w 3590"/>
                  <a:gd name="T49" fmla="*/ 2137 h 2821"/>
                  <a:gd name="T50" fmla="*/ 887 w 3590"/>
                  <a:gd name="T51" fmla="*/ 1852 h 2821"/>
                  <a:gd name="T52" fmla="*/ 857 w 3590"/>
                  <a:gd name="T53" fmla="*/ 1485 h 2821"/>
                  <a:gd name="T54" fmla="*/ 822 w 3590"/>
                  <a:gd name="T55" fmla="*/ 1158 h 2821"/>
                  <a:gd name="T56" fmla="*/ 781 w 3590"/>
                  <a:gd name="T57" fmla="*/ 853 h 2821"/>
                  <a:gd name="T58" fmla="*/ 734 w 3590"/>
                  <a:gd name="T59" fmla="*/ 516 h 2821"/>
                  <a:gd name="T60" fmla="*/ 719 w 3590"/>
                  <a:gd name="T61" fmla="*/ 368 h 2821"/>
                  <a:gd name="T62" fmla="*/ 717 w 3590"/>
                  <a:gd name="T63" fmla="*/ 254 h 2821"/>
                  <a:gd name="T64" fmla="*/ 734 w 3590"/>
                  <a:gd name="T65" fmla="*/ 25 h 2821"/>
                  <a:gd name="T66" fmla="*/ 57 w 3590"/>
                  <a:gd name="T67" fmla="*/ 5 h 2821"/>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3590" h="2821">
                    <a:moveTo>
                      <a:pt x="226" y="5"/>
                    </a:moveTo>
                    <a:lnTo>
                      <a:pt x="201" y="10"/>
                    </a:lnTo>
                    <a:lnTo>
                      <a:pt x="168" y="22"/>
                    </a:lnTo>
                    <a:lnTo>
                      <a:pt x="128" y="48"/>
                    </a:lnTo>
                    <a:lnTo>
                      <a:pt x="76" y="86"/>
                    </a:lnTo>
                    <a:lnTo>
                      <a:pt x="38" y="126"/>
                    </a:lnTo>
                    <a:lnTo>
                      <a:pt x="16" y="169"/>
                    </a:lnTo>
                    <a:lnTo>
                      <a:pt x="7" y="207"/>
                    </a:lnTo>
                    <a:lnTo>
                      <a:pt x="0" y="256"/>
                    </a:lnTo>
                    <a:lnTo>
                      <a:pt x="0" y="304"/>
                    </a:lnTo>
                    <a:lnTo>
                      <a:pt x="9" y="345"/>
                    </a:lnTo>
                    <a:lnTo>
                      <a:pt x="16" y="386"/>
                    </a:lnTo>
                    <a:lnTo>
                      <a:pt x="27" y="423"/>
                    </a:lnTo>
                    <a:lnTo>
                      <a:pt x="63" y="519"/>
                    </a:lnTo>
                    <a:lnTo>
                      <a:pt x="114" y="626"/>
                    </a:lnTo>
                    <a:lnTo>
                      <a:pt x="190" y="743"/>
                    </a:lnTo>
                    <a:lnTo>
                      <a:pt x="266" y="877"/>
                    </a:lnTo>
                    <a:lnTo>
                      <a:pt x="342" y="994"/>
                    </a:lnTo>
                    <a:lnTo>
                      <a:pt x="408" y="1111"/>
                    </a:lnTo>
                    <a:lnTo>
                      <a:pt x="484" y="1251"/>
                    </a:lnTo>
                    <a:lnTo>
                      <a:pt x="549" y="1431"/>
                    </a:lnTo>
                    <a:lnTo>
                      <a:pt x="593" y="1587"/>
                    </a:lnTo>
                    <a:lnTo>
                      <a:pt x="636" y="1782"/>
                    </a:lnTo>
                    <a:lnTo>
                      <a:pt x="658" y="1993"/>
                    </a:lnTo>
                    <a:lnTo>
                      <a:pt x="691" y="2180"/>
                    </a:lnTo>
                    <a:lnTo>
                      <a:pt x="691" y="2283"/>
                    </a:lnTo>
                    <a:lnTo>
                      <a:pt x="691" y="2415"/>
                    </a:lnTo>
                    <a:lnTo>
                      <a:pt x="691" y="2501"/>
                    </a:lnTo>
                    <a:lnTo>
                      <a:pt x="682" y="2582"/>
                    </a:lnTo>
                    <a:lnTo>
                      <a:pt x="647" y="2665"/>
                    </a:lnTo>
                    <a:lnTo>
                      <a:pt x="624" y="2714"/>
                    </a:lnTo>
                    <a:lnTo>
                      <a:pt x="593" y="2759"/>
                    </a:lnTo>
                    <a:lnTo>
                      <a:pt x="562" y="2787"/>
                    </a:lnTo>
                    <a:lnTo>
                      <a:pt x="540" y="2804"/>
                    </a:lnTo>
                    <a:lnTo>
                      <a:pt x="517" y="2821"/>
                    </a:lnTo>
                    <a:lnTo>
                      <a:pt x="836" y="2796"/>
                    </a:lnTo>
                    <a:lnTo>
                      <a:pt x="1454" y="2735"/>
                    </a:lnTo>
                    <a:lnTo>
                      <a:pt x="1966" y="2688"/>
                    </a:lnTo>
                    <a:lnTo>
                      <a:pt x="2554" y="2642"/>
                    </a:lnTo>
                    <a:lnTo>
                      <a:pt x="2991" y="2626"/>
                    </a:lnTo>
                    <a:lnTo>
                      <a:pt x="3328" y="2634"/>
                    </a:lnTo>
                    <a:lnTo>
                      <a:pt x="3415" y="2634"/>
                    </a:lnTo>
                    <a:lnTo>
                      <a:pt x="3470" y="2626"/>
                    </a:lnTo>
                    <a:lnTo>
                      <a:pt x="3502" y="2587"/>
                    </a:lnTo>
                    <a:lnTo>
                      <a:pt x="3535" y="2544"/>
                    </a:lnTo>
                    <a:lnTo>
                      <a:pt x="3562" y="2480"/>
                    </a:lnTo>
                    <a:lnTo>
                      <a:pt x="3579" y="2404"/>
                    </a:lnTo>
                    <a:lnTo>
                      <a:pt x="3590" y="2329"/>
                    </a:lnTo>
                    <a:lnTo>
                      <a:pt x="3590" y="2221"/>
                    </a:lnTo>
                    <a:lnTo>
                      <a:pt x="3584" y="2137"/>
                    </a:lnTo>
                    <a:lnTo>
                      <a:pt x="3579" y="2000"/>
                    </a:lnTo>
                    <a:lnTo>
                      <a:pt x="3546" y="1852"/>
                    </a:lnTo>
                    <a:lnTo>
                      <a:pt x="3492" y="1661"/>
                    </a:lnTo>
                    <a:lnTo>
                      <a:pt x="3426" y="1485"/>
                    </a:lnTo>
                    <a:lnTo>
                      <a:pt x="3372" y="1329"/>
                    </a:lnTo>
                    <a:lnTo>
                      <a:pt x="3285" y="1158"/>
                    </a:lnTo>
                    <a:lnTo>
                      <a:pt x="3198" y="1001"/>
                    </a:lnTo>
                    <a:lnTo>
                      <a:pt x="3122" y="853"/>
                    </a:lnTo>
                    <a:lnTo>
                      <a:pt x="3002" y="641"/>
                    </a:lnTo>
                    <a:lnTo>
                      <a:pt x="2936" y="516"/>
                    </a:lnTo>
                    <a:lnTo>
                      <a:pt x="2897" y="433"/>
                    </a:lnTo>
                    <a:lnTo>
                      <a:pt x="2875" y="368"/>
                    </a:lnTo>
                    <a:lnTo>
                      <a:pt x="2866" y="307"/>
                    </a:lnTo>
                    <a:lnTo>
                      <a:pt x="2866" y="254"/>
                    </a:lnTo>
                    <a:lnTo>
                      <a:pt x="2915" y="64"/>
                    </a:lnTo>
                    <a:lnTo>
                      <a:pt x="2936" y="25"/>
                    </a:lnTo>
                    <a:lnTo>
                      <a:pt x="261" y="0"/>
                    </a:lnTo>
                    <a:lnTo>
                      <a:pt x="226" y="5"/>
                    </a:lnTo>
                    <a:close/>
                  </a:path>
                </a:pathLst>
              </a:custGeom>
              <a:solidFill>
                <a:srgbClr val="FFFFFF"/>
              </a:solidFill>
              <a:ln w="23813">
                <a:solidFill>
                  <a:srgbClr val="000000"/>
                </a:solidFill>
                <a:prstDash val="solid"/>
                <a:round/>
                <a:headEnd/>
                <a:tailEnd/>
              </a:ln>
            </p:spPr>
            <p:txBody>
              <a:bodyPr/>
              <a:lstStyle/>
              <a:p>
                <a:endParaRPr lang="de-CH" sz="1013"/>
              </a:p>
            </p:txBody>
          </p:sp>
          <p:sp>
            <p:nvSpPr>
              <p:cNvPr id="29709" name="Freeform 11"/>
              <p:cNvSpPr>
                <a:spLocks/>
              </p:cNvSpPr>
              <p:nvPr/>
            </p:nvSpPr>
            <p:spPr bwMode="auto">
              <a:xfrm>
                <a:off x="202" y="971"/>
                <a:ext cx="148" cy="184"/>
              </a:xfrm>
              <a:custGeom>
                <a:avLst/>
                <a:gdLst>
                  <a:gd name="T0" fmla="*/ 74 w 296"/>
                  <a:gd name="T1" fmla="*/ 13 h 184"/>
                  <a:gd name="T2" fmla="*/ 55 w 296"/>
                  <a:gd name="T3" fmla="*/ 169 h 184"/>
                  <a:gd name="T4" fmla="*/ 36 w 296"/>
                  <a:gd name="T5" fmla="*/ 184 h 184"/>
                  <a:gd name="T6" fmla="*/ 27 w 296"/>
                  <a:gd name="T7" fmla="*/ 182 h 184"/>
                  <a:gd name="T8" fmla="*/ 17 w 296"/>
                  <a:gd name="T9" fmla="*/ 171 h 184"/>
                  <a:gd name="T10" fmla="*/ 10 w 296"/>
                  <a:gd name="T11" fmla="*/ 153 h 184"/>
                  <a:gd name="T12" fmla="*/ 5 w 296"/>
                  <a:gd name="T13" fmla="*/ 135 h 184"/>
                  <a:gd name="T14" fmla="*/ 2 w 296"/>
                  <a:gd name="T15" fmla="*/ 112 h 184"/>
                  <a:gd name="T16" fmla="*/ 0 w 296"/>
                  <a:gd name="T17" fmla="*/ 91 h 184"/>
                  <a:gd name="T18" fmla="*/ 1 w 296"/>
                  <a:gd name="T19" fmla="*/ 63 h 184"/>
                  <a:gd name="T20" fmla="*/ 4 w 296"/>
                  <a:gd name="T21" fmla="*/ 44 h 184"/>
                  <a:gd name="T22" fmla="*/ 9 w 296"/>
                  <a:gd name="T23" fmla="*/ 28 h 184"/>
                  <a:gd name="T24" fmla="*/ 16 w 296"/>
                  <a:gd name="T25" fmla="*/ 15 h 184"/>
                  <a:gd name="T26" fmla="*/ 24 w 296"/>
                  <a:gd name="T27" fmla="*/ 9 h 184"/>
                  <a:gd name="T28" fmla="*/ 31 w 296"/>
                  <a:gd name="T29" fmla="*/ 5 h 184"/>
                  <a:gd name="T30" fmla="*/ 39 w 296"/>
                  <a:gd name="T31" fmla="*/ 1 h 184"/>
                  <a:gd name="T32" fmla="*/ 44 w 296"/>
                  <a:gd name="T33" fmla="*/ 1 h 184"/>
                  <a:gd name="T34" fmla="*/ 52 w 296"/>
                  <a:gd name="T35" fmla="*/ 0 h 184"/>
                  <a:gd name="T36" fmla="*/ 74 w 296"/>
                  <a:gd name="T37" fmla="*/ 13 h 18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296" h="184">
                    <a:moveTo>
                      <a:pt x="296" y="13"/>
                    </a:moveTo>
                    <a:lnTo>
                      <a:pt x="220" y="169"/>
                    </a:lnTo>
                    <a:lnTo>
                      <a:pt x="144" y="184"/>
                    </a:lnTo>
                    <a:lnTo>
                      <a:pt x="105" y="182"/>
                    </a:lnTo>
                    <a:lnTo>
                      <a:pt x="67" y="171"/>
                    </a:lnTo>
                    <a:lnTo>
                      <a:pt x="38" y="153"/>
                    </a:lnTo>
                    <a:lnTo>
                      <a:pt x="18" y="135"/>
                    </a:lnTo>
                    <a:lnTo>
                      <a:pt x="6" y="112"/>
                    </a:lnTo>
                    <a:lnTo>
                      <a:pt x="0" y="91"/>
                    </a:lnTo>
                    <a:lnTo>
                      <a:pt x="2" y="63"/>
                    </a:lnTo>
                    <a:lnTo>
                      <a:pt x="13" y="44"/>
                    </a:lnTo>
                    <a:lnTo>
                      <a:pt x="35" y="28"/>
                    </a:lnTo>
                    <a:lnTo>
                      <a:pt x="62" y="15"/>
                    </a:lnTo>
                    <a:lnTo>
                      <a:pt x="95" y="9"/>
                    </a:lnTo>
                    <a:lnTo>
                      <a:pt x="122" y="5"/>
                    </a:lnTo>
                    <a:lnTo>
                      <a:pt x="153" y="1"/>
                    </a:lnTo>
                    <a:lnTo>
                      <a:pt x="176" y="1"/>
                    </a:lnTo>
                    <a:lnTo>
                      <a:pt x="207" y="0"/>
                    </a:lnTo>
                    <a:lnTo>
                      <a:pt x="296" y="13"/>
                    </a:lnTo>
                    <a:close/>
                  </a:path>
                </a:pathLst>
              </a:custGeom>
              <a:solidFill>
                <a:srgbClr val="808080"/>
              </a:solidFill>
              <a:ln w="23813">
                <a:solidFill>
                  <a:srgbClr val="000000"/>
                </a:solidFill>
                <a:prstDash val="solid"/>
                <a:round/>
                <a:headEnd/>
                <a:tailEnd/>
              </a:ln>
            </p:spPr>
            <p:txBody>
              <a:bodyPr/>
              <a:lstStyle/>
              <a:p>
                <a:endParaRPr lang="de-CH" sz="1013"/>
              </a:p>
            </p:txBody>
          </p:sp>
          <p:sp>
            <p:nvSpPr>
              <p:cNvPr id="29710" name="Freeform 12"/>
              <p:cNvSpPr>
                <a:spLocks/>
              </p:cNvSpPr>
              <p:nvPr/>
            </p:nvSpPr>
            <p:spPr bwMode="auto">
              <a:xfrm>
                <a:off x="259" y="960"/>
                <a:ext cx="104" cy="151"/>
              </a:xfrm>
              <a:custGeom>
                <a:avLst/>
                <a:gdLst>
                  <a:gd name="T0" fmla="*/ 0 w 206"/>
                  <a:gd name="T1" fmla="*/ 19 h 151"/>
                  <a:gd name="T2" fmla="*/ 10 w 206"/>
                  <a:gd name="T3" fmla="*/ 38 h 151"/>
                  <a:gd name="T4" fmla="*/ 14 w 206"/>
                  <a:gd name="T5" fmla="*/ 58 h 151"/>
                  <a:gd name="T6" fmla="*/ 17 w 206"/>
                  <a:gd name="T7" fmla="*/ 77 h 151"/>
                  <a:gd name="T8" fmla="*/ 17 w 206"/>
                  <a:gd name="T9" fmla="*/ 106 h 151"/>
                  <a:gd name="T10" fmla="*/ 15 w 206"/>
                  <a:gd name="T11" fmla="*/ 129 h 151"/>
                  <a:gd name="T12" fmla="*/ 10 w 206"/>
                  <a:gd name="T13" fmla="*/ 151 h 151"/>
                  <a:gd name="T14" fmla="*/ 53 w 206"/>
                  <a:gd name="T15" fmla="*/ 125 h 151"/>
                  <a:gd name="T16" fmla="*/ 49 w 206"/>
                  <a:gd name="T17" fmla="*/ 0 h 151"/>
                  <a:gd name="T18" fmla="*/ 0 w 206"/>
                  <a:gd name="T19" fmla="*/ 19 h 151"/>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206" h="151">
                    <a:moveTo>
                      <a:pt x="0" y="19"/>
                    </a:moveTo>
                    <a:lnTo>
                      <a:pt x="38" y="38"/>
                    </a:lnTo>
                    <a:lnTo>
                      <a:pt x="56" y="58"/>
                    </a:lnTo>
                    <a:lnTo>
                      <a:pt x="65" y="77"/>
                    </a:lnTo>
                    <a:lnTo>
                      <a:pt x="67" y="106"/>
                    </a:lnTo>
                    <a:lnTo>
                      <a:pt x="59" y="129"/>
                    </a:lnTo>
                    <a:lnTo>
                      <a:pt x="38" y="151"/>
                    </a:lnTo>
                    <a:lnTo>
                      <a:pt x="206" y="125"/>
                    </a:lnTo>
                    <a:lnTo>
                      <a:pt x="192" y="0"/>
                    </a:lnTo>
                    <a:lnTo>
                      <a:pt x="0" y="19"/>
                    </a:lnTo>
                    <a:close/>
                  </a:path>
                </a:pathLst>
              </a:custGeom>
              <a:solidFill>
                <a:srgbClr val="000000"/>
              </a:solidFill>
              <a:ln w="23813">
                <a:solidFill>
                  <a:srgbClr val="000000"/>
                </a:solidFill>
                <a:prstDash val="solid"/>
                <a:round/>
                <a:headEnd/>
                <a:tailEnd/>
              </a:ln>
            </p:spPr>
            <p:txBody>
              <a:bodyPr/>
              <a:lstStyle/>
              <a:p>
                <a:endParaRPr lang="de-CH" sz="1013"/>
              </a:p>
            </p:txBody>
          </p:sp>
          <p:sp>
            <p:nvSpPr>
              <p:cNvPr id="29711" name="Freeform 13"/>
              <p:cNvSpPr>
                <a:spLocks/>
              </p:cNvSpPr>
              <p:nvPr/>
            </p:nvSpPr>
            <p:spPr bwMode="auto">
              <a:xfrm>
                <a:off x="230" y="843"/>
                <a:ext cx="1503" cy="312"/>
              </a:xfrm>
              <a:custGeom>
                <a:avLst/>
                <a:gdLst>
                  <a:gd name="T0" fmla="*/ 712 w 3006"/>
                  <a:gd name="T1" fmla="*/ 24 h 312"/>
                  <a:gd name="T2" fmla="*/ 0 w 3006"/>
                  <a:gd name="T3" fmla="*/ 0 h 312"/>
                  <a:gd name="T4" fmla="*/ 20 w 3006"/>
                  <a:gd name="T5" fmla="*/ 9 h 312"/>
                  <a:gd name="T6" fmla="*/ 28 w 3006"/>
                  <a:gd name="T7" fmla="*/ 16 h 312"/>
                  <a:gd name="T8" fmla="*/ 35 w 3006"/>
                  <a:gd name="T9" fmla="*/ 25 h 312"/>
                  <a:gd name="T10" fmla="*/ 40 w 3006"/>
                  <a:gd name="T11" fmla="*/ 39 h 312"/>
                  <a:gd name="T12" fmla="*/ 46 w 3006"/>
                  <a:gd name="T13" fmla="*/ 60 h 312"/>
                  <a:gd name="T14" fmla="*/ 49 w 3006"/>
                  <a:gd name="T15" fmla="*/ 85 h 312"/>
                  <a:gd name="T16" fmla="*/ 51 w 3006"/>
                  <a:gd name="T17" fmla="*/ 111 h 312"/>
                  <a:gd name="T18" fmla="*/ 52 w 3006"/>
                  <a:gd name="T19" fmla="*/ 137 h 312"/>
                  <a:gd name="T20" fmla="*/ 52 w 3006"/>
                  <a:gd name="T21" fmla="*/ 159 h 312"/>
                  <a:gd name="T22" fmla="*/ 51 w 3006"/>
                  <a:gd name="T23" fmla="*/ 191 h 312"/>
                  <a:gd name="T24" fmla="*/ 49 w 3006"/>
                  <a:gd name="T25" fmla="*/ 223 h 312"/>
                  <a:gd name="T26" fmla="*/ 44 w 3006"/>
                  <a:gd name="T27" fmla="*/ 250 h 312"/>
                  <a:gd name="T28" fmla="*/ 36 w 3006"/>
                  <a:gd name="T29" fmla="*/ 277 h 312"/>
                  <a:gd name="T30" fmla="*/ 27 w 3006"/>
                  <a:gd name="T31" fmla="*/ 296 h 312"/>
                  <a:gd name="T32" fmla="*/ 19 w 3006"/>
                  <a:gd name="T33" fmla="*/ 312 h 312"/>
                  <a:gd name="T34" fmla="*/ 66 w 3006"/>
                  <a:gd name="T35" fmla="*/ 297 h 312"/>
                  <a:gd name="T36" fmla="*/ 117 w 3006"/>
                  <a:gd name="T37" fmla="*/ 273 h 312"/>
                  <a:gd name="T38" fmla="*/ 200 w 3006"/>
                  <a:gd name="T39" fmla="*/ 258 h 312"/>
                  <a:gd name="T40" fmla="*/ 268 w 3006"/>
                  <a:gd name="T41" fmla="*/ 242 h 312"/>
                  <a:gd name="T42" fmla="*/ 349 w 3006"/>
                  <a:gd name="T43" fmla="*/ 242 h 312"/>
                  <a:gd name="T44" fmla="*/ 439 w 3006"/>
                  <a:gd name="T45" fmla="*/ 250 h 312"/>
                  <a:gd name="T46" fmla="*/ 551 w 3006"/>
                  <a:gd name="T47" fmla="*/ 258 h 312"/>
                  <a:gd name="T48" fmla="*/ 657 w 3006"/>
                  <a:gd name="T49" fmla="*/ 281 h 312"/>
                  <a:gd name="T50" fmla="*/ 701 w 3006"/>
                  <a:gd name="T51" fmla="*/ 305 h 312"/>
                  <a:gd name="T52" fmla="*/ 713 w 3006"/>
                  <a:gd name="T53" fmla="*/ 310 h 312"/>
                  <a:gd name="T54" fmla="*/ 727 w 3006"/>
                  <a:gd name="T55" fmla="*/ 311 h 312"/>
                  <a:gd name="T56" fmla="*/ 736 w 3006"/>
                  <a:gd name="T57" fmla="*/ 305 h 312"/>
                  <a:gd name="T58" fmla="*/ 744 w 3006"/>
                  <a:gd name="T59" fmla="*/ 281 h 312"/>
                  <a:gd name="T60" fmla="*/ 749 w 3006"/>
                  <a:gd name="T61" fmla="*/ 253 h 312"/>
                  <a:gd name="T62" fmla="*/ 751 w 3006"/>
                  <a:gd name="T63" fmla="*/ 228 h 312"/>
                  <a:gd name="T64" fmla="*/ 752 w 3006"/>
                  <a:gd name="T65" fmla="*/ 201 h 312"/>
                  <a:gd name="T66" fmla="*/ 750 w 3006"/>
                  <a:gd name="T67" fmla="*/ 151 h 312"/>
                  <a:gd name="T68" fmla="*/ 747 w 3006"/>
                  <a:gd name="T69" fmla="*/ 120 h 312"/>
                  <a:gd name="T70" fmla="*/ 741 w 3006"/>
                  <a:gd name="T71" fmla="*/ 87 h 312"/>
                  <a:gd name="T72" fmla="*/ 736 w 3006"/>
                  <a:gd name="T73" fmla="*/ 67 h 312"/>
                  <a:gd name="T74" fmla="*/ 730 w 3006"/>
                  <a:gd name="T75" fmla="*/ 50 h 312"/>
                  <a:gd name="T76" fmla="*/ 722 w 3006"/>
                  <a:gd name="T77" fmla="*/ 33 h 312"/>
                  <a:gd name="T78" fmla="*/ 712 w 3006"/>
                  <a:gd name="T79" fmla="*/ 24 h 312"/>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3006" h="312">
                    <a:moveTo>
                      <a:pt x="2845" y="24"/>
                    </a:moveTo>
                    <a:lnTo>
                      <a:pt x="0" y="0"/>
                    </a:lnTo>
                    <a:lnTo>
                      <a:pt x="80" y="9"/>
                    </a:lnTo>
                    <a:lnTo>
                      <a:pt x="109" y="16"/>
                    </a:lnTo>
                    <a:lnTo>
                      <a:pt x="140" y="25"/>
                    </a:lnTo>
                    <a:lnTo>
                      <a:pt x="160" y="39"/>
                    </a:lnTo>
                    <a:lnTo>
                      <a:pt x="184" y="60"/>
                    </a:lnTo>
                    <a:lnTo>
                      <a:pt x="195" y="85"/>
                    </a:lnTo>
                    <a:lnTo>
                      <a:pt x="202" y="111"/>
                    </a:lnTo>
                    <a:lnTo>
                      <a:pt x="205" y="137"/>
                    </a:lnTo>
                    <a:lnTo>
                      <a:pt x="207" y="159"/>
                    </a:lnTo>
                    <a:lnTo>
                      <a:pt x="202" y="191"/>
                    </a:lnTo>
                    <a:lnTo>
                      <a:pt x="195" y="223"/>
                    </a:lnTo>
                    <a:lnTo>
                      <a:pt x="175" y="250"/>
                    </a:lnTo>
                    <a:lnTo>
                      <a:pt x="144" y="277"/>
                    </a:lnTo>
                    <a:lnTo>
                      <a:pt x="106" y="296"/>
                    </a:lnTo>
                    <a:lnTo>
                      <a:pt x="75" y="312"/>
                    </a:lnTo>
                    <a:lnTo>
                      <a:pt x="262" y="297"/>
                    </a:lnTo>
                    <a:lnTo>
                      <a:pt x="468" y="273"/>
                    </a:lnTo>
                    <a:lnTo>
                      <a:pt x="797" y="258"/>
                    </a:lnTo>
                    <a:lnTo>
                      <a:pt x="1069" y="242"/>
                    </a:lnTo>
                    <a:lnTo>
                      <a:pt x="1395" y="242"/>
                    </a:lnTo>
                    <a:lnTo>
                      <a:pt x="1755" y="250"/>
                    </a:lnTo>
                    <a:lnTo>
                      <a:pt x="2201" y="258"/>
                    </a:lnTo>
                    <a:lnTo>
                      <a:pt x="2627" y="281"/>
                    </a:lnTo>
                    <a:lnTo>
                      <a:pt x="2801" y="305"/>
                    </a:lnTo>
                    <a:lnTo>
                      <a:pt x="2850" y="310"/>
                    </a:lnTo>
                    <a:lnTo>
                      <a:pt x="2905" y="311"/>
                    </a:lnTo>
                    <a:lnTo>
                      <a:pt x="2943" y="305"/>
                    </a:lnTo>
                    <a:lnTo>
                      <a:pt x="2975" y="281"/>
                    </a:lnTo>
                    <a:lnTo>
                      <a:pt x="2994" y="253"/>
                    </a:lnTo>
                    <a:lnTo>
                      <a:pt x="3003" y="228"/>
                    </a:lnTo>
                    <a:lnTo>
                      <a:pt x="3006" y="201"/>
                    </a:lnTo>
                    <a:lnTo>
                      <a:pt x="2999" y="151"/>
                    </a:lnTo>
                    <a:lnTo>
                      <a:pt x="2985" y="120"/>
                    </a:lnTo>
                    <a:lnTo>
                      <a:pt x="2963" y="87"/>
                    </a:lnTo>
                    <a:lnTo>
                      <a:pt x="2943" y="67"/>
                    </a:lnTo>
                    <a:lnTo>
                      <a:pt x="2919" y="50"/>
                    </a:lnTo>
                    <a:lnTo>
                      <a:pt x="2885" y="33"/>
                    </a:lnTo>
                    <a:lnTo>
                      <a:pt x="2845" y="24"/>
                    </a:lnTo>
                    <a:close/>
                  </a:path>
                </a:pathLst>
              </a:custGeom>
              <a:solidFill>
                <a:srgbClr val="FFFFFF"/>
              </a:solidFill>
              <a:ln w="23813">
                <a:solidFill>
                  <a:srgbClr val="000000"/>
                </a:solidFill>
                <a:prstDash val="solid"/>
                <a:round/>
                <a:headEnd/>
                <a:tailEnd/>
              </a:ln>
            </p:spPr>
            <p:txBody>
              <a:bodyPr/>
              <a:lstStyle/>
              <a:p>
                <a:endParaRPr lang="de-CH" sz="1013"/>
              </a:p>
            </p:txBody>
          </p:sp>
        </p:grpSp>
        <p:sp>
          <p:nvSpPr>
            <p:cNvPr id="29705" name="Rectangle 14"/>
            <p:cNvSpPr>
              <a:spLocks noChangeArrowheads="1"/>
            </p:cNvSpPr>
            <p:nvPr/>
          </p:nvSpPr>
          <p:spPr bwMode="auto">
            <a:xfrm rot="21214478">
              <a:off x="423" y="1292"/>
              <a:ext cx="1296" cy="209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de-CH" altLang="de-DE" sz="750" b="1" dirty="0">
                  <a:solidFill>
                    <a:srgbClr val="FF0000"/>
                  </a:solidFill>
                  <a:cs typeface="Arial" charset="0"/>
                </a:rPr>
                <a:t>Verordnung der Amtlichen Vermessung (VAV, 1.1.1993)</a:t>
              </a:r>
            </a:p>
            <a:p>
              <a:r>
                <a:rPr lang="de-CH" altLang="de-DE" sz="750" b="1" dirty="0">
                  <a:solidFill>
                    <a:schemeClr val="tx1"/>
                  </a:solidFill>
                </a:rPr>
                <a:t>Art. 1 Begriff und Zweck</a:t>
              </a:r>
            </a:p>
            <a:p>
              <a:r>
                <a:rPr lang="de-CH" altLang="de-DE" sz="750" b="1" baseline="30000" dirty="0">
                  <a:solidFill>
                    <a:schemeClr val="tx1"/>
                  </a:solidFill>
                </a:rPr>
                <a:t>1 </a:t>
              </a:r>
              <a:r>
                <a:rPr lang="de-CH" altLang="de-DE" sz="750" b="1" dirty="0">
                  <a:solidFill>
                    <a:schemeClr val="tx1"/>
                  </a:solidFill>
                </a:rPr>
                <a:t>Als amtliche Vermessungen im Sinne des ZGB gelten die zur Anlage und Führung des Grundbuches vom Bund anerkannten Vermessungen.</a:t>
              </a:r>
            </a:p>
            <a:p>
              <a:r>
                <a:rPr lang="de-CH" altLang="de-DE" sz="750" b="1" baseline="30000" dirty="0">
                  <a:solidFill>
                    <a:schemeClr val="tx1"/>
                  </a:solidFill>
                </a:rPr>
                <a:t>2 </a:t>
              </a:r>
              <a:r>
                <a:rPr lang="de-CH" altLang="de-DE" sz="750" b="1" dirty="0">
                  <a:solidFill>
                    <a:schemeClr val="tx1"/>
                  </a:solidFill>
                </a:rPr>
                <a:t>Die Daten der amtlichen Vermessung sollen als Grundlage für den Aufbau und den Betrieb von Land-informationssystemen dienen und für öffentliche und private Zwecke verwendet werden können.</a:t>
              </a:r>
            </a:p>
          </p:txBody>
        </p:sp>
        <p:pic>
          <p:nvPicPr>
            <p:cNvPr id="29706" name="Picture 15" descr="chcroix"/>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825" y="3264"/>
              <a:ext cx="424" cy="549"/>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Tree>
    <p:extLst>
      <p:ext uri="{BB962C8B-B14F-4D97-AF65-F5344CB8AC3E}">
        <p14:creationId xmlns:p14="http://schemas.microsoft.com/office/powerpoint/2010/main" val="6434339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0050" name="Rectangle 2"/>
          <p:cNvSpPr>
            <a:spLocks noGrp="1" noChangeArrowheads="1"/>
          </p:cNvSpPr>
          <p:nvPr>
            <p:ph type="title" idx="4294967295"/>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r>
              <a:rPr lang="es-CO" dirty="0">
                <a:latin typeface="+mj-lt"/>
              </a:rPr>
              <a:t>Elementos conceptuales de la reforma de ‘93</a:t>
            </a:r>
            <a:endParaRPr lang="en-GB" dirty="0">
              <a:latin typeface="Arial" charset="0"/>
            </a:endParaRPr>
          </a:p>
        </p:txBody>
      </p:sp>
      <p:sp>
        <p:nvSpPr>
          <p:cNvPr id="30723" name="Text Box 3"/>
          <p:cNvSpPr txBox="1">
            <a:spLocks noChangeArrowheads="1"/>
          </p:cNvSpPr>
          <p:nvPr/>
        </p:nvSpPr>
        <p:spPr bwMode="auto">
          <a:xfrm>
            <a:off x="1403648" y="1047963"/>
            <a:ext cx="4896544" cy="34624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type="none" w="sm" len="sm"/>
                <a:tailEnd type="none" w="sm"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182563" indent="-182563">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marL="285750" indent="-285750">
              <a:spcBef>
                <a:spcPts val="1200"/>
              </a:spcBef>
              <a:spcAft>
                <a:spcPts val="1800"/>
              </a:spcAft>
              <a:buFont typeface="Wingdings" panose="05000000000000000000" pitchFamily="2" charset="2"/>
              <a:buChar char="Ø"/>
            </a:pPr>
            <a:r>
              <a:rPr lang="es-CO" altLang="de-DE" sz="1800" b="1" dirty="0">
                <a:solidFill>
                  <a:schemeClr val="tx1"/>
                </a:solidFill>
              </a:rPr>
              <a:t>Definición clara del producto </a:t>
            </a:r>
          </a:p>
          <a:p>
            <a:pPr marL="285750" indent="-285750">
              <a:spcBef>
                <a:spcPts val="1200"/>
              </a:spcBef>
              <a:spcAft>
                <a:spcPts val="1800"/>
              </a:spcAft>
              <a:buFont typeface="Wingdings" panose="05000000000000000000" pitchFamily="2" charset="2"/>
              <a:buChar char="Ø"/>
            </a:pPr>
            <a:r>
              <a:rPr lang="es-CO" altLang="de-DE" sz="1800" b="1" dirty="0">
                <a:solidFill>
                  <a:schemeClr val="tx1"/>
                </a:solidFill>
              </a:rPr>
              <a:t>Libertad del método y sistemas </a:t>
            </a:r>
            <a:r>
              <a:rPr lang="es-CO" altLang="de-DE" sz="1800" dirty="0">
                <a:solidFill>
                  <a:schemeClr val="tx1"/>
                </a:solidFill>
              </a:rPr>
              <a:t>como base de las licitaciones </a:t>
            </a:r>
          </a:p>
          <a:p>
            <a:pPr marL="285750" indent="-285750">
              <a:spcBef>
                <a:spcPts val="1200"/>
              </a:spcBef>
              <a:spcAft>
                <a:spcPts val="1800"/>
              </a:spcAft>
              <a:buFont typeface="Wingdings" panose="05000000000000000000" pitchFamily="2" charset="2"/>
              <a:buChar char="Ø"/>
            </a:pPr>
            <a:r>
              <a:rPr lang="es-CO" altLang="de-DE" sz="1800" b="1" dirty="0">
                <a:solidFill>
                  <a:schemeClr val="tx1"/>
                </a:solidFill>
              </a:rPr>
              <a:t>Capas de información </a:t>
            </a:r>
            <a:r>
              <a:rPr lang="es-CO" altLang="de-DE" sz="1800" b="1" dirty="0" err="1">
                <a:solidFill>
                  <a:schemeClr val="tx1"/>
                </a:solidFill>
              </a:rPr>
              <a:t>georeferenciada</a:t>
            </a:r>
            <a:r>
              <a:rPr lang="es-CO" altLang="de-DE" sz="1800" b="1" dirty="0">
                <a:solidFill>
                  <a:schemeClr val="tx1"/>
                </a:solidFill>
              </a:rPr>
              <a:t> independientes </a:t>
            </a:r>
            <a:r>
              <a:rPr lang="es-CO" altLang="de-DE" sz="1800" dirty="0">
                <a:solidFill>
                  <a:schemeClr val="tx1"/>
                </a:solidFill>
              </a:rPr>
              <a:t>(conexión entre capas únicamente por localidad geográfica) </a:t>
            </a:r>
          </a:p>
          <a:p>
            <a:pPr marL="285750" indent="-285750">
              <a:spcBef>
                <a:spcPts val="1200"/>
              </a:spcBef>
              <a:spcAft>
                <a:spcPts val="1800"/>
              </a:spcAft>
              <a:buFont typeface="Wingdings" panose="05000000000000000000" pitchFamily="2" charset="2"/>
              <a:buChar char="Ø"/>
            </a:pPr>
            <a:r>
              <a:rPr lang="es-CO" altLang="de-DE" sz="1800" b="1" dirty="0">
                <a:solidFill>
                  <a:schemeClr val="tx1"/>
                </a:solidFill>
              </a:rPr>
              <a:t>Descripción y transfer de la información estandarizada </a:t>
            </a:r>
            <a:r>
              <a:rPr lang="es-CO" altLang="de-DE" sz="1800" dirty="0">
                <a:solidFill>
                  <a:schemeClr val="tx1"/>
                </a:solidFill>
              </a:rPr>
              <a:t>(estándar INTERLIS)</a:t>
            </a:r>
            <a:endParaRPr lang="en-GB" altLang="de-DE" sz="1800" dirty="0">
              <a:solidFill>
                <a:schemeClr val="tx1"/>
              </a:solidFill>
            </a:endParaRPr>
          </a:p>
        </p:txBody>
      </p:sp>
      <p:graphicFrame>
        <p:nvGraphicFramePr>
          <p:cNvPr id="30724" name="Object 4"/>
          <p:cNvGraphicFramePr>
            <a:graphicFrameLocks noChangeAspect="1"/>
          </p:cNvGraphicFramePr>
          <p:nvPr>
            <p:extLst>
              <p:ext uri="{D42A27DB-BD31-4B8C-83A1-F6EECF244321}">
                <p14:modId xmlns:p14="http://schemas.microsoft.com/office/powerpoint/2010/main" val="3206224718"/>
              </p:ext>
            </p:extLst>
          </p:nvPr>
        </p:nvGraphicFramePr>
        <p:xfrm>
          <a:off x="7238828" y="724591"/>
          <a:ext cx="734266" cy="862425"/>
        </p:xfrm>
        <a:graphic>
          <a:graphicData uri="http://schemas.openxmlformats.org/presentationml/2006/ole">
            <mc:AlternateContent xmlns:mc="http://schemas.openxmlformats.org/markup-compatibility/2006">
              <mc:Choice xmlns:v="urn:schemas-microsoft-com:vml" Requires="v">
                <p:oleObj name="Clip" r:id="rId3" imgW="3192463" imgH="3749675" progId="MS_ClipArt_Gallery.5">
                  <p:embed/>
                </p:oleObj>
              </mc:Choice>
              <mc:Fallback>
                <p:oleObj name="Clip" r:id="rId3" imgW="3192463" imgH="3749675" progId="MS_ClipArt_Gallery.5">
                  <p:embed/>
                  <p:pic>
                    <p:nvPicPr>
                      <p:cNvPr id="30724" name="Object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238828" y="724591"/>
                        <a:ext cx="734266" cy="862425"/>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oleObj>
              </mc:Fallback>
            </mc:AlternateContent>
          </a:graphicData>
        </a:graphic>
      </p:graphicFrame>
      <p:pic>
        <p:nvPicPr>
          <p:cNvPr id="30726" name="Picture 6" descr="Ebenen"/>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7010227" y="2901052"/>
            <a:ext cx="1104900" cy="53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30728" name="Group 8"/>
          <p:cNvGrpSpPr>
            <a:grpSpLocks noChangeAspect="1"/>
          </p:cNvGrpSpPr>
          <p:nvPr/>
        </p:nvGrpSpPr>
        <p:grpSpPr bwMode="auto">
          <a:xfrm>
            <a:off x="6804248" y="1804488"/>
            <a:ext cx="1570868" cy="683997"/>
            <a:chOff x="3336" y="2997"/>
            <a:chExt cx="1773" cy="772"/>
          </a:xfrm>
        </p:grpSpPr>
        <p:grpSp>
          <p:nvGrpSpPr>
            <p:cNvPr id="30738" name="Group 9"/>
            <p:cNvGrpSpPr>
              <a:grpSpLocks noChangeAspect="1"/>
            </p:cNvGrpSpPr>
            <p:nvPr/>
          </p:nvGrpSpPr>
          <p:grpSpPr bwMode="auto">
            <a:xfrm>
              <a:off x="3336" y="2997"/>
              <a:ext cx="858" cy="760"/>
              <a:chOff x="3834" y="2475"/>
              <a:chExt cx="1068" cy="1012"/>
            </a:xfrm>
          </p:grpSpPr>
          <p:pic>
            <p:nvPicPr>
              <p:cNvPr id="30740" name="Picture 10" descr="plane1"/>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3950" y="2475"/>
                <a:ext cx="915" cy="2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0741" name="Line 11"/>
              <p:cNvSpPr>
                <a:spLocks noChangeAspect="1" noChangeShapeType="1"/>
              </p:cNvSpPr>
              <p:nvPr/>
            </p:nvSpPr>
            <p:spPr bwMode="auto">
              <a:xfrm>
                <a:off x="4387" y="2716"/>
                <a:ext cx="239" cy="756"/>
              </a:xfrm>
              <a:prstGeom prst="line">
                <a:avLst/>
              </a:prstGeom>
              <a:noFill/>
              <a:ln w="19050">
                <a:solidFill>
                  <a:srgbClr val="FF0000"/>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30742" name="Line 12"/>
              <p:cNvSpPr>
                <a:spLocks noChangeAspect="1" noChangeShapeType="1"/>
              </p:cNvSpPr>
              <p:nvPr/>
            </p:nvSpPr>
            <p:spPr bwMode="auto">
              <a:xfrm rot="470066" flipH="1">
                <a:off x="3898" y="2685"/>
                <a:ext cx="438" cy="802"/>
              </a:xfrm>
              <a:prstGeom prst="line">
                <a:avLst/>
              </a:prstGeom>
              <a:noFill/>
              <a:ln w="19050">
                <a:solidFill>
                  <a:srgbClr val="FF0000"/>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30743" name="AutoShape 13"/>
              <p:cNvSpPr>
                <a:spLocks noChangeAspect="1" noChangeArrowheads="1"/>
              </p:cNvSpPr>
              <p:nvPr/>
            </p:nvSpPr>
            <p:spPr bwMode="auto">
              <a:xfrm>
                <a:off x="3834" y="3306"/>
                <a:ext cx="1068" cy="162"/>
              </a:xfrm>
              <a:prstGeom prst="parallelogram">
                <a:avLst>
                  <a:gd name="adj" fmla="val 164815"/>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0744" name="Line 14"/>
              <p:cNvSpPr>
                <a:spLocks noChangeAspect="1" noChangeShapeType="1"/>
              </p:cNvSpPr>
              <p:nvPr/>
            </p:nvSpPr>
            <p:spPr bwMode="auto">
              <a:xfrm>
                <a:off x="4387" y="2716"/>
                <a:ext cx="515" cy="606"/>
              </a:xfrm>
              <a:prstGeom prst="line">
                <a:avLst/>
              </a:prstGeom>
              <a:noFill/>
              <a:ln w="19050">
                <a:solidFill>
                  <a:srgbClr val="FF0000"/>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30745" name="Line 15"/>
              <p:cNvSpPr>
                <a:spLocks noChangeAspect="1" noChangeShapeType="1"/>
              </p:cNvSpPr>
              <p:nvPr/>
            </p:nvSpPr>
            <p:spPr bwMode="auto">
              <a:xfrm rot="470066" flipH="1">
                <a:off x="4137" y="2701"/>
                <a:ext cx="210" cy="613"/>
              </a:xfrm>
              <a:prstGeom prst="line">
                <a:avLst/>
              </a:prstGeom>
              <a:noFill/>
              <a:ln w="19050">
                <a:solidFill>
                  <a:srgbClr val="FF0000"/>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grpSp>
        <p:graphicFrame>
          <p:nvGraphicFramePr>
            <p:cNvPr id="30739" name="Object 16"/>
            <p:cNvGraphicFramePr>
              <a:graphicFrameLocks noChangeAspect="1"/>
            </p:cNvGraphicFramePr>
            <p:nvPr/>
          </p:nvGraphicFramePr>
          <p:xfrm>
            <a:off x="4539" y="3014"/>
            <a:ext cx="570" cy="755"/>
          </p:xfrm>
          <a:graphic>
            <a:graphicData uri="http://schemas.openxmlformats.org/presentationml/2006/ole">
              <mc:AlternateContent xmlns:mc="http://schemas.openxmlformats.org/markup-compatibility/2006">
                <mc:Choice xmlns:v="urn:schemas-microsoft-com:vml" Requires="v">
                  <p:oleObj name="Clip" r:id="rId7" imgW="734263" imgH="972007" progId="MS_ClipArt_Gallery.5">
                    <p:embed/>
                  </p:oleObj>
                </mc:Choice>
                <mc:Fallback>
                  <p:oleObj name="Clip" r:id="rId7" imgW="734263" imgH="972007" progId="MS_ClipArt_Gallery.5">
                    <p:embed/>
                    <p:pic>
                      <p:nvPicPr>
                        <p:cNvPr id="30739" name="Object 16"/>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539" y="3014"/>
                          <a:ext cx="570" cy="755"/>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oleObj>
                </mc:Fallback>
              </mc:AlternateContent>
            </a:graphicData>
          </a:graphic>
        </p:graphicFrame>
      </p:grpSp>
      <p:grpSp>
        <p:nvGrpSpPr>
          <p:cNvPr id="30730" name="Group 18"/>
          <p:cNvGrpSpPr>
            <a:grpSpLocks noChangeAspect="1"/>
          </p:cNvGrpSpPr>
          <p:nvPr/>
        </p:nvGrpSpPr>
        <p:grpSpPr bwMode="auto">
          <a:xfrm>
            <a:off x="6925692" y="3958329"/>
            <a:ext cx="1299806" cy="413621"/>
            <a:chOff x="4122" y="2406"/>
            <a:chExt cx="1488" cy="474"/>
          </a:xfrm>
        </p:grpSpPr>
        <p:grpSp>
          <p:nvGrpSpPr>
            <p:cNvPr id="30731" name="Group 19"/>
            <p:cNvGrpSpPr>
              <a:grpSpLocks/>
            </p:cNvGrpSpPr>
            <p:nvPr/>
          </p:nvGrpSpPr>
          <p:grpSpPr bwMode="auto">
            <a:xfrm>
              <a:off x="4122" y="2406"/>
              <a:ext cx="444" cy="474"/>
              <a:chOff x="4182" y="2412"/>
              <a:chExt cx="444" cy="474"/>
            </a:xfrm>
          </p:grpSpPr>
          <p:sp>
            <p:nvSpPr>
              <p:cNvPr id="30736" name="Rectangle 20"/>
              <p:cNvSpPr>
                <a:spLocks noChangeArrowheads="1"/>
              </p:cNvSpPr>
              <p:nvPr/>
            </p:nvSpPr>
            <p:spPr bwMode="auto">
              <a:xfrm>
                <a:off x="4182" y="2412"/>
                <a:ext cx="444" cy="474"/>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0737" name="Text Box 21"/>
              <p:cNvSpPr txBox="1">
                <a:spLocks noChangeArrowheads="1"/>
              </p:cNvSpPr>
              <p:nvPr/>
            </p:nvSpPr>
            <p:spPr bwMode="auto">
              <a:xfrm>
                <a:off x="4235" y="2494"/>
                <a:ext cx="339" cy="3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n-GB" altLang="de-DE" sz="1350" b="1">
                    <a:solidFill>
                      <a:schemeClr val="tx1"/>
                    </a:solidFill>
                  </a:rPr>
                  <a:t>ili</a:t>
                </a:r>
              </a:p>
            </p:txBody>
          </p:sp>
        </p:grpSp>
        <p:grpSp>
          <p:nvGrpSpPr>
            <p:cNvPr id="30732" name="Group 22"/>
            <p:cNvGrpSpPr>
              <a:grpSpLocks/>
            </p:cNvGrpSpPr>
            <p:nvPr/>
          </p:nvGrpSpPr>
          <p:grpSpPr bwMode="auto">
            <a:xfrm>
              <a:off x="5166" y="2406"/>
              <a:ext cx="444" cy="474"/>
              <a:chOff x="5040" y="2424"/>
              <a:chExt cx="444" cy="474"/>
            </a:xfrm>
          </p:grpSpPr>
          <p:sp>
            <p:nvSpPr>
              <p:cNvPr id="30734" name="Rectangle 23"/>
              <p:cNvSpPr>
                <a:spLocks noChangeArrowheads="1"/>
              </p:cNvSpPr>
              <p:nvPr/>
            </p:nvSpPr>
            <p:spPr bwMode="auto">
              <a:xfrm>
                <a:off x="5040" y="2424"/>
                <a:ext cx="444" cy="474"/>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0735" name="Text Box 24"/>
              <p:cNvSpPr txBox="1">
                <a:spLocks noChangeArrowheads="1"/>
              </p:cNvSpPr>
              <p:nvPr/>
            </p:nvSpPr>
            <p:spPr bwMode="auto">
              <a:xfrm>
                <a:off x="5082" y="2506"/>
                <a:ext cx="359" cy="3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n-GB" altLang="de-DE" sz="1350" b="1">
                    <a:solidFill>
                      <a:schemeClr val="tx1"/>
                    </a:solidFill>
                  </a:rPr>
                  <a:t>itf</a:t>
                </a:r>
              </a:p>
            </p:txBody>
          </p:sp>
        </p:grpSp>
        <p:sp>
          <p:nvSpPr>
            <p:cNvPr id="30733" name="AutoShape 25"/>
            <p:cNvSpPr>
              <a:spLocks noChangeArrowheads="1"/>
            </p:cNvSpPr>
            <p:nvPr/>
          </p:nvSpPr>
          <p:spPr bwMode="auto">
            <a:xfrm>
              <a:off x="4587" y="2586"/>
              <a:ext cx="558" cy="126"/>
            </a:xfrm>
            <a:custGeom>
              <a:avLst/>
              <a:gdLst>
                <a:gd name="T0" fmla="*/ 11 w 21600"/>
                <a:gd name="T1" fmla="*/ 0 h 21600"/>
                <a:gd name="T2" fmla="*/ 0 w 21600"/>
                <a:gd name="T3" fmla="*/ 0 h 21600"/>
                <a:gd name="T4" fmla="*/ 11 w 21600"/>
                <a:gd name="T5" fmla="*/ 1 h 21600"/>
                <a:gd name="T6" fmla="*/ 14 w 21600"/>
                <a:gd name="T7" fmla="*/ 0 h 21600"/>
                <a:gd name="T8" fmla="*/ 17694720 60000 65536"/>
                <a:gd name="T9" fmla="*/ 11796480 60000 65536"/>
                <a:gd name="T10" fmla="*/ 5898240 60000 65536"/>
                <a:gd name="T11" fmla="*/ 0 60000 65536"/>
                <a:gd name="T12" fmla="*/ 3368 w 21600"/>
                <a:gd name="T13" fmla="*/ 6000 h 21600"/>
                <a:gd name="T14" fmla="*/ 19471 w 21600"/>
                <a:gd name="T15" fmla="*/ 15600 h 21600"/>
              </a:gdLst>
              <a:ahLst/>
              <a:cxnLst>
                <a:cxn ang="T8">
                  <a:pos x="T0" y="T1"/>
                </a:cxn>
                <a:cxn ang="T9">
                  <a:pos x="T2" y="T3"/>
                </a:cxn>
                <a:cxn ang="T10">
                  <a:pos x="T4" y="T5"/>
                </a:cxn>
                <a:cxn ang="T11">
                  <a:pos x="T6" y="T7"/>
                </a:cxn>
              </a:cxnLst>
              <a:rect l="T12" t="T13" r="T14" b="T15"/>
              <a:pathLst>
                <a:path w="21600" h="21600">
                  <a:moveTo>
                    <a:pt x="16720" y="0"/>
                  </a:moveTo>
                  <a:lnTo>
                    <a:pt x="16720" y="6069"/>
                  </a:lnTo>
                  <a:lnTo>
                    <a:pt x="3375" y="6069"/>
                  </a:lnTo>
                  <a:lnTo>
                    <a:pt x="3375" y="15531"/>
                  </a:lnTo>
                  <a:lnTo>
                    <a:pt x="16720" y="15531"/>
                  </a:lnTo>
                  <a:lnTo>
                    <a:pt x="16720" y="21600"/>
                  </a:lnTo>
                  <a:lnTo>
                    <a:pt x="21600" y="10800"/>
                  </a:lnTo>
                  <a:lnTo>
                    <a:pt x="16720" y="0"/>
                  </a:lnTo>
                  <a:close/>
                </a:path>
                <a:path w="21600" h="21600">
                  <a:moveTo>
                    <a:pt x="1350" y="6069"/>
                  </a:moveTo>
                  <a:lnTo>
                    <a:pt x="1350" y="15531"/>
                  </a:lnTo>
                  <a:lnTo>
                    <a:pt x="2700" y="15531"/>
                  </a:lnTo>
                  <a:lnTo>
                    <a:pt x="2700" y="6069"/>
                  </a:lnTo>
                  <a:lnTo>
                    <a:pt x="1350" y="6069"/>
                  </a:lnTo>
                  <a:close/>
                </a:path>
                <a:path w="21600" h="21600">
                  <a:moveTo>
                    <a:pt x="0" y="6069"/>
                  </a:moveTo>
                  <a:lnTo>
                    <a:pt x="0" y="15531"/>
                  </a:lnTo>
                  <a:lnTo>
                    <a:pt x="675" y="15531"/>
                  </a:lnTo>
                  <a:lnTo>
                    <a:pt x="675" y="6069"/>
                  </a:lnTo>
                  <a:lnTo>
                    <a:pt x="0" y="6069"/>
                  </a:lnTo>
                  <a:close/>
                </a:path>
              </a:pathLst>
            </a:custGeom>
            <a:solidFill>
              <a:schemeClr val="hlink"/>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grpSp>
    </p:spTree>
    <p:extLst>
      <p:ext uri="{BB962C8B-B14F-4D97-AF65-F5344CB8AC3E}">
        <p14:creationId xmlns:p14="http://schemas.microsoft.com/office/powerpoint/2010/main" val="12017104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7" name="Rectangle 2"/>
          <p:cNvSpPr>
            <a:spLocks noChangeArrowheads="1"/>
          </p:cNvSpPr>
          <p:nvPr/>
        </p:nvSpPr>
        <p:spPr bwMode="auto">
          <a:xfrm>
            <a:off x="1223962" y="4457700"/>
            <a:ext cx="6777038" cy="685800"/>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grpSp>
        <p:nvGrpSpPr>
          <p:cNvPr id="771075" name="Group 3"/>
          <p:cNvGrpSpPr>
            <a:grpSpLocks/>
          </p:cNvGrpSpPr>
          <p:nvPr/>
        </p:nvGrpSpPr>
        <p:grpSpPr bwMode="auto">
          <a:xfrm>
            <a:off x="3437336" y="1545433"/>
            <a:ext cx="2210991" cy="2665810"/>
            <a:chOff x="1927" y="1298"/>
            <a:chExt cx="1857" cy="2239"/>
          </a:xfrm>
        </p:grpSpPr>
        <p:sp>
          <p:nvSpPr>
            <p:cNvPr id="31766" name="Text Box 5"/>
            <p:cNvSpPr txBox="1">
              <a:spLocks noChangeArrowheads="1"/>
            </p:cNvSpPr>
            <p:nvPr/>
          </p:nvSpPr>
          <p:spPr bwMode="auto">
            <a:xfrm>
              <a:off x="1945" y="3201"/>
              <a:ext cx="1792" cy="33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defTabSz="914400" eaLnBrk="1" hangingPunct="1">
                <a:lnSpc>
                  <a:spcPct val="100000"/>
                </a:lnSpc>
                <a:buClrTx/>
                <a:buSzTx/>
                <a:buFontTx/>
                <a:buNone/>
              </a:pPr>
              <a:r>
                <a:rPr lang="es-CO" altLang="de-DE" sz="1200" dirty="0">
                  <a:solidFill>
                    <a:schemeClr val="tx1"/>
                  </a:solidFill>
                </a:rPr>
                <a:t>Modelo de Datos (UML)</a:t>
              </a:r>
            </a:p>
            <a:p>
              <a:pPr algn="ctr" defTabSz="914400" eaLnBrk="1" hangingPunct="1">
                <a:lnSpc>
                  <a:spcPct val="100000"/>
                </a:lnSpc>
                <a:buClrTx/>
                <a:buSzTx/>
                <a:buFontTx/>
                <a:buNone/>
              </a:pPr>
              <a:r>
                <a:rPr lang="es-CO" altLang="de-DE" sz="800" dirty="0">
                  <a:solidFill>
                    <a:schemeClr val="tx1"/>
                  </a:solidFill>
                </a:rPr>
                <a:t>(Diagrama de Relaciones entre Entidades</a:t>
              </a:r>
              <a:r>
                <a:rPr lang="en-GB" altLang="de-DE" sz="800" dirty="0">
                  <a:solidFill>
                    <a:schemeClr val="tx1"/>
                  </a:solidFill>
                </a:rPr>
                <a:t>)</a:t>
              </a:r>
            </a:p>
          </p:txBody>
        </p:sp>
        <p:pic>
          <p:nvPicPr>
            <p:cNvPr id="25" name="Picture 4"/>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00" y="1555"/>
              <a:ext cx="1584" cy="1173"/>
            </a:xfrm>
            <a:prstGeom prst="rect">
              <a:avLst/>
            </a:prstGeom>
            <a:solidFill>
              <a:schemeClr val="bg1"/>
            </a:solidFill>
            <a:ln w="127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4" name="Picture 4"/>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109" y="1464"/>
              <a:ext cx="1584" cy="1173"/>
            </a:xfrm>
            <a:prstGeom prst="rect">
              <a:avLst/>
            </a:prstGeom>
            <a:solidFill>
              <a:schemeClr val="bg1"/>
            </a:solidFill>
            <a:ln w="127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3" name="Picture 4"/>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018" y="1373"/>
              <a:ext cx="1584" cy="1173"/>
            </a:xfrm>
            <a:prstGeom prst="rect">
              <a:avLst/>
            </a:prstGeom>
            <a:solidFill>
              <a:schemeClr val="bg1"/>
            </a:solidFill>
            <a:ln w="127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31765" name="Picture 4"/>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927" y="1298"/>
              <a:ext cx="1584" cy="1173"/>
            </a:xfrm>
            <a:prstGeom prst="rect">
              <a:avLst/>
            </a:prstGeom>
            <a:solidFill>
              <a:schemeClr val="bg1"/>
            </a:solidFill>
            <a:ln w="127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grpSp>
      <p:grpSp>
        <p:nvGrpSpPr>
          <p:cNvPr id="771078" name="Group 6"/>
          <p:cNvGrpSpPr>
            <a:grpSpLocks/>
          </p:cNvGrpSpPr>
          <p:nvPr/>
        </p:nvGrpSpPr>
        <p:grpSpPr bwMode="auto">
          <a:xfrm>
            <a:off x="5760245" y="738188"/>
            <a:ext cx="2240756" cy="3658791"/>
            <a:chOff x="3878" y="620"/>
            <a:chExt cx="1882" cy="3073"/>
          </a:xfrm>
        </p:grpSpPr>
        <p:sp>
          <p:nvSpPr>
            <p:cNvPr id="31763" name="Text Box 7"/>
            <p:cNvSpPr txBox="1">
              <a:spLocks noChangeArrowheads="1"/>
            </p:cNvSpPr>
            <p:nvPr/>
          </p:nvSpPr>
          <p:spPr bwMode="auto">
            <a:xfrm>
              <a:off x="3878" y="3202"/>
              <a:ext cx="1882" cy="4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defTabSz="914400" eaLnBrk="1" hangingPunct="1">
                <a:lnSpc>
                  <a:spcPct val="100000"/>
                </a:lnSpc>
                <a:buClrTx/>
                <a:buSzTx/>
                <a:buFontTx/>
                <a:buNone/>
              </a:pPr>
              <a:r>
                <a:rPr lang="es-CO" altLang="de-DE" sz="1200" dirty="0">
                  <a:solidFill>
                    <a:schemeClr val="tx1"/>
                  </a:solidFill>
                </a:rPr>
                <a:t>Lenguaje de descripción de datos INTERLIS</a:t>
              </a:r>
            </a:p>
            <a:p>
              <a:pPr algn="ctr" defTabSz="914400" eaLnBrk="1" hangingPunct="1">
                <a:lnSpc>
                  <a:spcPct val="100000"/>
                </a:lnSpc>
                <a:buClrTx/>
                <a:buSzTx/>
                <a:buFontTx/>
                <a:buNone/>
              </a:pPr>
              <a:r>
                <a:rPr lang="es-CO" altLang="de-DE" sz="800" dirty="0">
                  <a:solidFill>
                    <a:schemeClr val="tx1"/>
                  </a:solidFill>
                </a:rPr>
                <a:t>(independiente de sistemas</a:t>
              </a:r>
              <a:r>
                <a:rPr lang="en-GB" altLang="de-DE" sz="800" dirty="0">
                  <a:solidFill>
                    <a:schemeClr val="tx1"/>
                  </a:solidFill>
                </a:rPr>
                <a:t>)</a:t>
              </a:r>
            </a:p>
          </p:txBody>
        </p:sp>
        <p:sp>
          <p:nvSpPr>
            <p:cNvPr id="31764" name="Text Box 8"/>
            <p:cNvSpPr txBox="1">
              <a:spLocks noChangeArrowheads="1"/>
            </p:cNvSpPr>
            <p:nvPr/>
          </p:nvSpPr>
          <p:spPr bwMode="auto">
            <a:xfrm>
              <a:off x="3976" y="620"/>
              <a:ext cx="1688" cy="2579"/>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de-CH" altLang="de-DE" sz="450">
                  <a:solidFill>
                    <a:srgbClr val="000000"/>
                  </a:solidFill>
                  <a:latin typeface="Courier New" pitchFamily="49" charset="0"/>
                </a:rPr>
                <a:t>TRANSFER Data_Catalogue;</a:t>
              </a:r>
            </a:p>
            <a:p>
              <a:r>
                <a:rPr lang="de-CH" altLang="de-DE" sz="450">
                  <a:solidFill>
                    <a:srgbClr val="000000"/>
                  </a:solidFill>
                  <a:latin typeface="Courier New" pitchFamily="49" charset="0"/>
                </a:rPr>
                <a:t>MODEL Basic_Data_Set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 DOMAIN </a:t>
              </a:r>
            </a:p>
            <a:p>
              <a:r>
                <a:rPr lang="de-CH" altLang="de-DE" sz="450">
                  <a:solidFill>
                    <a:srgbClr val="000000"/>
                  </a:solidFill>
                  <a:latin typeface="Courier New" pitchFamily="49" charset="0"/>
                </a:rPr>
                <a:t>  LKoord = COORD2  480000.000   70000.000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                    840000.000  300000.000; </a:t>
              </a:r>
            </a:p>
            <a:p>
              <a:r>
                <a:rPr lang="de-CH" altLang="de-DE" sz="450">
                  <a:solidFill>
                    <a:srgbClr val="000000"/>
                  </a:solidFill>
                  <a:latin typeface="Courier New" pitchFamily="49" charset="0"/>
                </a:rPr>
                <a:t>  HKoord = COORD3  480000.000   70000.000      0.000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                   840000.000  300000.000   5000.000; </a:t>
              </a:r>
            </a:p>
            <a:p>
              <a:r>
                <a:rPr lang="de-CH" altLang="de-DE" sz="450">
                  <a:solidFill>
                    <a:srgbClr val="000000"/>
                  </a:solidFill>
                  <a:latin typeface="Courier New" pitchFamily="49" charset="0"/>
                </a:rPr>
                <a:t>  Height = DIM1  0.000  5000.000; </a:t>
              </a:r>
            </a:p>
            <a:p>
              <a:r>
                <a:rPr lang="de-CH" altLang="de-DE" sz="450">
                  <a:solidFill>
                    <a:srgbClr val="000000"/>
                  </a:solidFill>
                  <a:latin typeface="Courier New" pitchFamily="49" charset="0"/>
                </a:rPr>
                <a:t>  Precision = [0 .. 300]; </a:t>
              </a:r>
            </a:p>
            <a:p>
              <a:r>
                <a:rPr lang="de-CH" altLang="de-DE" sz="450">
                  <a:solidFill>
                    <a:srgbClr val="000000"/>
                  </a:solidFill>
                  <a:latin typeface="Courier New" pitchFamily="49" charset="0"/>
                </a:rPr>
                <a:t>  Reliability = (yes, no); </a:t>
              </a:r>
            </a:p>
            <a:p>
              <a:r>
                <a:rPr lang="de-CH" altLang="de-DE" sz="450">
                  <a:solidFill>
                    <a:srgbClr val="000000"/>
                  </a:solidFill>
                  <a:latin typeface="Courier New" pitchFamily="49" charset="0"/>
                </a:rPr>
                <a:t>  LetterOrientation = GRADS  0.0  400.0; </a:t>
              </a:r>
            </a:p>
            <a:p>
              <a:r>
                <a:rPr lang="de-CH" altLang="de-DE" sz="450">
                  <a:solidFill>
                    <a:srgbClr val="000000"/>
                  </a:solidFill>
                  <a:latin typeface="Courier New" pitchFamily="49" charset="0"/>
                </a:rPr>
                <a:t>  Status = (planned, valid); </a:t>
              </a:r>
            </a:p>
            <a:p>
              <a:endParaRPr lang="de-CH" altLang="de-DE" sz="450">
                <a:solidFill>
                  <a:srgbClr val="000000"/>
                </a:solidFill>
                <a:latin typeface="Courier New" pitchFamily="49" charset="0"/>
              </a:endParaRPr>
            </a:p>
            <a:p>
              <a:r>
                <a:rPr lang="de-CH" altLang="de-DE" sz="450">
                  <a:solidFill>
                    <a:srgbClr val="000000"/>
                  </a:solidFill>
                  <a:latin typeface="Courier New" pitchFamily="49" charset="0"/>
                </a:rPr>
                <a:t>TOPIC Control_Points =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a:t>
              </a:r>
            </a:p>
            <a:p>
              <a:r>
                <a:rPr lang="de-CH" altLang="de-DE" sz="450">
                  <a:solidFill>
                    <a:srgbClr val="000000"/>
                  </a:solidFill>
                  <a:latin typeface="Courier New" pitchFamily="49" charset="0"/>
                </a:rPr>
                <a:t>END Control_Points;</a:t>
              </a:r>
            </a:p>
            <a:p>
              <a:endParaRPr lang="de-CH" altLang="de-DE" sz="450">
                <a:solidFill>
                  <a:srgbClr val="000000"/>
                </a:solidFill>
                <a:latin typeface="Courier New" pitchFamily="49" charset="0"/>
              </a:endParaRPr>
            </a:p>
            <a:p>
              <a:r>
                <a:rPr lang="de-CH" altLang="de-DE" sz="450">
                  <a:solidFill>
                    <a:srgbClr val="000000"/>
                  </a:solidFill>
                  <a:latin typeface="Courier New" pitchFamily="49" charset="0"/>
                </a:rPr>
                <a:t>TOPIC Land_Cover =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a:t>
              </a:r>
            </a:p>
            <a:p>
              <a:r>
                <a:rPr lang="de-CH" altLang="de-DE" sz="450">
                  <a:solidFill>
                    <a:srgbClr val="000000"/>
                  </a:solidFill>
                  <a:latin typeface="Courier New" pitchFamily="49" charset="0"/>
                </a:rPr>
                <a:t>END Land_Cover; </a:t>
              </a:r>
              <a:endParaRPr lang="de-CH" altLang="de-DE" sz="450">
                <a:solidFill>
                  <a:schemeClr val="tx1"/>
                </a:solidFill>
                <a:latin typeface="Courier New" pitchFamily="49" charset="0"/>
              </a:endParaRPr>
            </a:p>
            <a:p>
              <a:endParaRPr lang="de-CH" altLang="de-DE" sz="450">
                <a:solidFill>
                  <a:srgbClr val="000000"/>
                </a:solidFill>
                <a:latin typeface="Courier New" pitchFamily="49" charset="0"/>
              </a:endParaRPr>
            </a:p>
            <a:p>
              <a:r>
                <a:rPr lang="de-CH" altLang="de-DE" sz="450">
                  <a:solidFill>
                    <a:srgbClr val="000000"/>
                  </a:solidFill>
                  <a:latin typeface="Courier New" pitchFamily="49" charset="0"/>
                </a:rPr>
                <a:t>TOPIC Ownership =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DOMAIN</a:t>
              </a:r>
            </a:p>
            <a:p>
              <a:r>
                <a:rPr lang="de-CH" altLang="de-DE" sz="450">
                  <a:solidFill>
                    <a:srgbClr val="000000"/>
                  </a:solidFill>
                  <a:latin typeface="Courier New" pitchFamily="49" charset="0"/>
                </a:rPr>
                <a:t> Monumentation = (border_stone, plastic_peg, cross, </a:t>
              </a:r>
            </a:p>
            <a:p>
              <a:r>
                <a:rPr lang="de-CH" altLang="de-DE" sz="450">
                  <a:solidFill>
                    <a:srgbClr val="000000"/>
                  </a:solidFill>
                  <a:latin typeface="Courier New" pitchFamily="49" charset="0"/>
                </a:rPr>
                <a:t>                  not_monumented);</a:t>
              </a:r>
            </a:p>
            <a:p>
              <a:r>
                <a:rPr lang="de-CH" altLang="de-DE" sz="450">
                  <a:solidFill>
                    <a:srgbClr val="000000"/>
                  </a:solidFill>
                  <a:latin typeface="Courier New" pitchFamily="49" charset="0"/>
                </a:rPr>
                <a:t> OwnershipType = (parcel, distinct_right,  </a:t>
              </a:r>
            </a:p>
            <a:p>
              <a:r>
                <a:rPr lang="de-CH" altLang="de-DE" sz="450">
                  <a:solidFill>
                    <a:srgbClr val="000000"/>
                  </a:solidFill>
                  <a:latin typeface="Courier New" pitchFamily="49" charset="0"/>
                </a:rPr>
                <a:t>                  construction_right, water_source_ </a:t>
              </a:r>
            </a:p>
            <a:p>
              <a:r>
                <a:rPr lang="de-CH" altLang="de-DE" sz="450">
                  <a:solidFill>
                    <a:srgbClr val="000000"/>
                  </a:solidFill>
                  <a:latin typeface="Courier New" pitchFamily="49" charset="0"/>
                </a:rPr>
                <a:t>                  right);</a:t>
              </a:r>
            </a:p>
            <a:p>
              <a:r>
                <a:rPr lang="de-CH" altLang="de-DE" sz="450">
                  <a:solidFill>
                    <a:srgbClr val="000000"/>
                  </a:solidFill>
                  <a:latin typeface="Courier New" pitchFamily="49" charset="0"/>
                </a:rPr>
                <a:t>TABLE LimitPoint = </a:t>
              </a:r>
            </a:p>
            <a:p>
              <a:r>
                <a:rPr lang="de-CH" altLang="de-DE" sz="450">
                  <a:solidFill>
                    <a:srgbClr val="000000"/>
                  </a:solidFill>
                  <a:latin typeface="Courier New" pitchFamily="49" charset="0"/>
                </a:rPr>
                <a:t>   OSKey: OPTIONAL -&gt; OwnershipMaintenance; </a:t>
              </a:r>
            </a:p>
            <a:p>
              <a:r>
                <a:rPr lang="de-CH" altLang="de-DE" sz="450">
                  <a:solidFill>
                    <a:srgbClr val="000000"/>
                  </a:solidFill>
                  <a:latin typeface="Courier New" pitchFamily="49" charset="0"/>
                </a:rPr>
                <a:t>   Identifier:  OPTIONAL TEXT*12; </a:t>
              </a:r>
            </a:p>
            <a:p>
              <a:r>
                <a:rPr lang="de-CH" altLang="de-DE" sz="450">
                  <a:solidFill>
                    <a:srgbClr val="000000"/>
                  </a:solidFill>
                  <a:latin typeface="Courier New" pitchFamily="49" charset="0"/>
                </a:rPr>
                <a:t>   Geometry:  LKoord; </a:t>
              </a:r>
            </a:p>
            <a:p>
              <a:r>
                <a:rPr lang="de-CH" altLang="de-DE" sz="450">
                  <a:solidFill>
                    <a:srgbClr val="000000"/>
                  </a:solidFill>
                  <a:latin typeface="Courier New" pitchFamily="49" charset="0"/>
                </a:rPr>
                <a:t>   PositionPrecision:  Precision; </a:t>
              </a:r>
            </a:p>
            <a:p>
              <a:r>
                <a:rPr lang="de-CH" altLang="de-DE" sz="450">
                  <a:solidFill>
                    <a:srgbClr val="000000"/>
                  </a:solidFill>
                  <a:latin typeface="Courier New" pitchFamily="49" charset="0"/>
                </a:rPr>
                <a:t>   PositionReliability:  Reliability; </a:t>
              </a:r>
            </a:p>
            <a:p>
              <a:r>
                <a:rPr lang="de-CH" altLang="de-DE" sz="450">
                  <a:solidFill>
                    <a:srgbClr val="000000"/>
                  </a:solidFill>
                  <a:latin typeface="Courier New" pitchFamily="49" charset="0"/>
                </a:rPr>
                <a:t>   Origin:  OPTIONAL TEXT*30; </a:t>
              </a:r>
            </a:p>
            <a:p>
              <a:r>
                <a:rPr lang="de-CH" altLang="de-DE" sz="450">
                  <a:solidFill>
                    <a:srgbClr val="000000"/>
                  </a:solidFill>
                  <a:latin typeface="Courier New" pitchFamily="49" charset="0"/>
                </a:rPr>
                <a:t>   SymbolOrientation:  OPTIONAL LetterOrientation; </a:t>
              </a:r>
            </a:p>
            <a:p>
              <a:r>
                <a:rPr lang="de-CH" altLang="de-DE" sz="450">
                  <a:solidFill>
                    <a:srgbClr val="000000"/>
                  </a:solidFill>
                  <a:latin typeface="Courier New" pitchFamily="49" charset="0"/>
                </a:rPr>
                <a:t>   !! Default: 0.0 </a:t>
              </a:r>
            </a:p>
            <a:p>
              <a:r>
                <a:rPr lang="de-CH" altLang="de-DE" sz="450">
                  <a:solidFill>
                    <a:srgbClr val="000000"/>
                  </a:solidFill>
                  <a:latin typeface="Courier New" pitchFamily="49" charset="0"/>
                </a:rPr>
                <a:t>   IDENT </a:t>
              </a:r>
            </a:p>
            <a:p>
              <a:r>
                <a:rPr lang="de-CH" altLang="de-DE" sz="450">
                  <a:solidFill>
                    <a:srgbClr val="000000"/>
                  </a:solidFill>
                  <a:latin typeface="Courier New" pitchFamily="49" charset="0"/>
                </a:rPr>
                <a:t>   Geometry; </a:t>
              </a:r>
            </a:p>
            <a:p>
              <a:r>
                <a:rPr lang="de-CH" altLang="de-DE" sz="450">
                  <a:solidFill>
                    <a:srgbClr val="000000"/>
                  </a:solidFill>
                  <a:latin typeface="Courier New" pitchFamily="49" charset="0"/>
                </a:rPr>
                <a:t> END LimitPoint; </a:t>
              </a:r>
            </a:p>
            <a:p>
              <a:r>
                <a:rPr lang="de-CH" altLang="de-DE" sz="450">
                  <a:solidFill>
                    <a:srgbClr val="000000"/>
                  </a:solidFill>
                  <a:latin typeface="Courier New" pitchFamily="49" charset="0"/>
                </a:rPr>
                <a:t>END Ownership.</a:t>
              </a:r>
            </a:p>
            <a:p>
              <a:r>
                <a:rPr lang="de-CH" altLang="de-DE" sz="450">
                  <a:solidFill>
                    <a:srgbClr val="000000"/>
                  </a:solidFill>
                  <a:latin typeface="Courier New" pitchFamily="49" charset="0"/>
                </a:rPr>
                <a:t>END Basic_Data_Set.</a:t>
              </a:r>
            </a:p>
          </p:txBody>
        </p:sp>
      </p:grpSp>
      <p:sp>
        <p:nvSpPr>
          <p:cNvPr id="771081" name="AutoShape 9"/>
          <p:cNvSpPr>
            <a:spLocks noChangeArrowheads="1"/>
          </p:cNvSpPr>
          <p:nvPr/>
        </p:nvSpPr>
        <p:spPr bwMode="auto">
          <a:xfrm rot="10785908" flipH="1" flipV="1">
            <a:off x="5086351" y="2109788"/>
            <a:ext cx="1022747" cy="285750"/>
          </a:xfrm>
          <a:prstGeom prst="notchedRightArrow">
            <a:avLst>
              <a:gd name="adj1" fmla="val 50000"/>
              <a:gd name="adj2" fmla="val 89479"/>
            </a:avLst>
          </a:prstGeom>
          <a:solidFill>
            <a:srgbClr val="006600"/>
          </a:solidFill>
          <a:ln w="9525">
            <a:solidFill>
              <a:srgbClr val="00330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771082" name="Rectangle 10"/>
          <p:cNvSpPr>
            <a:spLocks noGrp="1" noChangeArrowheads="1"/>
          </p:cNvSpPr>
          <p:nvPr>
            <p:ph type="title" idx="4294967295"/>
          </p:nvPr>
        </p:nvSpPr>
        <p:spPr>
          <a:xfrm>
            <a:off x="1296000" y="242887"/>
            <a:ext cx="6732384" cy="7290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r>
              <a:rPr lang="es-CO" dirty="0">
                <a:latin typeface="+mj-lt"/>
              </a:rPr>
              <a:t>Elementos técnicos</a:t>
            </a:r>
            <a:endParaRPr lang="de-CH" dirty="0">
              <a:latin typeface="Arial" charset="0"/>
            </a:endParaRPr>
          </a:p>
        </p:txBody>
      </p:sp>
      <p:grpSp>
        <p:nvGrpSpPr>
          <p:cNvPr id="771083" name="Group 11"/>
          <p:cNvGrpSpPr>
            <a:grpSpLocks/>
          </p:cNvGrpSpPr>
          <p:nvPr/>
        </p:nvGrpSpPr>
        <p:grpSpPr bwMode="auto">
          <a:xfrm>
            <a:off x="1439467" y="1423988"/>
            <a:ext cx="1949053" cy="2911076"/>
            <a:chOff x="249" y="1196"/>
            <a:chExt cx="1637" cy="2445"/>
          </a:xfrm>
        </p:grpSpPr>
        <p:sp>
          <p:nvSpPr>
            <p:cNvPr id="31758" name="Text Box 12"/>
            <p:cNvSpPr txBox="1">
              <a:spLocks noChangeArrowheads="1"/>
            </p:cNvSpPr>
            <p:nvPr/>
          </p:nvSpPr>
          <p:spPr bwMode="auto">
            <a:xfrm>
              <a:off x="249" y="3202"/>
              <a:ext cx="1637" cy="4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defTabSz="914400" eaLnBrk="1" hangingPunct="1">
                <a:lnSpc>
                  <a:spcPct val="100000"/>
                </a:lnSpc>
                <a:buClrTx/>
                <a:buSzTx/>
                <a:buFontTx/>
                <a:buNone/>
              </a:pPr>
              <a:r>
                <a:rPr lang="es-CO" altLang="de-DE" sz="1200" dirty="0">
                  <a:solidFill>
                    <a:schemeClr val="tx1"/>
                  </a:solidFill>
                </a:rPr>
                <a:t>8 capas de información</a:t>
              </a:r>
            </a:p>
            <a:p>
              <a:pPr algn="ctr"/>
              <a:r>
                <a:rPr lang="es-CO" altLang="de-DE" sz="800" dirty="0">
                  <a:solidFill>
                    <a:schemeClr val="tx1"/>
                  </a:solidFill>
                </a:rPr>
                <a:t>(Posibilidad de realizar las capas por separado</a:t>
              </a:r>
              <a:r>
                <a:rPr lang="en-GB" altLang="de-DE" sz="800" dirty="0">
                  <a:solidFill>
                    <a:schemeClr val="tx1"/>
                  </a:solidFill>
                </a:rPr>
                <a:t>)</a:t>
              </a:r>
            </a:p>
          </p:txBody>
        </p:sp>
        <p:grpSp>
          <p:nvGrpSpPr>
            <p:cNvPr id="31759" name="Group 13"/>
            <p:cNvGrpSpPr>
              <a:grpSpLocks/>
            </p:cNvGrpSpPr>
            <p:nvPr/>
          </p:nvGrpSpPr>
          <p:grpSpPr bwMode="auto">
            <a:xfrm>
              <a:off x="345" y="1196"/>
              <a:ext cx="1488" cy="1872"/>
              <a:chOff x="48" y="960"/>
              <a:chExt cx="1488" cy="1872"/>
            </a:xfrm>
          </p:grpSpPr>
          <p:sp>
            <p:nvSpPr>
              <p:cNvPr id="31760" name="Rectangle 14"/>
              <p:cNvSpPr>
                <a:spLocks noChangeArrowheads="1"/>
              </p:cNvSpPr>
              <p:nvPr/>
            </p:nvSpPr>
            <p:spPr bwMode="auto">
              <a:xfrm>
                <a:off x="48" y="960"/>
                <a:ext cx="1488" cy="1872"/>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graphicFrame>
            <p:nvGraphicFramePr>
              <p:cNvPr id="31761" name="Object 15"/>
              <p:cNvGraphicFramePr>
                <a:graphicFrameLocks noChangeAspect="1"/>
              </p:cNvGraphicFramePr>
              <p:nvPr/>
            </p:nvGraphicFramePr>
            <p:xfrm>
              <a:off x="240" y="1008"/>
              <a:ext cx="1242" cy="1728"/>
            </p:xfrm>
            <a:graphic>
              <a:graphicData uri="http://schemas.openxmlformats.org/presentationml/2006/ole">
                <mc:AlternateContent xmlns:mc="http://schemas.openxmlformats.org/markup-compatibility/2006">
                  <mc:Choice xmlns:v="urn:schemas-microsoft-com:vml" Requires="v">
                    <p:oleObj name="Image" r:id="rId4" imgW="3191320" imgH="4439270" progId="Photoshop.Image.3">
                      <p:embed/>
                    </p:oleObj>
                  </mc:Choice>
                  <mc:Fallback>
                    <p:oleObj name="Image" r:id="rId4" imgW="3191320" imgH="4439270" progId="Photoshop.Image.3">
                      <p:embed/>
                      <p:pic>
                        <p:nvPicPr>
                          <p:cNvPr id="31761" name="Object 15"/>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40" y="1008"/>
                            <a:ext cx="1242" cy="1728"/>
                          </a:xfrm>
                          <a:prstGeom prst="rect">
                            <a:avLst/>
                          </a:prstGeom>
                          <a:solidFill>
                            <a:srgbClr val="F1F1F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oleObj>
                  </mc:Fallback>
                </mc:AlternateContent>
              </a:graphicData>
            </a:graphic>
          </p:graphicFrame>
          <p:sp>
            <p:nvSpPr>
              <p:cNvPr id="31762" name="Rectangle 16"/>
              <p:cNvSpPr>
                <a:spLocks noChangeArrowheads="1"/>
              </p:cNvSpPr>
              <p:nvPr/>
            </p:nvSpPr>
            <p:spPr bwMode="auto">
              <a:xfrm>
                <a:off x="96" y="1326"/>
                <a:ext cx="990" cy="13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9056" tIns="34529" rIns="69056" bIns="34529">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nSpc>
                    <a:spcPct val="190000"/>
                  </a:lnSpc>
                </a:pPr>
                <a:r>
                  <a:rPr lang="en-GB" altLang="de-DE" sz="675">
                    <a:solidFill>
                      <a:schemeClr val="tx1"/>
                    </a:solidFill>
                    <a:latin typeface="Helvetica 45 Light" pitchFamily="34" charset="0"/>
                  </a:rPr>
                  <a:t>Control points</a:t>
                </a:r>
              </a:p>
              <a:p>
                <a:pPr>
                  <a:lnSpc>
                    <a:spcPct val="190000"/>
                  </a:lnSpc>
                </a:pPr>
                <a:r>
                  <a:rPr lang="en-GB" altLang="de-DE" sz="675">
                    <a:solidFill>
                      <a:schemeClr val="tx1"/>
                    </a:solidFill>
                    <a:latin typeface="Helvetica 45 Light" pitchFamily="34" charset="0"/>
                  </a:rPr>
                  <a:t>Land cover</a:t>
                </a:r>
              </a:p>
              <a:p>
                <a:pPr>
                  <a:lnSpc>
                    <a:spcPct val="190000"/>
                  </a:lnSpc>
                </a:pPr>
                <a:r>
                  <a:rPr lang="en-GB" altLang="de-DE" sz="675">
                    <a:solidFill>
                      <a:schemeClr val="tx1"/>
                    </a:solidFill>
                    <a:latin typeface="Helvetica 45 Light" pitchFamily="34" charset="0"/>
                  </a:rPr>
                  <a:t>Single objects</a:t>
                </a:r>
              </a:p>
              <a:p>
                <a:pPr>
                  <a:lnSpc>
                    <a:spcPct val="190000"/>
                  </a:lnSpc>
                </a:pPr>
                <a:r>
                  <a:rPr lang="en-GB" altLang="de-DE" sz="675">
                    <a:solidFill>
                      <a:schemeClr val="tx1"/>
                    </a:solidFill>
                    <a:latin typeface="Helvetica 45 Light" pitchFamily="34" charset="0"/>
                  </a:rPr>
                  <a:t>Heights</a:t>
                </a:r>
              </a:p>
              <a:p>
                <a:pPr>
                  <a:lnSpc>
                    <a:spcPct val="190000"/>
                  </a:lnSpc>
                </a:pPr>
                <a:r>
                  <a:rPr lang="en-GB" altLang="de-DE" sz="675">
                    <a:solidFill>
                      <a:schemeClr val="tx1"/>
                    </a:solidFill>
                    <a:latin typeface="Helvetica 45 Light" pitchFamily="34" charset="0"/>
                  </a:rPr>
                  <a:t>Local names</a:t>
                </a:r>
              </a:p>
              <a:p>
                <a:pPr>
                  <a:lnSpc>
                    <a:spcPct val="190000"/>
                  </a:lnSpc>
                </a:pPr>
                <a:r>
                  <a:rPr lang="en-GB" altLang="de-DE" sz="675">
                    <a:solidFill>
                      <a:schemeClr val="tx1"/>
                    </a:solidFill>
                    <a:latin typeface="Helvetica 45 Light" pitchFamily="34" charset="0"/>
                  </a:rPr>
                  <a:t>Ownership</a:t>
                </a:r>
              </a:p>
              <a:p>
                <a:pPr>
                  <a:lnSpc>
                    <a:spcPct val="190000"/>
                  </a:lnSpc>
                </a:pPr>
                <a:r>
                  <a:rPr lang="en-GB" altLang="de-DE" sz="675">
                    <a:solidFill>
                      <a:schemeClr val="tx1"/>
                    </a:solidFill>
                    <a:latin typeface="Helvetica 45 Light" pitchFamily="34" charset="0"/>
                  </a:rPr>
                  <a:t>Pipelines &gt;5bar</a:t>
                </a:r>
              </a:p>
              <a:p>
                <a:pPr>
                  <a:lnSpc>
                    <a:spcPct val="190000"/>
                  </a:lnSpc>
                </a:pPr>
                <a:r>
                  <a:rPr lang="en-GB" altLang="de-DE" sz="675">
                    <a:solidFill>
                      <a:schemeClr val="tx1"/>
                    </a:solidFill>
                    <a:latin typeface="Helvetica 45 Light" pitchFamily="34" charset="0"/>
                  </a:rPr>
                  <a:t>Administrative subdivisions</a:t>
                </a:r>
              </a:p>
            </p:txBody>
          </p:sp>
        </p:grpSp>
      </p:grpSp>
      <p:sp>
        <p:nvSpPr>
          <p:cNvPr id="771089" name="AutoShape 17"/>
          <p:cNvSpPr>
            <a:spLocks noChangeArrowheads="1"/>
          </p:cNvSpPr>
          <p:nvPr/>
        </p:nvSpPr>
        <p:spPr bwMode="auto">
          <a:xfrm rot="10785908" flipH="1" flipV="1">
            <a:off x="2743201" y="2109788"/>
            <a:ext cx="1022747" cy="285750"/>
          </a:xfrm>
          <a:prstGeom prst="notchedRightArrow">
            <a:avLst>
              <a:gd name="adj1" fmla="val 50000"/>
              <a:gd name="adj2" fmla="val 89479"/>
            </a:avLst>
          </a:prstGeom>
          <a:solidFill>
            <a:srgbClr val="006600"/>
          </a:solidFill>
          <a:ln w="9525">
            <a:solidFill>
              <a:srgbClr val="00330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grpSp>
        <p:nvGrpSpPr>
          <p:cNvPr id="771090" name="Group 18"/>
          <p:cNvGrpSpPr>
            <a:grpSpLocks/>
          </p:cNvGrpSpPr>
          <p:nvPr/>
        </p:nvGrpSpPr>
        <p:grpSpPr bwMode="auto">
          <a:xfrm>
            <a:off x="1428750" y="4462464"/>
            <a:ext cx="6887123" cy="576263"/>
            <a:chOff x="240" y="3748"/>
            <a:chExt cx="5476" cy="484"/>
          </a:xfrm>
        </p:grpSpPr>
        <p:sp>
          <p:nvSpPr>
            <p:cNvPr id="31756" name="AutoShape 19"/>
            <p:cNvSpPr>
              <a:spLocks noChangeArrowheads="1"/>
            </p:cNvSpPr>
            <p:nvPr/>
          </p:nvSpPr>
          <p:spPr bwMode="auto">
            <a:xfrm>
              <a:off x="240" y="3748"/>
              <a:ext cx="181" cy="384"/>
            </a:xfrm>
            <a:prstGeom prst="rightArrow">
              <a:avLst>
                <a:gd name="adj1" fmla="val 50000"/>
                <a:gd name="adj2" fmla="val 41667"/>
              </a:avLst>
            </a:prstGeom>
            <a:solidFill>
              <a:srgbClr val="CC0000"/>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31757" name="Text Box 20"/>
            <p:cNvSpPr txBox="1">
              <a:spLocks noChangeArrowheads="1"/>
            </p:cNvSpPr>
            <p:nvPr/>
          </p:nvSpPr>
          <p:spPr bwMode="auto">
            <a:xfrm>
              <a:off x="612" y="3793"/>
              <a:ext cx="5104" cy="439"/>
            </a:xfrm>
            <a:prstGeom prst="rect">
              <a:avLst/>
            </a:prstGeom>
            <a:solidFill>
              <a:srgbClr val="FFB1B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es-CO" altLang="de-DE" sz="1400" dirty="0">
                  <a:solidFill>
                    <a:schemeClr val="tx1"/>
                  </a:solidFill>
                </a:rPr>
                <a:t>Con el uso de INTERLIS para modelado de datos, el uso y el intercambio de datos digitales es independiente de la plataforma del sistema SIG o software.</a:t>
              </a:r>
              <a:endParaRPr lang="en-GB" altLang="de-DE" sz="1400" dirty="0">
                <a:solidFill>
                  <a:schemeClr val="tx1"/>
                </a:solidFill>
              </a:endParaRPr>
            </a:p>
          </p:txBody>
        </p:sp>
      </p:grpSp>
      <p:sp>
        <p:nvSpPr>
          <p:cNvPr id="31755" name="Rectangle 21"/>
          <p:cNvSpPr>
            <a:spLocks noChangeArrowheads="1"/>
          </p:cNvSpPr>
          <p:nvPr/>
        </p:nvSpPr>
        <p:spPr bwMode="auto">
          <a:xfrm>
            <a:off x="1220998" y="572205"/>
            <a:ext cx="4208340" cy="5232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defTabSz="914400" eaLnBrk="1" hangingPunct="1">
              <a:lnSpc>
                <a:spcPct val="100000"/>
              </a:lnSpc>
              <a:buClrTx/>
              <a:buSzTx/>
              <a:buFontTx/>
              <a:buNone/>
            </a:pPr>
            <a:r>
              <a:rPr lang="es-CO" altLang="de-DE" sz="1400" dirty="0">
                <a:solidFill>
                  <a:srgbClr val="CC0000"/>
                </a:solidFill>
              </a:rPr>
              <a:t>Descripción de la información digital estandarizada (introducida en 1993)</a:t>
            </a:r>
          </a:p>
        </p:txBody>
      </p:sp>
    </p:spTree>
    <p:extLst>
      <p:ext uri="{BB962C8B-B14F-4D97-AF65-F5344CB8AC3E}">
        <p14:creationId xmlns:p14="http://schemas.microsoft.com/office/powerpoint/2010/main" val="9330815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1" fill="hold" nodeType="afterEffect">
                                  <p:stCondLst>
                                    <p:cond delay="0"/>
                                  </p:stCondLst>
                                  <p:childTnLst>
                                    <p:set>
                                      <p:cBhvr>
                                        <p:cTn id="6" dur="1" fill="hold">
                                          <p:stCondLst>
                                            <p:cond delay="0"/>
                                          </p:stCondLst>
                                        </p:cTn>
                                        <p:tgtEl>
                                          <p:spTgt spid="771083"/>
                                        </p:tgtEl>
                                        <p:attrNameLst>
                                          <p:attrName>style.visibility</p:attrName>
                                        </p:attrNameLst>
                                      </p:cBhvr>
                                      <p:to>
                                        <p:strVal val="visible"/>
                                      </p:to>
                                    </p:set>
                                    <p:animEffect transition="in" filter="wipe(up)">
                                      <p:cBhvr>
                                        <p:cTn id="7" dur="500"/>
                                        <p:tgtEl>
                                          <p:spTgt spid="771083"/>
                                        </p:tgtEl>
                                      </p:cBhvr>
                                    </p:animEffect>
                                  </p:childTnLst>
                                </p:cTn>
                              </p:par>
                            </p:childTnLst>
                          </p:cTn>
                        </p:par>
                        <p:par>
                          <p:cTn id="8" fill="hold" nodeType="afterGroup">
                            <p:stCondLst>
                              <p:cond delay="500"/>
                            </p:stCondLst>
                            <p:childTnLst>
                              <p:par>
                                <p:cTn id="9" presetID="22" presetClass="entr" presetSubtype="8" fill="hold" grpId="0" nodeType="afterEffect">
                                  <p:stCondLst>
                                    <p:cond delay="0"/>
                                  </p:stCondLst>
                                  <p:childTnLst>
                                    <p:set>
                                      <p:cBhvr>
                                        <p:cTn id="10" dur="1" fill="hold">
                                          <p:stCondLst>
                                            <p:cond delay="0"/>
                                          </p:stCondLst>
                                        </p:cTn>
                                        <p:tgtEl>
                                          <p:spTgt spid="771089"/>
                                        </p:tgtEl>
                                        <p:attrNameLst>
                                          <p:attrName>style.visibility</p:attrName>
                                        </p:attrNameLst>
                                      </p:cBhvr>
                                      <p:to>
                                        <p:strVal val="visible"/>
                                      </p:to>
                                    </p:set>
                                    <p:animEffect transition="in" filter="wipe(left)">
                                      <p:cBhvr>
                                        <p:cTn id="11" dur="500"/>
                                        <p:tgtEl>
                                          <p:spTgt spid="771089"/>
                                        </p:tgtEl>
                                      </p:cBhvr>
                                    </p:animEffect>
                                  </p:childTnLst>
                                </p:cTn>
                              </p:par>
                            </p:childTnLst>
                          </p:cTn>
                        </p:par>
                        <p:par>
                          <p:cTn id="12" fill="hold" nodeType="afterGroup">
                            <p:stCondLst>
                              <p:cond delay="1000"/>
                            </p:stCondLst>
                            <p:childTnLst>
                              <p:par>
                                <p:cTn id="13" presetID="22" presetClass="entr" presetSubtype="1" fill="hold" nodeType="afterEffect">
                                  <p:stCondLst>
                                    <p:cond delay="0"/>
                                  </p:stCondLst>
                                  <p:childTnLst>
                                    <p:set>
                                      <p:cBhvr>
                                        <p:cTn id="14" dur="1" fill="hold">
                                          <p:stCondLst>
                                            <p:cond delay="0"/>
                                          </p:stCondLst>
                                        </p:cTn>
                                        <p:tgtEl>
                                          <p:spTgt spid="771075"/>
                                        </p:tgtEl>
                                        <p:attrNameLst>
                                          <p:attrName>style.visibility</p:attrName>
                                        </p:attrNameLst>
                                      </p:cBhvr>
                                      <p:to>
                                        <p:strVal val="visible"/>
                                      </p:to>
                                    </p:set>
                                    <p:animEffect transition="in" filter="wipe(up)">
                                      <p:cBhvr>
                                        <p:cTn id="15" dur="500"/>
                                        <p:tgtEl>
                                          <p:spTgt spid="771075"/>
                                        </p:tgtEl>
                                      </p:cBhvr>
                                    </p:animEffect>
                                  </p:childTnLst>
                                </p:cTn>
                              </p:par>
                            </p:childTnLst>
                          </p:cTn>
                        </p:par>
                        <p:par>
                          <p:cTn id="16" fill="hold" nodeType="afterGroup">
                            <p:stCondLst>
                              <p:cond delay="1500"/>
                            </p:stCondLst>
                            <p:childTnLst>
                              <p:par>
                                <p:cTn id="17" presetID="22" presetClass="entr" presetSubtype="8" fill="hold" grpId="0" nodeType="afterEffect">
                                  <p:stCondLst>
                                    <p:cond delay="0"/>
                                  </p:stCondLst>
                                  <p:childTnLst>
                                    <p:set>
                                      <p:cBhvr>
                                        <p:cTn id="18" dur="1" fill="hold">
                                          <p:stCondLst>
                                            <p:cond delay="0"/>
                                          </p:stCondLst>
                                        </p:cTn>
                                        <p:tgtEl>
                                          <p:spTgt spid="771081"/>
                                        </p:tgtEl>
                                        <p:attrNameLst>
                                          <p:attrName>style.visibility</p:attrName>
                                        </p:attrNameLst>
                                      </p:cBhvr>
                                      <p:to>
                                        <p:strVal val="visible"/>
                                      </p:to>
                                    </p:set>
                                    <p:animEffect transition="in" filter="wipe(left)">
                                      <p:cBhvr>
                                        <p:cTn id="19" dur="500"/>
                                        <p:tgtEl>
                                          <p:spTgt spid="771081"/>
                                        </p:tgtEl>
                                      </p:cBhvr>
                                    </p:animEffect>
                                  </p:childTnLst>
                                </p:cTn>
                              </p:par>
                            </p:childTnLst>
                          </p:cTn>
                        </p:par>
                        <p:par>
                          <p:cTn id="20" fill="hold" nodeType="afterGroup">
                            <p:stCondLst>
                              <p:cond delay="2000"/>
                            </p:stCondLst>
                            <p:childTnLst>
                              <p:par>
                                <p:cTn id="21" presetID="22" presetClass="entr" presetSubtype="1" fill="hold" nodeType="afterEffect">
                                  <p:stCondLst>
                                    <p:cond delay="0"/>
                                  </p:stCondLst>
                                  <p:childTnLst>
                                    <p:set>
                                      <p:cBhvr>
                                        <p:cTn id="22" dur="1" fill="hold">
                                          <p:stCondLst>
                                            <p:cond delay="0"/>
                                          </p:stCondLst>
                                        </p:cTn>
                                        <p:tgtEl>
                                          <p:spTgt spid="771078"/>
                                        </p:tgtEl>
                                        <p:attrNameLst>
                                          <p:attrName>style.visibility</p:attrName>
                                        </p:attrNameLst>
                                      </p:cBhvr>
                                      <p:to>
                                        <p:strVal val="visible"/>
                                      </p:to>
                                    </p:set>
                                    <p:animEffect transition="in" filter="wipe(up)">
                                      <p:cBhvr>
                                        <p:cTn id="23" dur="500"/>
                                        <p:tgtEl>
                                          <p:spTgt spid="771078"/>
                                        </p:tgtEl>
                                      </p:cBhvr>
                                    </p:animEffect>
                                  </p:childTnLst>
                                </p:cTn>
                              </p:par>
                            </p:childTnLst>
                          </p:cTn>
                        </p:par>
                      </p:childTnLst>
                    </p:cTn>
                  </p:par>
                  <p:par>
                    <p:cTn id="24" fill="hold" nodeType="clickPar">
                      <p:stCondLst>
                        <p:cond delay="indefinite"/>
                      </p:stCondLst>
                      <p:childTnLst>
                        <p:par>
                          <p:cTn id="25" fill="hold" nodeType="withGroup">
                            <p:stCondLst>
                              <p:cond delay="0"/>
                            </p:stCondLst>
                            <p:childTnLst>
                              <p:par>
                                <p:cTn id="26" presetID="23" presetClass="entr" presetSubtype="16" fill="hold" nodeType="clickEffect">
                                  <p:stCondLst>
                                    <p:cond delay="0"/>
                                  </p:stCondLst>
                                  <p:childTnLst>
                                    <p:set>
                                      <p:cBhvr>
                                        <p:cTn id="27" dur="1" fill="hold">
                                          <p:stCondLst>
                                            <p:cond delay="0"/>
                                          </p:stCondLst>
                                        </p:cTn>
                                        <p:tgtEl>
                                          <p:spTgt spid="771090"/>
                                        </p:tgtEl>
                                        <p:attrNameLst>
                                          <p:attrName>style.visibility</p:attrName>
                                        </p:attrNameLst>
                                      </p:cBhvr>
                                      <p:to>
                                        <p:strVal val="visible"/>
                                      </p:to>
                                    </p:set>
                                    <p:anim calcmode="lin" valueType="num">
                                      <p:cBhvr>
                                        <p:cTn id="28" dur="500" fill="hold"/>
                                        <p:tgtEl>
                                          <p:spTgt spid="771090"/>
                                        </p:tgtEl>
                                        <p:attrNameLst>
                                          <p:attrName>ppt_w</p:attrName>
                                        </p:attrNameLst>
                                      </p:cBhvr>
                                      <p:tavLst>
                                        <p:tav tm="0">
                                          <p:val>
                                            <p:fltVal val="0"/>
                                          </p:val>
                                        </p:tav>
                                        <p:tav tm="100000">
                                          <p:val>
                                            <p:strVal val="#ppt_w"/>
                                          </p:val>
                                        </p:tav>
                                      </p:tavLst>
                                    </p:anim>
                                    <p:anim calcmode="lin" valueType="num">
                                      <p:cBhvr>
                                        <p:cTn id="29" dur="500" fill="hold"/>
                                        <p:tgtEl>
                                          <p:spTgt spid="771090"/>
                                        </p:tgtEl>
                                        <p:attrNameLst>
                                          <p:attrName>ppt_h</p:attrName>
                                        </p:attrNameLst>
                                      </p:cBhvr>
                                      <p:tavLst>
                                        <p:tav tm="0">
                                          <p:val>
                                            <p:fltVal val="0"/>
                                          </p:val>
                                        </p:tav>
                                        <p:tav tm="100000">
                                          <p:val>
                                            <p:strVal val="#ppt_h"/>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71081" grpId="0" animBg="1"/>
      <p:bldP spid="771089" grpId="0" animBg="1"/>
    </p:bld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es-419" dirty="0"/>
              <a:t>Contenido</a:t>
            </a:r>
            <a:endParaRPr lang="en-GB" dirty="0"/>
          </a:p>
        </p:txBody>
      </p:sp>
      <p:sp>
        <p:nvSpPr>
          <p:cNvPr id="4" name="Textfeld 3"/>
          <p:cNvSpPr txBox="1"/>
          <p:nvPr/>
        </p:nvSpPr>
        <p:spPr>
          <a:xfrm>
            <a:off x="1403648" y="996280"/>
            <a:ext cx="6984776" cy="3231654"/>
          </a:xfrm>
          <a:prstGeom prst="rect">
            <a:avLst/>
          </a:prstGeom>
          <a:solidFill>
            <a:srgbClr val="EAEAEA"/>
          </a:solidFill>
        </p:spPr>
        <p:txBody>
          <a:bodyPr wrap="square" rtlCol="0">
            <a:spAutoFit/>
          </a:bodyPr>
          <a:lstStyle>
            <a:defPPr>
              <a:defRPr lang="en-US"/>
            </a:defPPr>
            <a:lvl1pPr marL="342900" indent="-342900">
              <a:spcBef>
                <a:spcPts val="1200"/>
              </a:spcBef>
              <a:buFont typeface="Wingdings" panose="05000000000000000000" pitchFamily="2" charset="2"/>
              <a:buChar char="Ø"/>
              <a:defRPr sz="2000" b="1"/>
            </a:lvl1pPr>
            <a:lvl2pPr marL="800100" lvl="1" indent="-342900">
              <a:spcBef>
                <a:spcPts val="1200"/>
              </a:spcBef>
              <a:buFont typeface="Wingdings" panose="05000000000000000000" pitchFamily="2" charset="2"/>
              <a:buChar char="Ø"/>
            </a:lvl2pPr>
          </a:lstStyle>
          <a:p>
            <a:r>
              <a:rPr lang="es-419" sz="1800" dirty="0">
                <a:solidFill>
                  <a:schemeClr val="bg1">
                    <a:lumMod val="50000"/>
                  </a:schemeClr>
                </a:solidFill>
              </a:rPr>
              <a:t>Sistema Catastral en Suiza</a:t>
            </a:r>
          </a:p>
          <a:p>
            <a:pPr lvl="1"/>
            <a:r>
              <a:rPr lang="es-419" sz="1600" dirty="0">
                <a:solidFill>
                  <a:schemeClr val="bg1">
                    <a:lumMod val="50000"/>
                  </a:schemeClr>
                </a:solidFill>
              </a:rPr>
              <a:t>Estructura política y administrativa</a:t>
            </a:r>
          </a:p>
          <a:p>
            <a:pPr lvl="1"/>
            <a:r>
              <a:rPr lang="es-419" sz="1600" dirty="0">
                <a:solidFill>
                  <a:schemeClr val="bg1">
                    <a:lumMod val="50000"/>
                  </a:schemeClr>
                </a:solidFill>
              </a:rPr>
              <a:t>Administración de tierras: base legal y organización </a:t>
            </a:r>
          </a:p>
          <a:p>
            <a:pPr lvl="1"/>
            <a:r>
              <a:rPr lang="es-419" sz="1600" dirty="0">
                <a:solidFill>
                  <a:schemeClr val="bg1">
                    <a:lumMod val="50000"/>
                  </a:schemeClr>
                </a:solidFill>
              </a:rPr>
              <a:t>Elementos técnicos y conceptuales</a:t>
            </a:r>
          </a:p>
          <a:p>
            <a:r>
              <a:rPr lang="es-419" sz="1800" dirty="0">
                <a:solidFill>
                  <a:srgbClr val="C00000"/>
                </a:solidFill>
              </a:rPr>
              <a:t>Evolución del Sistema Catastral</a:t>
            </a:r>
          </a:p>
          <a:p>
            <a:pPr lvl="1"/>
            <a:r>
              <a:rPr lang="es-ES" sz="1600" dirty="0">
                <a:solidFill>
                  <a:schemeClr val="bg1">
                    <a:lumMod val="50000"/>
                  </a:schemeClr>
                </a:solidFill>
              </a:rPr>
              <a:t>Digitalización al servicio de las infraestructuras de geodatos</a:t>
            </a:r>
            <a:endParaRPr lang="es-419" sz="1600" dirty="0">
              <a:solidFill>
                <a:schemeClr val="bg1">
                  <a:lumMod val="50000"/>
                </a:schemeClr>
              </a:solidFill>
            </a:endParaRPr>
          </a:p>
          <a:p>
            <a:pPr lvl="1"/>
            <a:r>
              <a:rPr lang="es-ES" sz="1600" dirty="0">
                <a:solidFill>
                  <a:schemeClr val="bg1">
                    <a:lumMod val="50000"/>
                  </a:schemeClr>
                </a:solidFill>
              </a:rPr>
              <a:t>Ampliación de las dimensiones jurídicas y geométricas</a:t>
            </a:r>
            <a:endParaRPr lang="es-419" sz="1600" dirty="0">
              <a:solidFill>
                <a:schemeClr val="bg1">
                  <a:lumMod val="50000"/>
                </a:schemeClr>
              </a:solidFill>
            </a:endParaRPr>
          </a:p>
          <a:p>
            <a:r>
              <a:rPr lang="es-419" sz="1800" dirty="0">
                <a:solidFill>
                  <a:schemeClr val="bg1">
                    <a:lumMod val="50000"/>
                  </a:schemeClr>
                </a:solidFill>
              </a:rPr>
              <a:t>Conclusiones</a:t>
            </a:r>
          </a:p>
        </p:txBody>
      </p:sp>
    </p:spTree>
    <p:extLst>
      <p:ext uri="{BB962C8B-B14F-4D97-AF65-F5344CB8AC3E}">
        <p14:creationId xmlns:p14="http://schemas.microsoft.com/office/powerpoint/2010/main" val="2819740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4">
                                            <p:txEl>
                                              <p:pRg st="4" end="4"/>
                                            </p:txEl>
                                          </p:spTgt>
                                        </p:tgtEl>
                                        <p:attrNameLst>
                                          <p:attrName>style.visibility</p:attrName>
                                        </p:attrNameLst>
                                      </p:cBhvr>
                                      <p:to>
                                        <p:strVal val="visible"/>
                                      </p:to>
                                    </p:set>
                                    <p:animEffect transition="in" filter="wipe(left)">
                                      <p:cBhvr>
                                        <p:cTn id="7" dur="500"/>
                                        <p:tgtEl>
                                          <p:spTgt spid="4">
                                            <p:txEl>
                                              <p:pRg st="4" end="4"/>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Grafik 3">
            <a:extLst>
              <a:ext uri="{FF2B5EF4-FFF2-40B4-BE49-F238E27FC236}">
                <a16:creationId xmlns:a16="http://schemas.microsoft.com/office/drawing/2014/main" id="{1F5BF3F5-E6D6-F992-9B81-7610158F7495}"/>
              </a:ext>
            </a:extLst>
          </p:cNvPr>
          <p:cNvPicPr>
            <a:picLocks noChangeAspect="1"/>
          </p:cNvPicPr>
          <p:nvPr/>
        </p:nvPicPr>
        <p:blipFill rotWithShape="1">
          <a:blip r:embed="rId3"/>
          <a:srcRect l="11271" t="12200" r="17552" b="26201"/>
          <a:stretch/>
        </p:blipFill>
        <p:spPr>
          <a:xfrm>
            <a:off x="1445255" y="771550"/>
            <a:ext cx="6113349" cy="3955702"/>
          </a:xfrm>
          <a:prstGeom prst="rect">
            <a:avLst/>
          </a:prstGeom>
        </p:spPr>
      </p:pic>
      <p:sp>
        <p:nvSpPr>
          <p:cNvPr id="741378" name="Rectangle 2"/>
          <p:cNvSpPr>
            <a:spLocks noGrp="1" noChangeArrowheads="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eaLnBrk="0" fontAlgn="base" hangingPunct="0">
              <a:spcAft>
                <a:spcPct val="0"/>
              </a:spcAft>
            </a:pPr>
            <a:r>
              <a:rPr lang="es-CO" dirty="0">
                <a:solidFill>
                  <a:srgbClr val="C00000"/>
                </a:solidFill>
                <a:latin typeface="+mn-lt"/>
                <a:cs typeface="Calibri" panose="020F0502020204030204" pitchFamily="34" charset="0"/>
              </a:rPr>
              <a:t>Topografía</a:t>
            </a:r>
          </a:p>
        </p:txBody>
      </p:sp>
      <p:sp>
        <p:nvSpPr>
          <p:cNvPr id="17" name="Freeform 181"/>
          <p:cNvSpPr>
            <a:spLocks/>
          </p:cNvSpPr>
          <p:nvPr/>
        </p:nvSpPr>
        <p:spPr bwMode="auto">
          <a:xfrm>
            <a:off x="6199147" y="1923406"/>
            <a:ext cx="1564" cy="1564"/>
          </a:xfrm>
          <a:custGeom>
            <a:avLst/>
            <a:gdLst>
              <a:gd name="T0" fmla="*/ 0 w 2"/>
              <a:gd name="T1" fmla="*/ 0 h 2"/>
              <a:gd name="T2" fmla="*/ 0 w 2"/>
              <a:gd name="T3" fmla="*/ 0 h 2"/>
              <a:gd name="T4" fmla="*/ 0 w 2"/>
              <a:gd name="T5" fmla="*/ 0 h 2"/>
              <a:gd name="T6" fmla="*/ 0 w 2"/>
              <a:gd name="T7" fmla="*/ 0 h 2"/>
              <a:gd name="T8" fmla="*/ 2 w 2"/>
              <a:gd name="T9" fmla="*/ 2 h 2"/>
              <a:gd name="T10" fmla="*/ 0 w 2"/>
              <a:gd name="T11" fmla="*/ 2 h 2"/>
              <a:gd name="T12" fmla="*/ 0 w 2"/>
              <a:gd name="T13" fmla="*/ 2 h 2"/>
              <a:gd name="T14" fmla="*/ 0 w 2"/>
              <a:gd name="T15" fmla="*/ 2 h 2"/>
              <a:gd name="T16" fmla="*/ 0 w 2"/>
              <a:gd name="T17" fmla="*/ 0 h 2"/>
              <a:gd name="T18" fmla="*/ 0 w 2"/>
              <a:gd name="T19" fmla="*/ 0 h 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 h="2">
                <a:moveTo>
                  <a:pt x="0" y="0"/>
                </a:moveTo>
                <a:lnTo>
                  <a:pt x="0" y="0"/>
                </a:lnTo>
                <a:lnTo>
                  <a:pt x="0" y="0"/>
                </a:lnTo>
                <a:lnTo>
                  <a:pt x="0" y="0"/>
                </a:lnTo>
                <a:lnTo>
                  <a:pt x="2" y="2"/>
                </a:lnTo>
                <a:lnTo>
                  <a:pt x="0" y="2"/>
                </a:lnTo>
                <a:lnTo>
                  <a:pt x="0" y="2"/>
                </a:lnTo>
                <a:lnTo>
                  <a:pt x="0" y="2"/>
                </a:lnTo>
                <a:lnTo>
                  <a:pt x="0" y="0"/>
                </a:lnTo>
                <a:lnTo>
                  <a:pt x="0" y="0"/>
                </a:lnTo>
                <a:close/>
              </a:path>
            </a:pathLst>
          </a:custGeom>
          <a:solidFill>
            <a:srgbClr val="C9F2D0"/>
          </a:solidFill>
          <a:ln w="3175">
            <a:solidFill>
              <a:schemeClr val="bg1"/>
            </a:solidFill>
            <a:prstDash val="solid"/>
            <a:round/>
            <a:headEnd/>
            <a:tailEnd/>
          </a:ln>
        </p:spPr>
        <p:txBody>
          <a:bodyPr vert="horz" wrap="square" lIns="68580" tIns="34290" rIns="68580" bIns="34290" numCol="1" anchor="t" anchorCtr="0" compatLnSpc="1">
            <a:prstTxWarp prst="textNoShape">
              <a:avLst/>
            </a:prstTxWarp>
          </a:bodyPr>
          <a:lstStyle/>
          <a:p>
            <a:endParaRPr lang="en-GB" sz="1013" dirty="0"/>
          </a:p>
        </p:txBody>
      </p:sp>
      <p:sp>
        <p:nvSpPr>
          <p:cNvPr id="18" name="Textfeld 17"/>
          <p:cNvSpPr txBox="1"/>
          <p:nvPr/>
        </p:nvSpPr>
        <p:spPr>
          <a:xfrm rot="19279286">
            <a:off x="1155860" y="2329230"/>
            <a:ext cx="2791149" cy="415498"/>
          </a:xfrm>
          <a:prstGeom prst="rect">
            <a:avLst/>
          </a:prstGeom>
          <a:solidFill>
            <a:schemeClr val="bg1">
              <a:alpha val="30000"/>
            </a:schemeClr>
          </a:solidFill>
          <a:effectLst>
            <a:outerShdw blurRad="50800" dist="50800" dir="2700000" algn="tl" rotWithShape="0">
              <a:schemeClr val="bg1">
                <a:alpha val="80000"/>
              </a:schemeClr>
            </a:outerShdw>
          </a:effectLst>
        </p:spPr>
        <p:txBody>
          <a:bodyPr wrap="none" rtlCol="0">
            <a:spAutoFit/>
          </a:bodyPr>
          <a:lstStyle>
            <a:defPPr>
              <a:defRPr lang="en-US"/>
            </a:defPPr>
            <a:lvl1pPr>
              <a:defRPr sz="3600">
                <a:solidFill>
                  <a:srgbClr val="00B050"/>
                </a:solidFill>
              </a:defRPr>
            </a:lvl1pPr>
          </a:lstStyle>
          <a:p>
            <a:r>
              <a:rPr lang="en-GB" sz="2100" dirty="0"/>
              <a:t>M o n t a ñ a s  J u r a</a:t>
            </a:r>
          </a:p>
        </p:txBody>
      </p:sp>
      <p:sp>
        <p:nvSpPr>
          <p:cNvPr id="19" name="Textfeld 18"/>
          <p:cNvSpPr txBox="1"/>
          <p:nvPr/>
        </p:nvSpPr>
        <p:spPr>
          <a:xfrm rot="19874682">
            <a:off x="1737004" y="2225375"/>
            <a:ext cx="3925459" cy="507831"/>
          </a:xfrm>
          <a:prstGeom prst="rect">
            <a:avLst/>
          </a:prstGeom>
          <a:solidFill>
            <a:schemeClr val="bg1">
              <a:alpha val="30000"/>
            </a:schemeClr>
          </a:solidFill>
          <a:effectLst>
            <a:outerShdw blurRad="50800" dist="50800" dir="2700000" algn="tl" rotWithShape="0">
              <a:schemeClr val="bg1">
                <a:alpha val="80000"/>
              </a:schemeClr>
            </a:outerShdw>
          </a:effectLst>
        </p:spPr>
        <p:txBody>
          <a:bodyPr wrap="square" rtlCol="0">
            <a:spAutoFit/>
          </a:bodyPr>
          <a:lstStyle>
            <a:defPPr>
              <a:defRPr lang="en-US"/>
            </a:defPPr>
            <a:lvl1pPr>
              <a:defRPr sz="3600">
                <a:solidFill>
                  <a:srgbClr val="00B050"/>
                </a:solidFill>
              </a:defRPr>
            </a:lvl1pPr>
          </a:lstStyle>
          <a:p>
            <a:r>
              <a:rPr lang="en-GB" sz="2700" dirty="0"/>
              <a:t>  M e s e t a  C e n t r a l</a:t>
            </a:r>
          </a:p>
        </p:txBody>
      </p:sp>
      <p:sp>
        <p:nvSpPr>
          <p:cNvPr id="20" name="Textfeld 19"/>
          <p:cNvSpPr txBox="1"/>
          <p:nvPr/>
        </p:nvSpPr>
        <p:spPr>
          <a:xfrm rot="20325769">
            <a:off x="3153760" y="3070538"/>
            <a:ext cx="2897332" cy="507831"/>
          </a:xfrm>
          <a:prstGeom prst="rect">
            <a:avLst/>
          </a:prstGeom>
          <a:solidFill>
            <a:schemeClr val="bg1">
              <a:alpha val="30000"/>
            </a:schemeClr>
          </a:solidFill>
          <a:effectLst>
            <a:outerShdw blurRad="50800" dist="50800" dir="2700000" algn="tl" rotWithShape="0">
              <a:schemeClr val="bg1">
                <a:alpha val="80000"/>
              </a:schemeClr>
            </a:outerShdw>
          </a:effectLst>
        </p:spPr>
        <p:txBody>
          <a:bodyPr wrap="none" rtlCol="0">
            <a:spAutoFit/>
          </a:bodyPr>
          <a:lstStyle>
            <a:defPPr>
              <a:defRPr lang="en-US"/>
            </a:defPPr>
            <a:lvl1pPr>
              <a:defRPr sz="3600">
                <a:solidFill>
                  <a:srgbClr val="00B050"/>
                </a:solidFill>
              </a:defRPr>
            </a:lvl1pPr>
          </a:lstStyle>
          <a:p>
            <a:r>
              <a:rPr lang="en-GB" sz="2700" dirty="0"/>
              <a:t>A r e a   </a:t>
            </a:r>
            <a:r>
              <a:rPr lang="en-GB" sz="2700" dirty="0" err="1"/>
              <a:t>A</a:t>
            </a:r>
            <a:r>
              <a:rPr lang="en-GB" sz="2700" dirty="0"/>
              <a:t> l p </a:t>
            </a:r>
            <a:r>
              <a:rPr lang="en-GB" sz="2700" dirty="0" err="1"/>
              <a:t>i</a:t>
            </a:r>
            <a:r>
              <a:rPr lang="en-GB" sz="2700" dirty="0"/>
              <a:t> n a</a:t>
            </a:r>
          </a:p>
        </p:txBody>
      </p:sp>
    </p:spTree>
    <p:extLst>
      <p:ext uri="{BB962C8B-B14F-4D97-AF65-F5344CB8AC3E}">
        <p14:creationId xmlns:p14="http://schemas.microsoft.com/office/powerpoint/2010/main" val="2483362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20"/>
                                        </p:tgtEl>
                                        <p:attrNameLst>
                                          <p:attrName>style.visibility</p:attrName>
                                        </p:attrNameLst>
                                      </p:cBhvr>
                                      <p:to>
                                        <p:strVal val="visible"/>
                                      </p:to>
                                    </p:set>
                                    <p:animEffect transition="in" filter="wipe(left)">
                                      <p:cBhvr>
                                        <p:cTn id="7" dur="750"/>
                                        <p:tgtEl>
                                          <p:spTgt spid="20"/>
                                        </p:tgtEl>
                                      </p:cBhvr>
                                    </p:animEffect>
                                  </p:childTnLst>
                                </p:cTn>
                              </p:par>
                            </p:childTnLst>
                          </p:cTn>
                        </p:par>
                        <p:par>
                          <p:cTn id="8" fill="hold">
                            <p:stCondLst>
                              <p:cond delay="750"/>
                            </p:stCondLst>
                            <p:childTnLst>
                              <p:par>
                                <p:cTn id="9" presetID="22" presetClass="entr" presetSubtype="8" fill="hold" grpId="0" nodeType="afterEffect">
                                  <p:stCondLst>
                                    <p:cond delay="500"/>
                                  </p:stCondLst>
                                  <p:childTnLst>
                                    <p:set>
                                      <p:cBhvr>
                                        <p:cTn id="10" dur="1" fill="hold">
                                          <p:stCondLst>
                                            <p:cond delay="0"/>
                                          </p:stCondLst>
                                        </p:cTn>
                                        <p:tgtEl>
                                          <p:spTgt spid="19"/>
                                        </p:tgtEl>
                                        <p:attrNameLst>
                                          <p:attrName>style.visibility</p:attrName>
                                        </p:attrNameLst>
                                      </p:cBhvr>
                                      <p:to>
                                        <p:strVal val="visible"/>
                                      </p:to>
                                    </p:set>
                                    <p:animEffect transition="in" filter="wipe(left)">
                                      <p:cBhvr>
                                        <p:cTn id="11" dur="750"/>
                                        <p:tgtEl>
                                          <p:spTgt spid="19"/>
                                        </p:tgtEl>
                                      </p:cBhvr>
                                    </p:animEffect>
                                  </p:childTnLst>
                                </p:cTn>
                              </p:par>
                            </p:childTnLst>
                          </p:cTn>
                        </p:par>
                        <p:par>
                          <p:cTn id="12" fill="hold">
                            <p:stCondLst>
                              <p:cond delay="2000"/>
                            </p:stCondLst>
                            <p:childTnLst>
                              <p:par>
                                <p:cTn id="13" presetID="22" presetClass="entr" presetSubtype="8" fill="hold" grpId="0" nodeType="afterEffect">
                                  <p:stCondLst>
                                    <p:cond delay="500"/>
                                  </p:stCondLst>
                                  <p:childTnLst>
                                    <p:set>
                                      <p:cBhvr>
                                        <p:cTn id="14" dur="1" fill="hold">
                                          <p:stCondLst>
                                            <p:cond delay="0"/>
                                          </p:stCondLst>
                                        </p:cTn>
                                        <p:tgtEl>
                                          <p:spTgt spid="18"/>
                                        </p:tgtEl>
                                        <p:attrNameLst>
                                          <p:attrName>style.visibility</p:attrName>
                                        </p:attrNameLst>
                                      </p:cBhvr>
                                      <p:to>
                                        <p:strVal val="visible"/>
                                      </p:to>
                                    </p:set>
                                    <p:animEffect transition="in" filter="wipe(left)">
                                      <p:cBhvr>
                                        <p:cTn id="15" dur="750"/>
                                        <p:tgtEl>
                                          <p:spTgt spid="1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animBg="1"/>
      <p:bldP spid="19" grpId="0" animBg="1"/>
      <p:bldP spid="20" grpId="0" animBg="1"/>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s-419" dirty="0"/>
              <a:t>Multidimensionalidad de los sistemas catastrales</a:t>
            </a:r>
          </a:p>
        </p:txBody>
      </p:sp>
      <p:sp>
        <p:nvSpPr>
          <p:cNvPr id="33815" name="Rectangle 11"/>
          <p:cNvSpPr>
            <a:spLocks noChangeArrowheads="1"/>
          </p:cNvSpPr>
          <p:nvPr/>
        </p:nvSpPr>
        <p:spPr bwMode="auto">
          <a:xfrm>
            <a:off x="2357433" y="3472800"/>
            <a:ext cx="5742958" cy="584770"/>
          </a:xfrm>
          <a:prstGeom prst="rect">
            <a:avLst/>
          </a:prstGeom>
          <a:solidFill>
            <a:schemeClr val="accent6">
              <a:lumMod val="60000"/>
              <a:lumOff val="40000"/>
            </a:schemeClr>
          </a:solidFill>
          <a:ln w="9525">
            <a:noFill/>
            <a:miter lim="800000"/>
            <a:headEnd/>
            <a:tailEnd/>
          </a:ln>
          <a:effectLst/>
        </p:spPr>
        <p:txBody>
          <a:bodyPr wrap="squar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500" b="1" dirty="0">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Documentación de derechos del derecho privado</a:t>
            </a:r>
            <a:endParaRPr lang="es-419" altLang="de-DE" sz="1500" dirty="0">
              <a:latin typeface="Calibri" panose="020F0502020204030204" pitchFamily="34" charset="0"/>
              <a:cs typeface="Calibri" panose="020F0502020204030204" pitchFamily="34" charset="0"/>
            </a:endParaRPr>
          </a:p>
        </p:txBody>
      </p:sp>
      <p:grpSp>
        <p:nvGrpSpPr>
          <p:cNvPr id="775181" name="Group 13"/>
          <p:cNvGrpSpPr>
            <a:grpSpLocks/>
          </p:cNvGrpSpPr>
          <p:nvPr/>
        </p:nvGrpSpPr>
        <p:grpSpPr bwMode="auto">
          <a:xfrm>
            <a:off x="1925706" y="4042954"/>
            <a:ext cx="885591" cy="603512"/>
            <a:chOff x="122" y="2936"/>
            <a:chExt cx="945" cy="644"/>
          </a:xfrm>
        </p:grpSpPr>
        <p:sp>
          <p:nvSpPr>
            <p:cNvPr id="33813" name="Text Box 14"/>
            <p:cNvSpPr txBox="1">
              <a:spLocks noChangeArrowheads="1"/>
            </p:cNvSpPr>
            <p:nvPr/>
          </p:nvSpPr>
          <p:spPr bwMode="auto">
            <a:xfrm>
              <a:off x="122" y="3137"/>
              <a:ext cx="945" cy="44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050" b="1" dirty="0">
                  <a:solidFill>
                    <a:schemeClr val="tx1"/>
                  </a:solidFill>
                  <a:latin typeface="Calibri" panose="020F0502020204030204" pitchFamily="34" charset="0"/>
                  <a:cs typeface="Calibri" panose="020F0502020204030204" pitchFamily="34" charset="0"/>
                </a:rPr>
                <a:t>late 1800s, early 1900s</a:t>
              </a:r>
            </a:p>
          </p:txBody>
        </p:sp>
        <p:sp>
          <p:nvSpPr>
            <p:cNvPr id="33814" name="Line 15"/>
            <p:cNvSpPr>
              <a:spLocks noChangeShapeType="1"/>
            </p:cNvSpPr>
            <p:nvPr/>
          </p:nvSpPr>
          <p:spPr bwMode="auto">
            <a:xfrm flipH="1">
              <a:off x="582" y="2936"/>
              <a:ext cx="0" cy="136"/>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s-419" sz="1013" dirty="0">
                <a:latin typeface="Calibri" panose="020F0502020204030204" pitchFamily="34" charset="0"/>
                <a:cs typeface="Calibri" panose="020F0502020204030204" pitchFamily="34" charset="0"/>
              </a:endParaRPr>
            </a:p>
          </p:txBody>
        </p:sp>
      </p:grpSp>
      <p:grpSp>
        <p:nvGrpSpPr>
          <p:cNvPr id="775184" name="Group 16"/>
          <p:cNvGrpSpPr>
            <a:grpSpLocks/>
          </p:cNvGrpSpPr>
          <p:nvPr/>
        </p:nvGrpSpPr>
        <p:grpSpPr bwMode="auto">
          <a:xfrm>
            <a:off x="3203848" y="4031715"/>
            <a:ext cx="824676" cy="453572"/>
            <a:chOff x="1837" y="2924"/>
            <a:chExt cx="880" cy="484"/>
          </a:xfrm>
        </p:grpSpPr>
        <p:sp>
          <p:nvSpPr>
            <p:cNvPr id="33811" name="Text Box 17"/>
            <p:cNvSpPr txBox="1">
              <a:spLocks noChangeArrowheads="1"/>
            </p:cNvSpPr>
            <p:nvPr/>
          </p:nvSpPr>
          <p:spPr bwMode="auto">
            <a:xfrm>
              <a:off x="1837" y="3137"/>
              <a:ext cx="880" cy="2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050" b="1" dirty="0">
                  <a:solidFill>
                    <a:schemeClr val="tx1"/>
                  </a:solidFill>
                  <a:latin typeface="Calibri" panose="020F0502020204030204" pitchFamily="34" charset="0"/>
                  <a:cs typeface="Calibri" panose="020F0502020204030204" pitchFamily="34" charset="0"/>
                </a:rPr>
                <a:t>late 1900s</a:t>
              </a:r>
              <a:endParaRPr lang="es-419" altLang="de-DE" sz="1050" dirty="0">
                <a:solidFill>
                  <a:schemeClr val="tx1"/>
                </a:solidFill>
                <a:latin typeface="Calibri" panose="020F0502020204030204" pitchFamily="34" charset="0"/>
                <a:cs typeface="Calibri" panose="020F0502020204030204" pitchFamily="34" charset="0"/>
              </a:endParaRPr>
            </a:p>
          </p:txBody>
        </p:sp>
        <p:sp>
          <p:nvSpPr>
            <p:cNvPr id="33812" name="Line 18"/>
            <p:cNvSpPr>
              <a:spLocks noChangeShapeType="1"/>
            </p:cNvSpPr>
            <p:nvPr/>
          </p:nvSpPr>
          <p:spPr bwMode="auto">
            <a:xfrm>
              <a:off x="2280" y="2924"/>
              <a:ext cx="0" cy="148"/>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s-419" sz="1013" dirty="0">
                <a:latin typeface="Calibri" panose="020F0502020204030204" pitchFamily="34" charset="0"/>
                <a:cs typeface="Calibri" panose="020F0502020204030204" pitchFamily="34" charset="0"/>
              </a:endParaRPr>
            </a:p>
          </p:txBody>
        </p:sp>
      </p:grpSp>
      <p:grpSp>
        <p:nvGrpSpPr>
          <p:cNvPr id="775190" name="Group 22"/>
          <p:cNvGrpSpPr>
            <a:grpSpLocks/>
          </p:cNvGrpSpPr>
          <p:nvPr/>
        </p:nvGrpSpPr>
        <p:grpSpPr bwMode="auto">
          <a:xfrm>
            <a:off x="4351351" y="4031487"/>
            <a:ext cx="868721" cy="453572"/>
            <a:chOff x="2931" y="2907"/>
            <a:chExt cx="927" cy="484"/>
          </a:xfrm>
        </p:grpSpPr>
        <p:sp>
          <p:nvSpPr>
            <p:cNvPr id="33807" name="Text Box 23"/>
            <p:cNvSpPr txBox="1">
              <a:spLocks noChangeArrowheads="1"/>
            </p:cNvSpPr>
            <p:nvPr/>
          </p:nvSpPr>
          <p:spPr bwMode="auto">
            <a:xfrm>
              <a:off x="2931" y="3120"/>
              <a:ext cx="927" cy="2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050" b="1" dirty="0">
                  <a:solidFill>
                    <a:schemeClr val="tx1"/>
                  </a:solidFill>
                  <a:latin typeface="Calibri" panose="020F0502020204030204" pitchFamily="34" charset="0"/>
                  <a:cs typeface="Calibri" panose="020F0502020204030204" pitchFamily="34" charset="0"/>
                </a:rPr>
                <a:t>2000s</a:t>
              </a:r>
            </a:p>
          </p:txBody>
        </p:sp>
        <p:sp>
          <p:nvSpPr>
            <p:cNvPr id="33808" name="Line 24"/>
            <p:cNvSpPr>
              <a:spLocks noChangeShapeType="1"/>
            </p:cNvSpPr>
            <p:nvPr/>
          </p:nvSpPr>
          <p:spPr bwMode="auto">
            <a:xfrm>
              <a:off x="3387" y="2907"/>
              <a:ext cx="0" cy="165"/>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s-419" sz="1013" dirty="0">
                <a:latin typeface="Calibri" panose="020F0502020204030204" pitchFamily="34" charset="0"/>
                <a:cs typeface="Calibri" panose="020F0502020204030204" pitchFamily="34" charset="0"/>
              </a:endParaRPr>
            </a:p>
          </p:txBody>
        </p:sp>
      </p:grpSp>
      <p:sp>
        <p:nvSpPr>
          <p:cNvPr id="31" name="Wolkenförmige Legende 30"/>
          <p:cNvSpPr/>
          <p:nvPr/>
        </p:nvSpPr>
        <p:spPr bwMode="auto">
          <a:xfrm>
            <a:off x="6245240" y="980851"/>
            <a:ext cx="1782198" cy="719648"/>
          </a:xfrm>
          <a:prstGeom prst="cloudCallout">
            <a:avLst>
              <a:gd name="adj1" fmla="val -39453"/>
              <a:gd name="adj2" fmla="val 19249"/>
            </a:avLst>
          </a:prstGeom>
          <a:solidFill>
            <a:srgbClr val="EDEDF9"/>
          </a:solidFill>
          <a:ln w="9525" cap="flat" cmpd="sng" algn="ctr">
            <a:solidFill>
              <a:schemeClr val="bg1">
                <a:lumMod val="75000"/>
              </a:schemeClr>
            </a:solidFill>
            <a:prstDash val="solid"/>
            <a:round/>
            <a:headEnd type="none" w="med" len="med"/>
            <a:tailEnd type="none" w="med" len="med"/>
          </a:ln>
          <a:effectLst/>
        </p:spPr>
        <p:txBody>
          <a:bodyPr vert="horz" wrap="square" lIns="68580" tIns="34290" rIns="68580" bIns="34290" numCol="1" rtlCol="0" anchor="ctr" anchorCtr="0" compatLnSpc="1">
            <a:prstTxWarp prst="textNoShape">
              <a:avLst/>
            </a:prstTxWarp>
          </a:bodyPr>
          <a:lstStyle/>
          <a:p>
            <a:pPr algn="ctr" eaLnBrk="0" fontAlgn="base" hangingPunct="0">
              <a:spcBef>
                <a:spcPct val="0"/>
              </a:spcBef>
              <a:spcAft>
                <a:spcPct val="0"/>
              </a:spcAft>
            </a:pPr>
            <a:r>
              <a:rPr lang="en-GB" altLang="de-DE" sz="1200" b="1" dirty="0">
                <a:solidFill>
                  <a:srgbClr val="990000"/>
                </a:solidFill>
                <a:latin typeface="Calibri" panose="020F0502020204030204" pitchFamily="34" charset="0"/>
                <a:cs typeface="Calibri" panose="020F0502020204030204" pitchFamily="34" charset="0"/>
              </a:rPr>
              <a:t>Big Data, Linked Data, </a:t>
            </a:r>
            <a:r>
              <a:rPr lang="en-GB" altLang="de-DE" sz="1200" b="1" dirty="0" err="1">
                <a:solidFill>
                  <a:srgbClr val="990000"/>
                </a:solidFill>
                <a:latin typeface="Calibri" panose="020F0502020204030204" pitchFamily="34" charset="0"/>
                <a:cs typeface="Calibri" panose="020F0502020204030204" pitchFamily="34" charset="0"/>
              </a:rPr>
              <a:t>IoT</a:t>
            </a:r>
            <a:endParaRPr lang="en-GB" sz="1200" b="1" dirty="0">
              <a:solidFill>
                <a:srgbClr val="990000"/>
              </a:solidFill>
              <a:latin typeface="Calibri" panose="020F0502020204030204" pitchFamily="34" charset="0"/>
              <a:cs typeface="Calibri" panose="020F0502020204030204" pitchFamily="34" charset="0"/>
            </a:endParaRPr>
          </a:p>
        </p:txBody>
      </p:sp>
      <p:sp>
        <p:nvSpPr>
          <p:cNvPr id="25" name="Rectangle 11"/>
          <p:cNvSpPr>
            <a:spLocks noChangeArrowheads="1"/>
          </p:cNvSpPr>
          <p:nvPr/>
        </p:nvSpPr>
        <p:spPr bwMode="auto">
          <a:xfrm>
            <a:off x="3610582" y="2888030"/>
            <a:ext cx="4489807" cy="584770"/>
          </a:xfrm>
          <a:prstGeom prst="rect">
            <a:avLst/>
          </a:prstGeom>
          <a:solidFill>
            <a:schemeClr val="accent6">
              <a:lumMod val="40000"/>
              <a:lumOff val="60000"/>
            </a:schemeClr>
          </a:solidFill>
          <a:ln w="9525">
            <a:noFill/>
            <a:miter lim="800000"/>
            <a:headEnd/>
            <a:tailEnd/>
          </a:ln>
          <a:effectLst/>
        </p:spPr>
        <p:txBody>
          <a:bodyPr wrap="squar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500" b="1" dirty="0">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Formato digital, aspecto de la geoinformación</a:t>
            </a:r>
          </a:p>
        </p:txBody>
      </p:sp>
      <p:sp>
        <p:nvSpPr>
          <p:cNvPr id="26" name="Rectangle 11"/>
          <p:cNvSpPr>
            <a:spLocks noChangeArrowheads="1"/>
          </p:cNvSpPr>
          <p:nvPr/>
        </p:nvSpPr>
        <p:spPr bwMode="auto">
          <a:xfrm>
            <a:off x="4390091" y="2303260"/>
            <a:ext cx="3710298" cy="584770"/>
          </a:xfrm>
          <a:prstGeom prst="rect">
            <a:avLst/>
          </a:prstGeom>
          <a:solidFill>
            <a:schemeClr val="accent6">
              <a:lumMod val="20000"/>
              <a:lumOff val="80000"/>
            </a:schemeClr>
          </a:solidFill>
          <a:ln w="9525">
            <a:noFill/>
            <a:miter lim="800000"/>
            <a:headEnd/>
            <a:tailEnd/>
          </a:ln>
          <a:effectLst/>
        </p:spPr>
        <p:txBody>
          <a:bodyPr wrap="squar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200" b="1" dirty="0">
                <a:solidFill>
                  <a:srgbClr val="990000"/>
                </a:solidFill>
                <a:latin typeface="Calibri" panose="020F0502020204030204" pitchFamily="34" charset="0"/>
                <a:cs typeface="Calibri" panose="020F0502020204030204" pitchFamily="34" charset="0"/>
              </a:rPr>
              <a:t>Ampliación de la dimensión jurídica (documentación de servidumbres, restricciones de derecho público)</a:t>
            </a:r>
          </a:p>
        </p:txBody>
      </p:sp>
      <p:sp>
        <p:nvSpPr>
          <p:cNvPr id="27" name="Rectangle 11"/>
          <p:cNvSpPr>
            <a:spLocks noChangeArrowheads="1"/>
          </p:cNvSpPr>
          <p:nvPr/>
        </p:nvSpPr>
        <p:spPr bwMode="auto">
          <a:xfrm>
            <a:off x="5155455" y="1718490"/>
            <a:ext cx="2944934" cy="584770"/>
          </a:xfrm>
          <a:prstGeom prst="rect">
            <a:avLst/>
          </a:prstGeom>
          <a:solidFill>
            <a:srgbClr val="DFDFF5"/>
          </a:solidFill>
          <a:ln w="9525">
            <a:noFill/>
            <a:miter lim="800000"/>
            <a:headEnd/>
            <a:tailEnd/>
          </a:ln>
          <a:effectLst/>
        </p:spPr>
        <p:txBody>
          <a:bodyPr wrap="squar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200" b="1" dirty="0">
                <a:solidFill>
                  <a:srgbClr val="990000"/>
                </a:solidFill>
                <a:latin typeface="Calibri" panose="020F0502020204030204" pitchFamily="34" charset="0"/>
                <a:cs typeface="Calibri" panose="020F0502020204030204" pitchFamily="34" charset="0"/>
              </a:rPr>
              <a:t>Ampliación de dimensiones geométricas (3D, BIM, instalaciones)</a:t>
            </a:r>
          </a:p>
        </p:txBody>
      </p:sp>
      <p:grpSp>
        <p:nvGrpSpPr>
          <p:cNvPr id="32" name="Group 22"/>
          <p:cNvGrpSpPr>
            <a:grpSpLocks/>
          </p:cNvGrpSpPr>
          <p:nvPr/>
        </p:nvGrpSpPr>
        <p:grpSpPr bwMode="auto">
          <a:xfrm>
            <a:off x="5413515" y="4031093"/>
            <a:ext cx="958685" cy="453572"/>
            <a:chOff x="2883" y="2907"/>
            <a:chExt cx="1023" cy="484"/>
          </a:xfrm>
        </p:grpSpPr>
        <p:sp>
          <p:nvSpPr>
            <p:cNvPr id="33" name="Text Box 23"/>
            <p:cNvSpPr txBox="1">
              <a:spLocks noChangeArrowheads="1"/>
            </p:cNvSpPr>
            <p:nvPr/>
          </p:nvSpPr>
          <p:spPr bwMode="auto">
            <a:xfrm>
              <a:off x="2883" y="3120"/>
              <a:ext cx="1023" cy="2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050" b="1" dirty="0">
                  <a:solidFill>
                    <a:schemeClr val="tx1"/>
                  </a:solidFill>
                  <a:latin typeface="Calibri" panose="020F0502020204030204" pitchFamily="34" charset="0"/>
                  <a:cs typeface="Calibri" panose="020F0502020204030204" pitchFamily="34" charset="0"/>
                </a:rPr>
                <a:t>2010s</a:t>
              </a:r>
            </a:p>
          </p:txBody>
        </p:sp>
        <p:sp>
          <p:nvSpPr>
            <p:cNvPr id="34" name="Line 24"/>
            <p:cNvSpPr>
              <a:spLocks noChangeShapeType="1"/>
            </p:cNvSpPr>
            <p:nvPr/>
          </p:nvSpPr>
          <p:spPr bwMode="auto">
            <a:xfrm>
              <a:off x="3387" y="2907"/>
              <a:ext cx="0" cy="165"/>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s-419" sz="1013" dirty="0">
                <a:latin typeface="Calibri" panose="020F0502020204030204" pitchFamily="34" charset="0"/>
                <a:cs typeface="Calibri" panose="020F0502020204030204" pitchFamily="34" charset="0"/>
              </a:endParaRPr>
            </a:p>
          </p:txBody>
        </p:sp>
      </p:grpSp>
      <p:grpSp>
        <p:nvGrpSpPr>
          <p:cNvPr id="35" name="Group 22"/>
          <p:cNvGrpSpPr>
            <a:grpSpLocks/>
          </p:cNvGrpSpPr>
          <p:nvPr/>
        </p:nvGrpSpPr>
        <p:grpSpPr bwMode="auto">
          <a:xfrm>
            <a:off x="6432721" y="4031093"/>
            <a:ext cx="1019599" cy="453572"/>
            <a:chOff x="2851" y="2907"/>
            <a:chExt cx="1088" cy="484"/>
          </a:xfrm>
        </p:grpSpPr>
        <p:sp>
          <p:nvSpPr>
            <p:cNvPr id="36" name="Text Box 23"/>
            <p:cNvSpPr txBox="1">
              <a:spLocks noChangeArrowheads="1"/>
            </p:cNvSpPr>
            <p:nvPr/>
          </p:nvSpPr>
          <p:spPr bwMode="auto">
            <a:xfrm>
              <a:off x="2851" y="3120"/>
              <a:ext cx="1088" cy="2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419" altLang="de-DE" sz="1050" b="1" dirty="0">
                  <a:solidFill>
                    <a:schemeClr val="tx1"/>
                  </a:solidFill>
                  <a:latin typeface="Calibri" panose="020F0502020204030204" pitchFamily="34" charset="0"/>
                  <a:cs typeface="Calibri" panose="020F0502020204030204" pitchFamily="34" charset="0"/>
                </a:rPr>
                <a:t>20xx</a:t>
              </a:r>
            </a:p>
          </p:txBody>
        </p:sp>
        <p:sp>
          <p:nvSpPr>
            <p:cNvPr id="37" name="Line 24"/>
            <p:cNvSpPr>
              <a:spLocks noChangeShapeType="1"/>
            </p:cNvSpPr>
            <p:nvPr/>
          </p:nvSpPr>
          <p:spPr bwMode="auto">
            <a:xfrm>
              <a:off x="3387" y="2907"/>
              <a:ext cx="0" cy="165"/>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es-419" sz="1013" dirty="0">
                <a:latin typeface="Calibri" panose="020F0502020204030204" pitchFamily="34" charset="0"/>
                <a:cs typeface="Calibri" panose="020F0502020204030204" pitchFamily="34" charset="0"/>
              </a:endParaRPr>
            </a:p>
          </p:txBody>
        </p:sp>
      </p:grpSp>
      <p:grpSp>
        <p:nvGrpSpPr>
          <p:cNvPr id="6" name="Gruppieren 5"/>
          <p:cNvGrpSpPr/>
          <p:nvPr/>
        </p:nvGrpSpPr>
        <p:grpSpPr>
          <a:xfrm>
            <a:off x="1439652" y="1005575"/>
            <a:ext cx="840296" cy="3049352"/>
            <a:chOff x="395536" y="1340765"/>
            <a:chExt cx="1120394" cy="4065803"/>
          </a:xfrm>
        </p:grpSpPr>
        <p:sp>
          <p:nvSpPr>
            <p:cNvPr id="3" name="Pfeil nach unten 2"/>
            <p:cNvSpPr/>
            <p:nvPr/>
          </p:nvSpPr>
          <p:spPr bwMode="auto">
            <a:xfrm rot="10800000">
              <a:off x="395536" y="1340765"/>
              <a:ext cx="1120394" cy="4065803"/>
            </a:xfrm>
            <a:prstGeom prst="downArrow">
              <a:avLst>
                <a:gd name="adj1" fmla="val 37836"/>
                <a:gd name="adj2" fmla="val 44474"/>
              </a:avLst>
            </a:prstGeom>
            <a:solidFill>
              <a:srgbClr val="FFCCCC"/>
            </a:solidFill>
            <a:ln w="317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eaLnBrk="0" fontAlgn="base" hangingPunct="0">
                <a:spcBef>
                  <a:spcPct val="0"/>
                </a:spcBef>
                <a:spcAft>
                  <a:spcPct val="0"/>
                </a:spcAft>
              </a:pPr>
              <a:endParaRPr lang="es-419" sz="1800" dirty="0">
                <a:latin typeface="Times" pitchFamily="18" charset="0"/>
              </a:endParaRPr>
            </a:p>
          </p:txBody>
        </p:sp>
        <p:sp>
          <p:nvSpPr>
            <p:cNvPr id="5" name="Rechteck 4"/>
            <p:cNvSpPr/>
            <p:nvPr/>
          </p:nvSpPr>
          <p:spPr>
            <a:xfrm rot="16200000">
              <a:off x="-15899" y="3127191"/>
              <a:ext cx="1943267" cy="330945"/>
            </a:xfrm>
            <a:prstGeom prst="rect">
              <a:avLst/>
            </a:prstGeom>
          </p:spPr>
          <p:txBody>
            <a:bodyPr wrap="none">
              <a:spAutoFit/>
            </a:bodyPr>
            <a:lstStyle/>
            <a:p>
              <a:r>
                <a:rPr lang="es-419" sz="1013" b="1" dirty="0">
                  <a:solidFill>
                    <a:srgbClr val="990000"/>
                  </a:solidFill>
                  <a:latin typeface="Calibri" panose="020F0502020204030204" pitchFamily="34" charset="0"/>
                  <a:cs typeface="Calibri" panose="020F0502020204030204" pitchFamily="34" charset="0"/>
                </a:rPr>
                <a:t>Dimensiones crecientes</a:t>
              </a:r>
              <a:endParaRPr lang="es-419" sz="1013" dirty="0"/>
            </a:p>
          </p:txBody>
        </p:sp>
      </p:grpSp>
    </p:spTree>
    <p:extLst>
      <p:ext uri="{BB962C8B-B14F-4D97-AF65-F5344CB8AC3E}">
        <p14:creationId xmlns:p14="http://schemas.microsoft.com/office/powerpoint/2010/main" val="24563270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4" fill="hold" nodeType="afterEffect">
                                  <p:stCondLst>
                                    <p:cond delay="0"/>
                                  </p:stCondLst>
                                  <p:childTnLst>
                                    <p:set>
                                      <p:cBhvr>
                                        <p:cTn id="6" dur="1" fill="hold">
                                          <p:stCondLst>
                                            <p:cond delay="0"/>
                                          </p:stCondLst>
                                        </p:cTn>
                                        <p:tgtEl>
                                          <p:spTgt spid="775181"/>
                                        </p:tgtEl>
                                        <p:attrNameLst>
                                          <p:attrName>style.visibility</p:attrName>
                                        </p:attrNameLst>
                                      </p:cBhvr>
                                      <p:to>
                                        <p:strVal val="visible"/>
                                      </p:to>
                                    </p:set>
                                    <p:animEffect transition="in" filter="wipe(down)">
                                      <p:cBhvr>
                                        <p:cTn id="7" dur="500"/>
                                        <p:tgtEl>
                                          <p:spTgt spid="775181"/>
                                        </p:tgtEl>
                                      </p:cBhvr>
                                    </p:animEffect>
                                  </p:childTnLst>
                                </p:cTn>
                              </p:par>
                            </p:childTnLst>
                          </p:cTn>
                        </p:par>
                        <p:par>
                          <p:cTn id="8" fill="hold">
                            <p:stCondLst>
                              <p:cond delay="500"/>
                            </p:stCondLst>
                            <p:childTnLst>
                              <p:par>
                                <p:cTn id="9" presetID="22" presetClass="entr" presetSubtype="8" fill="hold" grpId="0" nodeType="afterEffect">
                                  <p:stCondLst>
                                    <p:cond delay="0"/>
                                  </p:stCondLst>
                                  <p:childTnLst>
                                    <p:set>
                                      <p:cBhvr>
                                        <p:cTn id="10" dur="1" fill="hold">
                                          <p:stCondLst>
                                            <p:cond delay="0"/>
                                          </p:stCondLst>
                                        </p:cTn>
                                        <p:tgtEl>
                                          <p:spTgt spid="33815"/>
                                        </p:tgtEl>
                                        <p:attrNameLst>
                                          <p:attrName>style.visibility</p:attrName>
                                        </p:attrNameLst>
                                      </p:cBhvr>
                                      <p:to>
                                        <p:strVal val="visible"/>
                                      </p:to>
                                    </p:set>
                                    <p:animEffect transition="in" filter="wipe(left)">
                                      <p:cBhvr>
                                        <p:cTn id="11" dur="500"/>
                                        <p:tgtEl>
                                          <p:spTgt spid="33815"/>
                                        </p:tgtEl>
                                      </p:cBhvr>
                                    </p:animEffect>
                                  </p:childTnLst>
                                </p:cTn>
                              </p:par>
                            </p:childTnLst>
                          </p:cTn>
                        </p:par>
                      </p:childTnLst>
                    </p:cTn>
                  </p:par>
                  <p:par>
                    <p:cTn id="12" fill="hold">
                      <p:stCondLst>
                        <p:cond delay="indefinite"/>
                      </p:stCondLst>
                      <p:childTnLst>
                        <p:par>
                          <p:cTn id="13" fill="hold">
                            <p:stCondLst>
                              <p:cond delay="0"/>
                            </p:stCondLst>
                            <p:childTnLst>
                              <p:par>
                                <p:cTn id="14" presetID="22" presetClass="entr" presetSubtype="4" fill="hold" nodeType="clickEffect">
                                  <p:stCondLst>
                                    <p:cond delay="0"/>
                                  </p:stCondLst>
                                  <p:childTnLst>
                                    <p:set>
                                      <p:cBhvr>
                                        <p:cTn id="15" dur="1" fill="hold">
                                          <p:stCondLst>
                                            <p:cond delay="0"/>
                                          </p:stCondLst>
                                        </p:cTn>
                                        <p:tgtEl>
                                          <p:spTgt spid="775184"/>
                                        </p:tgtEl>
                                        <p:attrNameLst>
                                          <p:attrName>style.visibility</p:attrName>
                                        </p:attrNameLst>
                                      </p:cBhvr>
                                      <p:to>
                                        <p:strVal val="visible"/>
                                      </p:to>
                                    </p:set>
                                    <p:animEffect transition="in" filter="wipe(down)">
                                      <p:cBhvr>
                                        <p:cTn id="16" dur="500"/>
                                        <p:tgtEl>
                                          <p:spTgt spid="775184"/>
                                        </p:tgtEl>
                                      </p:cBhvr>
                                    </p:animEffect>
                                  </p:childTnLst>
                                </p:cTn>
                              </p:par>
                            </p:childTnLst>
                          </p:cTn>
                        </p:par>
                        <p:par>
                          <p:cTn id="17" fill="hold">
                            <p:stCondLst>
                              <p:cond delay="500"/>
                            </p:stCondLst>
                            <p:childTnLst>
                              <p:par>
                                <p:cTn id="18" presetID="22" presetClass="entr" presetSubtype="8" fill="hold" grpId="0" nodeType="afterEffect">
                                  <p:stCondLst>
                                    <p:cond delay="0"/>
                                  </p:stCondLst>
                                  <p:childTnLst>
                                    <p:set>
                                      <p:cBhvr>
                                        <p:cTn id="19" dur="1" fill="hold">
                                          <p:stCondLst>
                                            <p:cond delay="0"/>
                                          </p:stCondLst>
                                        </p:cTn>
                                        <p:tgtEl>
                                          <p:spTgt spid="25"/>
                                        </p:tgtEl>
                                        <p:attrNameLst>
                                          <p:attrName>style.visibility</p:attrName>
                                        </p:attrNameLst>
                                      </p:cBhvr>
                                      <p:to>
                                        <p:strVal val="visible"/>
                                      </p:to>
                                    </p:set>
                                    <p:animEffect transition="in" filter="wipe(left)">
                                      <p:cBhvr>
                                        <p:cTn id="20" dur="500"/>
                                        <p:tgtEl>
                                          <p:spTgt spid="25"/>
                                        </p:tgtEl>
                                      </p:cBhvr>
                                    </p:animEffect>
                                  </p:childTnLst>
                                </p:cTn>
                              </p:par>
                            </p:childTnLst>
                          </p:cTn>
                        </p:par>
                      </p:childTnLst>
                    </p:cTn>
                  </p:par>
                  <p:par>
                    <p:cTn id="21" fill="hold">
                      <p:stCondLst>
                        <p:cond delay="indefinite"/>
                      </p:stCondLst>
                      <p:childTnLst>
                        <p:par>
                          <p:cTn id="22" fill="hold">
                            <p:stCondLst>
                              <p:cond delay="0"/>
                            </p:stCondLst>
                            <p:childTnLst>
                              <p:par>
                                <p:cTn id="23" presetID="22" presetClass="entr" presetSubtype="4" fill="hold" nodeType="clickEffect">
                                  <p:stCondLst>
                                    <p:cond delay="0"/>
                                  </p:stCondLst>
                                  <p:childTnLst>
                                    <p:set>
                                      <p:cBhvr>
                                        <p:cTn id="24" dur="1" fill="hold">
                                          <p:stCondLst>
                                            <p:cond delay="0"/>
                                          </p:stCondLst>
                                        </p:cTn>
                                        <p:tgtEl>
                                          <p:spTgt spid="775190"/>
                                        </p:tgtEl>
                                        <p:attrNameLst>
                                          <p:attrName>style.visibility</p:attrName>
                                        </p:attrNameLst>
                                      </p:cBhvr>
                                      <p:to>
                                        <p:strVal val="visible"/>
                                      </p:to>
                                    </p:set>
                                    <p:animEffect transition="in" filter="wipe(down)">
                                      <p:cBhvr>
                                        <p:cTn id="25" dur="500"/>
                                        <p:tgtEl>
                                          <p:spTgt spid="775190"/>
                                        </p:tgtEl>
                                      </p:cBhvr>
                                    </p:animEffect>
                                  </p:childTnLst>
                                </p:cTn>
                              </p:par>
                            </p:childTnLst>
                          </p:cTn>
                        </p:par>
                        <p:par>
                          <p:cTn id="26" fill="hold">
                            <p:stCondLst>
                              <p:cond delay="500"/>
                            </p:stCondLst>
                            <p:childTnLst>
                              <p:par>
                                <p:cTn id="27" presetID="22" presetClass="entr" presetSubtype="8" fill="hold" grpId="0" nodeType="afterEffect">
                                  <p:stCondLst>
                                    <p:cond delay="0"/>
                                  </p:stCondLst>
                                  <p:childTnLst>
                                    <p:set>
                                      <p:cBhvr>
                                        <p:cTn id="28" dur="1" fill="hold">
                                          <p:stCondLst>
                                            <p:cond delay="0"/>
                                          </p:stCondLst>
                                        </p:cTn>
                                        <p:tgtEl>
                                          <p:spTgt spid="26"/>
                                        </p:tgtEl>
                                        <p:attrNameLst>
                                          <p:attrName>style.visibility</p:attrName>
                                        </p:attrNameLst>
                                      </p:cBhvr>
                                      <p:to>
                                        <p:strVal val="visible"/>
                                      </p:to>
                                    </p:set>
                                    <p:animEffect transition="in" filter="wipe(left)">
                                      <p:cBhvr>
                                        <p:cTn id="29" dur="500"/>
                                        <p:tgtEl>
                                          <p:spTgt spid="26"/>
                                        </p:tgtEl>
                                      </p:cBhvr>
                                    </p:animEffect>
                                  </p:childTnLst>
                                </p:cTn>
                              </p:par>
                            </p:childTnLst>
                          </p:cTn>
                        </p:par>
                      </p:childTnLst>
                    </p:cTn>
                  </p:par>
                  <p:par>
                    <p:cTn id="30" fill="hold">
                      <p:stCondLst>
                        <p:cond delay="indefinite"/>
                      </p:stCondLst>
                      <p:childTnLst>
                        <p:par>
                          <p:cTn id="31" fill="hold">
                            <p:stCondLst>
                              <p:cond delay="0"/>
                            </p:stCondLst>
                            <p:childTnLst>
                              <p:par>
                                <p:cTn id="32" presetID="22" presetClass="entr" presetSubtype="4" fill="hold" nodeType="clickEffect">
                                  <p:stCondLst>
                                    <p:cond delay="0"/>
                                  </p:stCondLst>
                                  <p:childTnLst>
                                    <p:set>
                                      <p:cBhvr>
                                        <p:cTn id="33" dur="1" fill="hold">
                                          <p:stCondLst>
                                            <p:cond delay="0"/>
                                          </p:stCondLst>
                                        </p:cTn>
                                        <p:tgtEl>
                                          <p:spTgt spid="32"/>
                                        </p:tgtEl>
                                        <p:attrNameLst>
                                          <p:attrName>style.visibility</p:attrName>
                                        </p:attrNameLst>
                                      </p:cBhvr>
                                      <p:to>
                                        <p:strVal val="visible"/>
                                      </p:to>
                                    </p:set>
                                    <p:animEffect transition="in" filter="wipe(down)">
                                      <p:cBhvr>
                                        <p:cTn id="34" dur="500"/>
                                        <p:tgtEl>
                                          <p:spTgt spid="32"/>
                                        </p:tgtEl>
                                      </p:cBhvr>
                                    </p:animEffect>
                                  </p:childTnLst>
                                </p:cTn>
                              </p:par>
                            </p:childTnLst>
                          </p:cTn>
                        </p:par>
                        <p:par>
                          <p:cTn id="35" fill="hold">
                            <p:stCondLst>
                              <p:cond delay="500"/>
                            </p:stCondLst>
                            <p:childTnLst>
                              <p:par>
                                <p:cTn id="36" presetID="22" presetClass="entr" presetSubtype="8" fill="hold" grpId="0" nodeType="afterEffect">
                                  <p:stCondLst>
                                    <p:cond delay="0"/>
                                  </p:stCondLst>
                                  <p:childTnLst>
                                    <p:set>
                                      <p:cBhvr>
                                        <p:cTn id="37" dur="1" fill="hold">
                                          <p:stCondLst>
                                            <p:cond delay="0"/>
                                          </p:stCondLst>
                                        </p:cTn>
                                        <p:tgtEl>
                                          <p:spTgt spid="27"/>
                                        </p:tgtEl>
                                        <p:attrNameLst>
                                          <p:attrName>style.visibility</p:attrName>
                                        </p:attrNameLst>
                                      </p:cBhvr>
                                      <p:to>
                                        <p:strVal val="visible"/>
                                      </p:to>
                                    </p:set>
                                    <p:animEffect transition="in" filter="wipe(left)">
                                      <p:cBhvr>
                                        <p:cTn id="38" dur="500"/>
                                        <p:tgtEl>
                                          <p:spTgt spid="27"/>
                                        </p:tgtEl>
                                      </p:cBhvr>
                                    </p:animEffect>
                                  </p:childTnLst>
                                </p:cTn>
                              </p:par>
                            </p:childTnLst>
                          </p:cTn>
                        </p:par>
                      </p:childTnLst>
                    </p:cTn>
                  </p:par>
                  <p:par>
                    <p:cTn id="39" fill="hold">
                      <p:stCondLst>
                        <p:cond delay="indefinite"/>
                      </p:stCondLst>
                      <p:childTnLst>
                        <p:par>
                          <p:cTn id="40" fill="hold">
                            <p:stCondLst>
                              <p:cond delay="0"/>
                            </p:stCondLst>
                            <p:childTnLst>
                              <p:par>
                                <p:cTn id="41" presetID="22" presetClass="entr" presetSubtype="4" fill="hold" nodeType="clickEffect">
                                  <p:stCondLst>
                                    <p:cond delay="0"/>
                                  </p:stCondLst>
                                  <p:childTnLst>
                                    <p:set>
                                      <p:cBhvr>
                                        <p:cTn id="42" dur="1" fill="hold">
                                          <p:stCondLst>
                                            <p:cond delay="0"/>
                                          </p:stCondLst>
                                        </p:cTn>
                                        <p:tgtEl>
                                          <p:spTgt spid="35"/>
                                        </p:tgtEl>
                                        <p:attrNameLst>
                                          <p:attrName>style.visibility</p:attrName>
                                        </p:attrNameLst>
                                      </p:cBhvr>
                                      <p:to>
                                        <p:strVal val="visible"/>
                                      </p:to>
                                    </p:set>
                                    <p:animEffect transition="in" filter="wipe(down)">
                                      <p:cBhvr>
                                        <p:cTn id="43" dur="500"/>
                                        <p:tgtEl>
                                          <p:spTgt spid="35"/>
                                        </p:tgtEl>
                                      </p:cBhvr>
                                    </p:animEffect>
                                  </p:childTnLst>
                                </p:cTn>
                              </p:par>
                            </p:childTnLst>
                          </p:cTn>
                        </p:par>
                        <p:par>
                          <p:cTn id="44" fill="hold">
                            <p:stCondLst>
                              <p:cond delay="500"/>
                            </p:stCondLst>
                            <p:childTnLst>
                              <p:par>
                                <p:cTn id="45" presetID="53" presetClass="entr" presetSubtype="16" fill="hold" grpId="0" nodeType="afterEffect">
                                  <p:stCondLst>
                                    <p:cond delay="0"/>
                                  </p:stCondLst>
                                  <p:childTnLst>
                                    <p:set>
                                      <p:cBhvr>
                                        <p:cTn id="46" dur="1" fill="hold">
                                          <p:stCondLst>
                                            <p:cond delay="0"/>
                                          </p:stCondLst>
                                        </p:cTn>
                                        <p:tgtEl>
                                          <p:spTgt spid="31"/>
                                        </p:tgtEl>
                                        <p:attrNameLst>
                                          <p:attrName>style.visibility</p:attrName>
                                        </p:attrNameLst>
                                      </p:cBhvr>
                                      <p:to>
                                        <p:strVal val="visible"/>
                                      </p:to>
                                    </p:set>
                                    <p:anim calcmode="lin" valueType="num">
                                      <p:cBhvr>
                                        <p:cTn id="47" dur="500" fill="hold"/>
                                        <p:tgtEl>
                                          <p:spTgt spid="31"/>
                                        </p:tgtEl>
                                        <p:attrNameLst>
                                          <p:attrName>ppt_w</p:attrName>
                                        </p:attrNameLst>
                                      </p:cBhvr>
                                      <p:tavLst>
                                        <p:tav tm="0">
                                          <p:val>
                                            <p:fltVal val="0"/>
                                          </p:val>
                                        </p:tav>
                                        <p:tav tm="100000">
                                          <p:val>
                                            <p:strVal val="#ppt_w"/>
                                          </p:val>
                                        </p:tav>
                                      </p:tavLst>
                                    </p:anim>
                                    <p:anim calcmode="lin" valueType="num">
                                      <p:cBhvr>
                                        <p:cTn id="48" dur="500" fill="hold"/>
                                        <p:tgtEl>
                                          <p:spTgt spid="31"/>
                                        </p:tgtEl>
                                        <p:attrNameLst>
                                          <p:attrName>ppt_h</p:attrName>
                                        </p:attrNameLst>
                                      </p:cBhvr>
                                      <p:tavLst>
                                        <p:tav tm="0">
                                          <p:val>
                                            <p:fltVal val="0"/>
                                          </p:val>
                                        </p:tav>
                                        <p:tav tm="100000">
                                          <p:val>
                                            <p:strVal val="#ppt_h"/>
                                          </p:val>
                                        </p:tav>
                                      </p:tavLst>
                                    </p:anim>
                                    <p:animEffect transition="in" filter="fade">
                                      <p:cBhvr>
                                        <p:cTn id="49" dur="500"/>
                                        <p:tgtEl>
                                          <p:spTgt spid="31"/>
                                        </p:tgtEl>
                                      </p:cBhvr>
                                    </p:animEffect>
                                  </p:childTnLst>
                                </p:cTn>
                              </p:par>
                            </p:childTnLst>
                          </p:cTn>
                        </p:par>
                      </p:childTnLst>
                    </p:cTn>
                  </p:par>
                  <p:par>
                    <p:cTn id="50" fill="hold">
                      <p:stCondLst>
                        <p:cond delay="indefinite"/>
                      </p:stCondLst>
                      <p:childTnLst>
                        <p:par>
                          <p:cTn id="51" fill="hold">
                            <p:stCondLst>
                              <p:cond delay="0"/>
                            </p:stCondLst>
                            <p:childTnLst>
                              <p:par>
                                <p:cTn id="52" presetID="22" presetClass="entr" presetSubtype="4" fill="hold" nodeType="clickEffect">
                                  <p:stCondLst>
                                    <p:cond delay="0"/>
                                  </p:stCondLst>
                                  <p:childTnLst>
                                    <p:set>
                                      <p:cBhvr>
                                        <p:cTn id="53" dur="1" fill="hold">
                                          <p:stCondLst>
                                            <p:cond delay="0"/>
                                          </p:stCondLst>
                                        </p:cTn>
                                        <p:tgtEl>
                                          <p:spTgt spid="6"/>
                                        </p:tgtEl>
                                        <p:attrNameLst>
                                          <p:attrName>style.visibility</p:attrName>
                                        </p:attrNameLst>
                                      </p:cBhvr>
                                      <p:to>
                                        <p:strVal val="visible"/>
                                      </p:to>
                                    </p:set>
                                    <p:animEffect transition="in" filter="wipe(down)">
                                      <p:cBhvr>
                                        <p:cTn id="54"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3815" grpId="0" animBg="1"/>
      <p:bldP spid="31" grpId="0" animBg="1"/>
      <p:bldP spid="25" grpId="0" animBg="1"/>
      <p:bldP spid="26" grpId="0" animBg="1"/>
      <p:bldP spid="27" grpId="0" animBg="1"/>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es-419" dirty="0"/>
              <a:t>Contenido</a:t>
            </a:r>
            <a:endParaRPr lang="en-GB" dirty="0"/>
          </a:p>
        </p:txBody>
      </p:sp>
      <p:sp>
        <p:nvSpPr>
          <p:cNvPr id="4" name="Textfeld 3"/>
          <p:cNvSpPr txBox="1"/>
          <p:nvPr/>
        </p:nvSpPr>
        <p:spPr>
          <a:xfrm>
            <a:off x="1403648" y="996280"/>
            <a:ext cx="6984776" cy="3231654"/>
          </a:xfrm>
          <a:prstGeom prst="rect">
            <a:avLst/>
          </a:prstGeom>
          <a:solidFill>
            <a:srgbClr val="EAEAEA"/>
          </a:solidFill>
        </p:spPr>
        <p:txBody>
          <a:bodyPr wrap="square" rtlCol="0">
            <a:spAutoFit/>
          </a:bodyPr>
          <a:lstStyle>
            <a:defPPr>
              <a:defRPr lang="en-US"/>
            </a:defPPr>
            <a:lvl1pPr marL="342900" indent="-342900">
              <a:spcBef>
                <a:spcPts val="1200"/>
              </a:spcBef>
              <a:buFont typeface="Wingdings" panose="05000000000000000000" pitchFamily="2" charset="2"/>
              <a:buChar char="Ø"/>
              <a:defRPr sz="2000" b="1"/>
            </a:lvl1pPr>
            <a:lvl2pPr marL="800100" lvl="1" indent="-342900">
              <a:spcBef>
                <a:spcPts val="1200"/>
              </a:spcBef>
              <a:buFont typeface="Wingdings" panose="05000000000000000000" pitchFamily="2" charset="2"/>
              <a:buChar char="Ø"/>
            </a:lvl2pPr>
          </a:lstStyle>
          <a:p>
            <a:r>
              <a:rPr lang="es-419" sz="1800" dirty="0">
                <a:solidFill>
                  <a:schemeClr val="bg1">
                    <a:lumMod val="50000"/>
                  </a:schemeClr>
                </a:solidFill>
              </a:rPr>
              <a:t>Sistema Catastral en Suiza</a:t>
            </a:r>
          </a:p>
          <a:p>
            <a:pPr lvl="1"/>
            <a:r>
              <a:rPr lang="es-419" sz="1600" dirty="0">
                <a:solidFill>
                  <a:schemeClr val="bg1">
                    <a:lumMod val="50000"/>
                  </a:schemeClr>
                </a:solidFill>
              </a:rPr>
              <a:t>Estructura política y administrativa</a:t>
            </a:r>
          </a:p>
          <a:p>
            <a:pPr lvl="1"/>
            <a:r>
              <a:rPr lang="es-419" sz="1600" dirty="0">
                <a:solidFill>
                  <a:schemeClr val="bg1">
                    <a:lumMod val="50000"/>
                  </a:schemeClr>
                </a:solidFill>
              </a:rPr>
              <a:t>Administración de tierras: base legal y organización </a:t>
            </a:r>
          </a:p>
          <a:p>
            <a:pPr lvl="1"/>
            <a:r>
              <a:rPr lang="es-419" sz="1600" dirty="0">
                <a:solidFill>
                  <a:schemeClr val="bg1">
                    <a:lumMod val="50000"/>
                  </a:schemeClr>
                </a:solidFill>
              </a:rPr>
              <a:t>Elementos técnicos y conceptuales</a:t>
            </a:r>
          </a:p>
          <a:p>
            <a:r>
              <a:rPr lang="es-419" sz="1800" dirty="0">
                <a:solidFill>
                  <a:schemeClr val="bg1">
                    <a:lumMod val="50000"/>
                  </a:schemeClr>
                </a:solidFill>
              </a:rPr>
              <a:t>Evolución del Sistema Catastral</a:t>
            </a:r>
          </a:p>
          <a:p>
            <a:pPr lvl="1"/>
            <a:r>
              <a:rPr lang="es-ES" sz="1600" b="1" dirty="0">
                <a:solidFill>
                  <a:srgbClr val="C00000"/>
                </a:solidFill>
              </a:rPr>
              <a:t>Digitalización al servicio de las infraestructuras de geodatos</a:t>
            </a:r>
            <a:endParaRPr lang="es-419" sz="1600" b="1" dirty="0">
              <a:solidFill>
                <a:srgbClr val="C00000"/>
              </a:solidFill>
            </a:endParaRPr>
          </a:p>
          <a:p>
            <a:pPr lvl="1"/>
            <a:r>
              <a:rPr lang="es-ES" sz="1600" dirty="0">
                <a:solidFill>
                  <a:schemeClr val="bg1">
                    <a:lumMod val="50000"/>
                  </a:schemeClr>
                </a:solidFill>
              </a:rPr>
              <a:t>Ampliación de las dimensiones jurídicas y geométricas</a:t>
            </a:r>
            <a:endParaRPr lang="es-419" sz="1600" dirty="0">
              <a:solidFill>
                <a:schemeClr val="bg1">
                  <a:lumMod val="50000"/>
                </a:schemeClr>
              </a:solidFill>
            </a:endParaRPr>
          </a:p>
          <a:p>
            <a:r>
              <a:rPr lang="es-419" sz="1800" dirty="0">
                <a:solidFill>
                  <a:schemeClr val="bg1">
                    <a:lumMod val="50000"/>
                  </a:schemeClr>
                </a:solidFill>
              </a:rPr>
              <a:t>Conclusiones</a:t>
            </a:r>
          </a:p>
        </p:txBody>
      </p:sp>
    </p:spTree>
    <p:extLst>
      <p:ext uri="{BB962C8B-B14F-4D97-AF65-F5344CB8AC3E}">
        <p14:creationId xmlns:p14="http://schemas.microsoft.com/office/powerpoint/2010/main" val="28820445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4">
                                            <p:txEl>
                                              <p:pRg st="5" end="5"/>
                                            </p:txEl>
                                          </p:spTgt>
                                        </p:tgtEl>
                                        <p:attrNameLst>
                                          <p:attrName>style.visibility</p:attrName>
                                        </p:attrNameLst>
                                      </p:cBhvr>
                                      <p:to>
                                        <p:strVal val="visible"/>
                                      </p:to>
                                    </p:set>
                                    <p:animEffect transition="in" filter="wipe(left)">
                                      <p:cBhvr>
                                        <p:cTn id="7" dur="500"/>
                                        <p:tgtEl>
                                          <p:spTgt spid="4">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0914" name="Rectangle 2"/>
          <p:cNvSpPr>
            <a:spLocks noGrp="1" noChangeArrowheads="1"/>
          </p:cNvSpPr>
          <p:nvPr>
            <p:ph type="title" idx="4294967295"/>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r>
              <a:rPr lang="en-GB" dirty="0">
                <a:latin typeface="Arial" charset="0"/>
              </a:rPr>
              <a:t>Base legal</a:t>
            </a:r>
          </a:p>
        </p:txBody>
      </p:sp>
      <p:sp>
        <p:nvSpPr>
          <p:cNvPr id="36867" name="Text Box 41"/>
          <p:cNvSpPr txBox="1">
            <a:spLocks noChangeArrowheads="1"/>
          </p:cNvSpPr>
          <p:nvPr/>
        </p:nvSpPr>
        <p:spPr bwMode="auto">
          <a:xfrm>
            <a:off x="2887130" y="735547"/>
            <a:ext cx="5501293" cy="8463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174625" indent="-174625">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marL="0" indent="0">
              <a:spcBef>
                <a:spcPct val="50000"/>
              </a:spcBef>
            </a:pPr>
            <a:r>
              <a:rPr lang="es-ES" altLang="de-DE" sz="1400" b="1" dirty="0">
                <a:solidFill>
                  <a:srgbClr val="FF0000"/>
                </a:solidFill>
              </a:rPr>
              <a:t>Código Civil Suizo, 1912</a:t>
            </a:r>
          </a:p>
          <a:p>
            <a:pPr>
              <a:spcBef>
                <a:spcPct val="50000"/>
              </a:spcBef>
              <a:buFontTx/>
              <a:buChar char="•"/>
            </a:pPr>
            <a:r>
              <a:rPr lang="es-ES" altLang="de-DE" sz="1400" b="1" dirty="0">
                <a:solidFill>
                  <a:schemeClr val="tx1"/>
                </a:solidFill>
              </a:rPr>
              <a:t>Seguridad de la propiedad</a:t>
            </a:r>
            <a:r>
              <a:rPr lang="es-ES" altLang="de-DE" sz="1400" dirty="0">
                <a:solidFill>
                  <a:schemeClr val="tx1"/>
                </a:solidFill>
              </a:rPr>
              <a:t>, mercado inmobiliario eficiente e hipotecas de bienes inmuebles</a:t>
            </a:r>
            <a:endParaRPr lang="en-GB" altLang="de-DE" sz="1400" dirty="0">
              <a:solidFill>
                <a:schemeClr val="tx1"/>
              </a:solidFill>
            </a:endParaRPr>
          </a:p>
        </p:txBody>
      </p:sp>
      <p:pic>
        <p:nvPicPr>
          <p:cNvPr id="36868" name="Picture 44" descr="gesetz"/>
          <p:cNvPicPr>
            <a:picLocks noGrp="1" noChangeAspect="1" noChangeArrowheads="1"/>
          </p:cNvPicPr>
          <p:nvPr>
            <p:ph idx="4294967295"/>
          </p:nvPr>
        </p:nvPicPr>
        <p:blipFill>
          <a:blip r:embed="rId3">
            <a:extLst>
              <a:ext uri="{28A0092B-C50C-407E-A947-70E740481C1C}">
                <a14:useLocalDpi xmlns:a14="http://schemas.microsoft.com/office/drawing/2010/main" val="0"/>
              </a:ext>
            </a:extLst>
          </a:blip>
          <a:srcRect/>
          <a:stretch>
            <a:fillRect/>
          </a:stretch>
        </p:blipFill>
        <p:spPr>
          <a:xfrm>
            <a:off x="1331120" y="951310"/>
            <a:ext cx="1221581" cy="1641872"/>
          </a:xfrm>
        </p:spPr>
      </p:pic>
      <p:sp>
        <p:nvSpPr>
          <p:cNvPr id="36869" name="Text Box 47"/>
          <p:cNvSpPr txBox="1">
            <a:spLocks noChangeArrowheads="1"/>
          </p:cNvSpPr>
          <p:nvPr/>
        </p:nvSpPr>
        <p:spPr bwMode="auto">
          <a:xfrm>
            <a:off x="2887131" y="2859782"/>
            <a:ext cx="5501292" cy="181588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174625" indent="-174625">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spcBef>
                <a:spcPct val="50000"/>
              </a:spcBef>
            </a:pPr>
            <a:r>
              <a:rPr lang="es-ES" altLang="de-DE" sz="1400" b="1" dirty="0">
                <a:solidFill>
                  <a:srgbClr val="FF0000"/>
                </a:solidFill>
              </a:rPr>
              <a:t>Ley de geoinformación de 2008</a:t>
            </a:r>
          </a:p>
          <a:p>
            <a:pPr marL="285750" indent="-285750">
              <a:spcBef>
                <a:spcPct val="50000"/>
              </a:spcBef>
              <a:buFont typeface="Arial" panose="020B0604020202020204" pitchFamily="34" charset="0"/>
              <a:buChar char="•"/>
            </a:pPr>
            <a:r>
              <a:rPr lang="es-ES" altLang="de-DE" sz="1400" b="1" dirty="0">
                <a:solidFill>
                  <a:schemeClr val="tx1"/>
                </a:solidFill>
              </a:rPr>
              <a:t>Base jurídica uniforme </a:t>
            </a:r>
            <a:r>
              <a:rPr lang="es-ES" altLang="de-DE" sz="1400" dirty="0">
                <a:solidFill>
                  <a:schemeClr val="tx1"/>
                </a:solidFill>
              </a:rPr>
              <a:t>para toda la información sobre la tierra basada en los distintos decretos federales (incluido el levantamiento catastral)</a:t>
            </a:r>
          </a:p>
          <a:p>
            <a:pPr marL="285750" indent="-285750">
              <a:spcBef>
                <a:spcPct val="50000"/>
              </a:spcBef>
              <a:buFont typeface="Arial" panose="020B0604020202020204" pitchFamily="34" charset="0"/>
              <a:buChar char="•"/>
            </a:pPr>
            <a:r>
              <a:rPr lang="es-ES" altLang="de-DE" sz="1400" dirty="0">
                <a:solidFill>
                  <a:schemeClr val="tx1"/>
                </a:solidFill>
              </a:rPr>
              <a:t>Base jurídica para la introducción de un </a:t>
            </a:r>
            <a:r>
              <a:rPr lang="es-ES" altLang="de-DE" sz="1400" b="1" dirty="0">
                <a:solidFill>
                  <a:schemeClr val="tx1"/>
                </a:solidFill>
              </a:rPr>
              <a:t>catastro para las restricciones jurídicas</a:t>
            </a:r>
            <a:r>
              <a:rPr lang="es-ES" altLang="de-DE" sz="1400" dirty="0">
                <a:solidFill>
                  <a:schemeClr val="tx1"/>
                </a:solidFill>
              </a:rPr>
              <a:t> públicas sobre los derechos de propiedad de la tierra (RR-Cadastre)</a:t>
            </a:r>
            <a:endParaRPr lang="en-GB" altLang="de-DE" sz="1400" dirty="0">
              <a:solidFill>
                <a:schemeClr val="tx1"/>
              </a:solidFill>
            </a:endParaRPr>
          </a:p>
        </p:txBody>
      </p:sp>
      <p:sp>
        <p:nvSpPr>
          <p:cNvPr id="6" name="Text Box 41"/>
          <p:cNvSpPr txBox="1">
            <a:spLocks noChangeArrowheads="1"/>
          </p:cNvSpPr>
          <p:nvPr/>
        </p:nvSpPr>
        <p:spPr bwMode="auto">
          <a:xfrm>
            <a:off x="2887130" y="1707654"/>
            <a:ext cx="5501293" cy="1061829"/>
          </a:xfrm>
          <a:prstGeom prst="rect">
            <a:avLst/>
          </a:prstGeom>
          <a:solidFill>
            <a:srgbClr val="FFFF66"/>
          </a:solidFill>
          <a:ln>
            <a:noFill/>
          </a:ln>
          <a:effectLst/>
        </p:spPr>
        <p:txBody>
          <a:bodyPr wrap="square">
            <a:spAutoFit/>
          </a:bodyPr>
          <a:lstStyle>
            <a:lvl1pPr marL="174625" indent="-174625">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spcBef>
                <a:spcPct val="50000"/>
              </a:spcBef>
            </a:pPr>
            <a:r>
              <a:rPr lang="es-ES" altLang="de-DE" sz="1400" b="1" dirty="0">
                <a:solidFill>
                  <a:srgbClr val="FF0000"/>
                </a:solidFill>
              </a:rPr>
              <a:t>Ordenanza sobre levantamientos catastrales, 1993 (AV93)</a:t>
            </a:r>
          </a:p>
          <a:p>
            <a:pPr>
              <a:spcBef>
                <a:spcPct val="50000"/>
              </a:spcBef>
              <a:buFontTx/>
              <a:buChar char="•"/>
            </a:pPr>
            <a:r>
              <a:rPr lang="es-ES" altLang="de-DE" sz="1400" b="1" dirty="0">
                <a:solidFill>
                  <a:schemeClr val="tx1"/>
                </a:solidFill>
              </a:rPr>
              <a:t>Formato digital </a:t>
            </a:r>
            <a:r>
              <a:rPr lang="es-ES" altLang="de-DE" sz="1400" dirty="0">
                <a:solidFill>
                  <a:schemeClr val="tx1"/>
                </a:solidFill>
              </a:rPr>
              <a:t>de levantamientos catastrales, ampliación de la finalidad más allá del registro de tierras a los sistemas de información</a:t>
            </a:r>
            <a:endParaRPr lang="en-GB" altLang="de-DE" sz="1400" dirty="0">
              <a:solidFill>
                <a:schemeClr val="tx1"/>
              </a:solidFill>
            </a:endParaRPr>
          </a:p>
        </p:txBody>
      </p:sp>
    </p:spTree>
    <p:extLst>
      <p:ext uri="{BB962C8B-B14F-4D97-AF65-F5344CB8AC3E}">
        <p14:creationId xmlns:p14="http://schemas.microsoft.com/office/powerpoint/2010/main" val="34242367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1863" name="Rectangle 7"/>
          <p:cNvSpPr>
            <a:spLocks noGrp="1" noChangeArrowheads="1"/>
          </p:cNvSpPr>
          <p:nvPr>
            <p:ph type="title"/>
          </p:nvPr>
        </p:nvSpPr>
        <p:spPr>
          <a:xfrm>
            <a:off x="1296988" y="242889"/>
            <a:ext cx="7739507" cy="741760"/>
          </a:xfrm>
        </p:spPr>
        <p:txBody>
          <a:bodyPr/>
          <a:lstStyle/>
          <a:p>
            <a:pPr eaLnBrk="1" hangingPunct="1">
              <a:defRPr/>
            </a:pPr>
            <a:r>
              <a:rPr lang="es-ES" sz="2600" dirty="0"/>
              <a:t>Modelo de datos básicos</a:t>
            </a:r>
            <a:endParaRPr lang="de-CH" sz="2600" dirty="0"/>
          </a:p>
        </p:txBody>
      </p:sp>
      <p:grpSp>
        <p:nvGrpSpPr>
          <p:cNvPr id="4" name="Group 3">
            <a:extLst>
              <a:ext uri="{FF2B5EF4-FFF2-40B4-BE49-F238E27FC236}">
                <a16:creationId xmlns:a16="http://schemas.microsoft.com/office/drawing/2014/main" id="{14908578-1E2D-256D-C5ED-9957875ED331}"/>
              </a:ext>
            </a:extLst>
          </p:cNvPr>
          <p:cNvGrpSpPr>
            <a:grpSpLocks/>
          </p:cNvGrpSpPr>
          <p:nvPr/>
        </p:nvGrpSpPr>
        <p:grpSpPr bwMode="auto">
          <a:xfrm>
            <a:off x="3437336" y="1722811"/>
            <a:ext cx="2210991" cy="2665810"/>
            <a:chOff x="1927" y="1298"/>
            <a:chExt cx="1857" cy="2239"/>
          </a:xfrm>
        </p:grpSpPr>
        <p:sp>
          <p:nvSpPr>
            <p:cNvPr id="5" name="Text Box 5">
              <a:extLst>
                <a:ext uri="{FF2B5EF4-FFF2-40B4-BE49-F238E27FC236}">
                  <a16:creationId xmlns:a16="http://schemas.microsoft.com/office/drawing/2014/main" id="{CC9D9C6C-E2B3-81CF-16B2-E3D1951624C8}"/>
                </a:ext>
              </a:extLst>
            </p:cNvPr>
            <p:cNvSpPr txBox="1">
              <a:spLocks noChangeArrowheads="1"/>
            </p:cNvSpPr>
            <p:nvPr/>
          </p:nvSpPr>
          <p:spPr bwMode="auto">
            <a:xfrm>
              <a:off x="1945" y="3201"/>
              <a:ext cx="1792" cy="33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defTabSz="914400" eaLnBrk="1" hangingPunct="1">
                <a:lnSpc>
                  <a:spcPct val="100000"/>
                </a:lnSpc>
                <a:buClrTx/>
                <a:buSzTx/>
                <a:buFontTx/>
                <a:buNone/>
              </a:pPr>
              <a:r>
                <a:rPr lang="es-CO" altLang="de-DE" sz="1200" dirty="0">
                  <a:solidFill>
                    <a:schemeClr val="tx1"/>
                  </a:solidFill>
                </a:rPr>
                <a:t>Modelo de Datos (UML)</a:t>
              </a:r>
            </a:p>
            <a:p>
              <a:pPr algn="ctr" defTabSz="914400" eaLnBrk="1" hangingPunct="1">
                <a:lnSpc>
                  <a:spcPct val="100000"/>
                </a:lnSpc>
                <a:buClrTx/>
                <a:buSzTx/>
                <a:buFontTx/>
                <a:buNone/>
              </a:pPr>
              <a:r>
                <a:rPr lang="es-CO" altLang="de-DE" sz="800" dirty="0">
                  <a:solidFill>
                    <a:schemeClr val="tx1"/>
                  </a:solidFill>
                </a:rPr>
                <a:t>(Diagrama de Relaciones entre Entidades</a:t>
              </a:r>
              <a:r>
                <a:rPr lang="en-GB" altLang="de-DE" sz="800" dirty="0">
                  <a:solidFill>
                    <a:schemeClr val="tx1"/>
                  </a:solidFill>
                </a:rPr>
                <a:t>)</a:t>
              </a:r>
            </a:p>
          </p:txBody>
        </p:sp>
        <p:pic>
          <p:nvPicPr>
            <p:cNvPr id="6" name="Picture 4">
              <a:extLst>
                <a:ext uri="{FF2B5EF4-FFF2-40B4-BE49-F238E27FC236}">
                  <a16:creationId xmlns:a16="http://schemas.microsoft.com/office/drawing/2014/main" id="{B5743D7A-3014-26E5-5BC9-98EFEF1FFE48}"/>
                </a:ext>
              </a:extLst>
            </p:cNvPr>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00" y="1555"/>
              <a:ext cx="1584" cy="1173"/>
            </a:xfrm>
            <a:prstGeom prst="rect">
              <a:avLst/>
            </a:prstGeom>
            <a:solidFill>
              <a:schemeClr val="bg1"/>
            </a:solidFill>
            <a:ln w="127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7" name="Picture 4">
              <a:extLst>
                <a:ext uri="{FF2B5EF4-FFF2-40B4-BE49-F238E27FC236}">
                  <a16:creationId xmlns:a16="http://schemas.microsoft.com/office/drawing/2014/main" id="{4580D3BC-161C-D795-BDE4-EDF741BEC16C}"/>
                </a:ext>
              </a:extLst>
            </p:cNvPr>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109" y="1464"/>
              <a:ext cx="1584" cy="1173"/>
            </a:xfrm>
            <a:prstGeom prst="rect">
              <a:avLst/>
            </a:prstGeom>
            <a:solidFill>
              <a:schemeClr val="bg1"/>
            </a:solidFill>
            <a:ln w="127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8" name="Picture 4">
              <a:extLst>
                <a:ext uri="{FF2B5EF4-FFF2-40B4-BE49-F238E27FC236}">
                  <a16:creationId xmlns:a16="http://schemas.microsoft.com/office/drawing/2014/main" id="{29F4EBFF-5408-012C-2698-F1E97C299330}"/>
                </a:ext>
              </a:extLst>
            </p:cNvPr>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018" y="1373"/>
              <a:ext cx="1584" cy="1173"/>
            </a:xfrm>
            <a:prstGeom prst="rect">
              <a:avLst/>
            </a:prstGeom>
            <a:solidFill>
              <a:schemeClr val="bg1"/>
            </a:solidFill>
            <a:ln w="127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4">
              <a:extLst>
                <a:ext uri="{FF2B5EF4-FFF2-40B4-BE49-F238E27FC236}">
                  <a16:creationId xmlns:a16="http://schemas.microsoft.com/office/drawing/2014/main" id="{45A59EEA-8769-6134-13A6-376A4C522140}"/>
                </a:ext>
              </a:extLst>
            </p:cNvPr>
            <p:cNvPicPr>
              <a:picLocks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927" y="1298"/>
              <a:ext cx="1584" cy="1173"/>
            </a:xfrm>
            <a:prstGeom prst="rect">
              <a:avLst/>
            </a:prstGeom>
            <a:solidFill>
              <a:schemeClr val="bg1"/>
            </a:solidFill>
            <a:ln w="12700">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grpSp>
      <p:grpSp>
        <p:nvGrpSpPr>
          <p:cNvPr id="10" name="Group 6">
            <a:extLst>
              <a:ext uri="{FF2B5EF4-FFF2-40B4-BE49-F238E27FC236}">
                <a16:creationId xmlns:a16="http://schemas.microsoft.com/office/drawing/2014/main" id="{A02640C1-C81D-37C6-9AFC-9BB0EC8030A7}"/>
              </a:ext>
            </a:extLst>
          </p:cNvPr>
          <p:cNvGrpSpPr>
            <a:grpSpLocks/>
          </p:cNvGrpSpPr>
          <p:nvPr/>
        </p:nvGrpSpPr>
        <p:grpSpPr bwMode="auto">
          <a:xfrm>
            <a:off x="5760245" y="915566"/>
            <a:ext cx="2240756" cy="3658791"/>
            <a:chOff x="3878" y="620"/>
            <a:chExt cx="1882" cy="3073"/>
          </a:xfrm>
        </p:grpSpPr>
        <p:sp>
          <p:nvSpPr>
            <p:cNvPr id="11" name="Text Box 7">
              <a:extLst>
                <a:ext uri="{FF2B5EF4-FFF2-40B4-BE49-F238E27FC236}">
                  <a16:creationId xmlns:a16="http://schemas.microsoft.com/office/drawing/2014/main" id="{D78E83A8-D81E-E92F-9184-91C8F00C5189}"/>
                </a:ext>
              </a:extLst>
            </p:cNvPr>
            <p:cNvSpPr txBox="1">
              <a:spLocks noChangeArrowheads="1"/>
            </p:cNvSpPr>
            <p:nvPr/>
          </p:nvSpPr>
          <p:spPr bwMode="auto">
            <a:xfrm>
              <a:off x="3878" y="3202"/>
              <a:ext cx="1882" cy="49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defTabSz="914400" eaLnBrk="1" hangingPunct="1">
                <a:lnSpc>
                  <a:spcPct val="100000"/>
                </a:lnSpc>
                <a:buClrTx/>
                <a:buSzTx/>
                <a:buFontTx/>
                <a:buNone/>
              </a:pPr>
              <a:r>
                <a:rPr lang="es-CO" altLang="de-DE" sz="1200" dirty="0">
                  <a:solidFill>
                    <a:schemeClr val="tx1"/>
                  </a:solidFill>
                </a:rPr>
                <a:t>Lenguaje de descripción de datos INTERLIS</a:t>
              </a:r>
            </a:p>
            <a:p>
              <a:pPr algn="ctr" defTabSz="914400" eaLnBrk="1" hangingPunct="1">
                <a:lnSpc>
                  <a:spcPct val="100000"/>
                </a:lnSpc>
                <a:buClrTx/>
                <a:buSzTx/>
                <a:buFontTx/>
                <a:buNone/>
              </a:pPr>
              <a:r>
                <a:rPr lang="es-CO" altLang="de-DE" sz="800" dirty="0">
                  <a:solidFill>
                    <a:schemeClr val="tx1"/>
                  </a:solidFill>
                </a:rPr>
                <a:t>(independiente de sistemas</a:t>
              </a:r>
              <a:r>
                <a:rPr lang="en-GB" altLang="de-DE" sz="800" dirty="0">
                  <a:solidFill>
                    <a:schemeClr val="tx1"/>
                  </a:solidFill>
                </a:rPr>
                <a:t>)</a:t>
              </a:r>
            </a:p>
          </p:txBody>
        </p:sp>
        <p:sp>
          <p:nvSpPr>
            <p:cNvPr id="12" name="Text Box 8">
              <a:extLst>
                <a:ext uri="{FF2B5EF4-FFF2-40B4-BE49-F238E27FC236}">
                  <a16:creationId xmlns:a16="http://schemas.microsoft.com/office/drawing/2014/main" id="{A8B6DC0C-F4E6-8441-C194-1F40D1FDED92}"/>
                </a:ext>
              </a:extLst>
            </p:cNvPr>
            <p:cNvSpPr txBox="1">
              <a:spLocks noChangeArrowheads="1"/>
            </p:cNvSpPr>
            <p:nvPr/>
          </p:nvSpPr>
          <p:spPr bwMode="auto">
            <a:xfrm>
              <a:off x="3976" y="620"/>
              <a:ext cx="1688" cy="2579"/>
            </a:xfrm>
            <a:prstGeom prst="rect">
              <a:avLst/>
            </a:prstGeom>
            <a:solidFill>
              <a:schemeClr val="bg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r>
                <a:rPr lang="de-CH" altLang="de-DE" sz="450">
                  <a:solidFill>
                    <a:srgbClr val="000000"/>
                  </a:solidFill>
                  <a:latin typeface="Courier New" pitchFamily="49" charset="0"/>
                </a:rPr>
                <a:t>TRANSFER Data_Catalogue;</a:t>
              </a:r>
            </a:p>
            <a:p>
              <a:r>
                <a:rPr lang="de-CH" altLang="de-DE" sz="450">
                  <a:solidFill>
                    <a:srgbClr val="000000"/>
                  </a:solidFill>
                  <a:latin typeface="Courier New" pitchFamily="49" charset="0"/>
                </a:rPr>
                <a:t>MODEL Basic_Data_Set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 DOMAIN </a:t>
              </a:r>
            </a:p>
            <a:p>
              <a:r>
                <a:rPr lang="de-CH" altLang="de-DE" sz="450">
                  <a:solidFill>
                    <a:srgbClr val="000000"/>
                  </a:solidFill>
                  <a:latin typeface="Courier New" pitchFamily="49" charset="0"/>
                </a:rPr>
                <a:t>  LKoord = COORD2  480000.000   70000.000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                    840000.000  300000.000; </a:t>
              </a:r>
            </a:p>
            <a:p>
              <a:r>
                <a:rPr lang="de-CH" altLang="de-DE" sz="450">
                  <a:solidFill>
                    <a:srgbClr val="000000"/>
                  </a:solidFill>
                  <a:latin typeface="Courier New" pitchFamily="49" charset="0"/>
                </a:rPr>
                <a:t>  HKoord = COORD3  480000.000   70000.000      0.000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                   840000.000  300000.000   5000.000; </a:t>
              </a:r>
            </a:p>
            <a:p>
              <a:r>
                <a:rPr lang="de-CH" altLang="de-DE" sz="450">
                  <a:solidFill>
                    <a:srgbClr val="000000"/>
                  </a:solidFill>
                  <a:latin typeface="Courier New" pitchFamily="49" charset="0"/>
                </a:rPr>
                <a:t>  Height = DIM1  0.000  5000.000; </a:t>
              </a:r>
            </a:p>
            <a:p>
              <a:r>
                <a:rPr lang="de-CH" altLang="de-DE" sz="450">
                  <a:solidFill>
                    <a:srgbClr val="000000"/>
                  </a:solidFill>
                  <a:latin typeface="Courier New" pitchFamily="49" charset="0"/>
                </a:rPr>
                <a:t>  Precision = [0 .. 300]; </a:t>
              </a:r>
            </a:p>
            <a:p>
              <a:r>
                <a:rPr lang="de-CH" altLang="de-DE" sz="450">
                  <a:solidFill>
                    <a:srgbClr val="000000"/>
                  </a:solidFill>
                  <a:latin typeface="Courier New" pitchFamily="49" charset="0"/>
                </a:rPr>
                <a:t>  Reliability = (yes, no); </a:t>
              </a:r>
            </a:p>
            <a:p>
              <a:r>
                <a:rPr lang="de-CH" altLang="de-DE" sz="450">
                  <a:solidFill>
                    <a:srgbClr val="000000"/>
                  </a:solidFill>
                  <a:latin typeface="Courier New" pitchFamily="49" charset="0"/>
                </a:rPr>
                <a:t>  LetterOrientation = GRADS  0.0  400.0; </a:t>
              </a:r>
            </a:p>
            <a:p>
              <a:r>
                <a:rPr lang="de-CH" altLang="de-DE" sz="450">
                  <a:solidFill>
                    <a:srgbClr val="000000"/>
                  </a:solidFill>
                  <a:latin typeface="Courier New" pitchFamily="49" charset="0"/>
                </a:rPr>
                <a:t>  Status = (planned, valid); </a:t>
              </a:r>
            </a:p>
            <a:p>
              <a:endParaRPr lang="de-CH" altLang="de-DE" sz="450">
                <a:solidFill>
                  <a:srgbClr val="000000"/>
                </a:solidFill>
                <a:latin typeface="Courier New" pitchFamily="49" charset="0"/>
              </a:endParaRPr>
            </a:p>
            <a:p>
              <a:r>
                <a:rPr lang="de-CH" altLang="de-DE" sz="450">
                  <a:solidFill>
                    <a:srgbClr val="000000"/>
                  </a:solidFill>
                  <a:latin typeface="Courier New" pitchFamily="49" charset="0"/>
                </a:rPr>
                <a:t>TOPIC Control_Points =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a:t>
              </a:r>
            </a:p>
            <a:p>
              <a:r>
                <a:rPr lang="de-CH" altLang="de-DE" sz="450">
                  <a:solidFill>
                    <a:srgbClr val="000000"/>
                  </a:solidFill>
                  <a:latin typeface="Courier New" pitchFamily="49" charset="0"/>
                </a:rPr>
                <a:t>END Control_Points;</a:t>
              </a:r>
            </a:p>
            <a:p>
              <a:endParaRPr lang="de-CH" altLang="de-DE" sz="450">
                <a:solidFill>
                  <a:srgbClr val="000000"/>
                </a:solidFill>
                <a:latin typeface="Courier New" pitchFamily="49" charset="0"/>
              </a:endParaRPr>
            </a:p>
            <a:p>
              <a:r>
                <a:rPr lang="de-CH" altLang="de-DE" sz="450">
                  <a:solidFill>
                    <a:srgbClr val="000000"/>
                  </a:solidFill>
                  <a:latin typeface="Courier New" pitchFamily="49" charset="0"/>
                </a:rPr>
                <a:t>TOPIC Land_Cover =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a:t>
              </a:r>
            </a:p>
            <a:p>
              <a:r>
                <a:rPr lang="de-CH" altLang="de-DE" sz="450">
                  <a:solidFill>
                    <a:srgbClr val="000000"/>
                  </a:solidFill>
                  <a:latin typeface="Courier New" pitchFamily="49" charset="0"/>
                </a:rPr>
                <a:t>END Land_Cover; </a:t>
              </a:r>
              <a:endParaRPr lang="de-CH" altLang="de-DE" sz="450">
                <a:solidFill>
                  <a:schemeClr val="tx1"/>
                </a:solidFill>
                <a:latin typeface="Courier New" pitchFamily="49" charset="0"/>
              </a:endParaRPr>
            </a:p>
            <a:p>
              <a:endParaRPr lang="de-CH" altLang="de-DE" sz="450">
                <a:solidFill>
                  <a:srgbClr val="000000"/>
                </a:solidFill>
                <a:latin typeface="Courier New" pitchFamily="49" charset="0"/>
              </a:endParaRPr>
            </a:p>
            <a:p>
              <a:r>
                <a:rPr lang="de-CH" altLang="de-DE" sz="450">
                  <a:solidFill>
                    <a:srgbClr val="000000"/>
                  </a:solidFill>
                  <a:latin typeface="Courier New" pitchFamily="49" charset="0"/>
                </a:rPr>
                <a:t>TOPIC Ownership = </a:t>
              </a:r>
              <a:endParaRPr lang="de-CH" altLang="de-DE" sz="450">
                <a:solidFill>
                  <a:schemeClr val="tx1"/>
                </a:solidFill>
                <a:latin typeface="Courier New" pitchFamily="49" charset="0"/>
              </a:endParaRPr>
            </a:p>
            <a:p>
              <a:r>
                <a:rPr lang="de-CH" altLang="de-DE" sz="450">
                  <a:solidFill>
                    <a:srgbClr val="000000"/>
                  </a:solidFill>
                  <a:latin typeface="Courier New" pitchFamily="49" charset="0"/>
                </a:rPr>
                <a:t>DOMAIN</a:t>
              </a:r>
            </a:p>
            <a:p>
              <a:r>
                <a:rPr lang="de-CH" altLang="de-DE" sz="450">
                  <a:solidFill>
                    <a:srgbClr val="000000"/>
                  </a:solidFill>
                  <a:latin typeface="Courier New" pitchFamily="49" charset="0"/>
                </a:rPr>
                <a:t> Monumentation = (border_stone, plastic_peg, cross, </a:t>
              </a:r>
            </a:p>
            <a:p>
              <a:r>
                <a:rPr lang="de-CH" altLang="de-DE" sz="450">
                  <a:solidFill>
                    <a:srgbClr val="000000"/>
                  </a:solidFill>
                  <a:latin typeface="Courier New" pitchFamily="49" charset="0"/>
                </a:rPr>
                <a:t>                  not_monumented);</a:t>
              </a:r>
            </a:p>
            <a:p>
              <a:r>
                <a:rPr lang="de-CH" altLang="de-DE" sz="450">
                  <a:solidFill>
                    <a:srgbClr val="000000"/>
                  </a:solidFill>
                  <a:latin typeface="Courier New" pitchFamily="49" charset="0"/>
                </a:rPr>
                <a:t> OwnershipType = (parcel, distinct_right,  </a:t>
              </a:r>
            </a:p>
            <a:p>
              <a:r>
                <a:rPr lang="de-CH" altLang="de-DE" sz="450">
                  <a:solidFill>
                    <a:srgbClr val="000000"/>
                  </a:solidFill>
                  <a:latin typeface="Courier New" pitchFamily="49" charset="0"/>
                </a:rPr>
                <a:t>                  construction_right, water_source_ </a:t>
              </a:r>
            </a:p>
            <a:p>
              <a:r>
                <a:rPr lang="de-CH" altLang="de-DE" sz="450">
                  <a:solidFill>
                    <a:srgbClr val="000000"/>
                  </a:solidFill>
                  <a:latin typeface="Courier New" pitchFamily="49" charset="0"/>
                </a:rPr>
                <a:t>                  right);</a:t>
              </a:r>
            </a:p>
            <a:p>
              <a:r>
                <a:rPr lang="de-CH" altLang="de-DE" sz="450">
                  <a:solidFill>
                    <a:srgbClr val="000000"/>
                  </a:solidFill>
                  <a:latin typeface="Courier New" pitchFamily="49" charset="0"/>
                </a:rPr>
                <a:t>TABLE LimitPoint = </a:t>
              </a:r>
            </a:p>
            <a:p>
              <a:r>
                <a:rPr lang="de-CH" altLang="de-DE" sz="450">
                  <a:solidFill>
                    <a:srgbClr val="000000"/>
                  </a:solidFill>
                  <a:latin typeface="Courier New" pitchFamily="49" charset="0"/>
                </a:rPr>
                <a:t>   OSKey: OPTIONAL -&gt; OwnershipMaintenance; </a:t>
              </a:r>
            </a:p>
            <a:p>
              <a:r>
                <a:rPr lang="de-CH" altLang="de-DE" sz="450">
                  <a:solidFill>
                    <a:srgbClr val="000000"/>
                  </a:solidFill>
                  <a:latin typeface="Courier New" pitchFamily="49" charset="0"/>
                </a:rPr>
                <a:t>   Identifier:  OPTIONAL TEXT*12; </a:t>
              </a:r>
            </a:p>
            <a:p>
              <a:r>
                <a:rPr lang="de-CH" altLang="de-DE" sz="450">
                  <a:solidFill>
                    <a:srgbClr val="000000"/>
                  </a:solidFill>
                  <a:latin typeface="Courier New" pitchFamily="49" charset="0"/>
                </a:rPr>
                <a:t>   Geometry:  LKoord; </a:t>
              </a:r>
            </a:p>
            <a:p>
              <a:r>
                <a:rPr lang="de-CH" altLang="de-DE" sz="450">
                  <a:solidFill>
                    <a:srgbClr val="000000"/>
                  </a:solidFill>
                  <a:latin typeface="Courier New" pitchFamily="49" charset="0"/>
                </a:rPr>
                <a:t>   PositionPrecision:  Precision; </a:t>
              </a:r>
            </a:p>
            <a:p>
              <a:r>
                <a:rPr lang="de-CH" altLang="de-DE" sz="450">
                  <a:solidFill>
                    <a:srgbClr val="000000"/>
                  </a:solidFill>
                  <a:latin typeface="Courier New" pitchFamily="49" charset="0"/>
                </a:rPr>
                <a:t>   PositionReliability:  Reliability; </a:t>
              </a:r>
            </a:p>
            <a:p>
              <a:r>
                <a:rPr lang="de-CH" altLang="de-DE" sz="450">
                  <a:solidFill>
                    <a:srgbClr val="000000"/>
                  </a:solidFill>
                  <a:latin typeface="Courier New" pitchFamily="49" charset="0"/>
                </a:rPr>
                <a:t>   Origin:  OPTIONAL TEXT*30; </a:t>
              </a:r>
            </a:p>
            <a:p>
              <a:r>
                <a:rPr lang="de-CH" altLang="de-DE" sz="450">
                  <a:solidFill>
                    <a:srgbClr val="000000"/>
                  </a:solidFill>
                  <a:latin typeface="Courier New" pitchFamily="49" charset="0"/>
                </a:rPr>
                <a:t>   SymbolOrientation:  OPTIONAL LetterOrientation; </a:t>
              </a:r>
            </a:p>
            <a:p>
              <a:r>
                <a:rPr lang="de-CH" altLang="de-DE" sz="450">
                  <a:solidFill>
                    <a:srgbClr val="000000"/>
                  </a:solidFill>
                  <a:latin typeface="Courier New" pitchFamily="49" charset="0"/>
                </a:rPr>
                <a:t>   !! Default: 0.0 </a:t>
              </a:r>
            </a:p>
            <a:p>
              <a:r>
                <a:rPr lang="de-CH" altLang="de-DE" sz="450">
                  <a:solidFill>
                    <a:srgbClr val="000000"/>
                  </a:solidFill>
                  <a:latin typeface="Courier New" pitchFamily="49" charset="0"/>
                </a:rPr>
                <a:t>   IDENT </a:t>
              </a:r>
            </a:p>
            <a:p>
              <a:r>
                <a:rPr lang="de-CH" altLang="de-DE" sz="450">
                  <a:solidFill>
                    <a:srgbClr val="000000"/>
                  </a:solidFill>
                  <a:latin typeface="Courier New" pitchFamily="49" charset="0"/>
                </a:rPr>
                <a:t>   Geometry; </a:t>
              </a:r>
            </a:p>
            <a:p>
              <a:r>
                <a:rPr lang="de-CH" altLang="de-DE" sz="450">
                  <a:solidFill>
                    <a:srgbClr val="000000"/>
                  </a:solidFill>
                  <a:latin typeface="Courier New" pitchFamily="49" charset="0"/>
                </a:rPr>
                <a:t> END LimitPoint; </a:t>
              </a:r>
            </a:p>
            <a:p>
              <a:r>
                <a:rPr lang="de-CH" altLang="de-DE" sz="450">
                  <a:solidFill>
                    <a:srgbClr val="000000"/>
                  </a:solidFill>
                  <a:latin typeface="Courier New" pitchFamily="49" charset="0"/>
                </a:rPr>
                <a:t>END Ownership.</a:t>
              </a:r>
            </a:p>
            <a:p>
              <a:r>
                <a:rPr lang="de-CH" altLang="de-DE" sz="450">
                  <a:solidFill>
                    <a:srgbClr val="000000"/>
                  </a:solidFill>
                  <a:latin typeface="Courier New" pitchFamily="49" charset="0"/>
                </a:rPr>
                <a:t>END Basic_Data_Set.</a:t>
              </a:r>
            </a:p>
          </p:txBody>
        </p:sp>
      </p:grpSp>
      <p:sp>
        <p:nvSpPr>
          <p:cNvPr id="13" name="AutoShape 9">
            <a:extLst>
              <a:ext uri="{FF2B5EF4-FFF2-40B4-BE49-F238E27FC236}">
                <a16:creationId xmlns:a16="http://schemas.microsoft.com/office/drawing/2014/main" id="{0EEC2E59-BDE6-BE0F-5826-FF0C97006BD8}"/>
              </a:ext>
            </a:extLst>
          </p:cNvPr>
          <p:cNvSpPr>
            <a:spLocks noChangeArrowheads="1"/>
          </p:cNvSpPr>
          <p:nvPr/>
        </p:nvSpPr>
        <p:spPr bwMode="auto">
          <a:xfrm rot="10785908" flipH="1" flipV="1">
            <a:off x="5086351" y="2287166"/>
            <a:ext cx="1022747" cy="285750"/>
          </a:xfrm>
          <a:prstGeom prst="notchedRightArrow">
            <a:avLst>
              <a:gd name="adj1" fmla="val 50000"/>
              <a:gd name="adj2" fmla="val 89479"/>
            </a:avLst>
          </a:prstGeom>
          <a:solidFill>
            <a:srgbClr val="006600"/>
          </a:solidFill>
          <a:ln w="9525">
            <a:solidFill>
              <a:srgbClr val="00330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grpSp>
        <p:nvGrpSpPr>
          <p:cNvPr id="14" name="Group 11">
            <a:extLst>
              <a:ext uri="{FF2B5EF4-FFF2-40B4-BE49-F238E27FC236}">
                <a16:creationId xmlns:a16="http://schemas.microsoft.com/office/drawing/2014/main" id="{C1A4ACC1-8DFF-7153-C117-4810FF7F3E79}"/>
              </a:ext>
            </a:extLst>
          </p:cNvPr>
          <p:cNvGrpSpPr>
            <a:grpSpLocks/>
          </p:cNvGrpSpPr>
          <p:nvPr/>
        </p:nvGrpSpPr>
        <p:grpSpPr bwMode="auto">
          <a:xfrm>
            <a:off x="1439467" y="1601366"/>
            <a:ext cx="1949053" cy="2911076"/>
            <a:chOff x="249" y="1196"/>
            <a:chExt cx="1637" cy="2445"/>
          </a:xfrm>
        </p:grpSpPr>
        <p:sp>
          <p:nvSpPr>
            <p:cNvPr id="15" name="Text Box 12">
              <a:extLst>
                <a:ext uri="{FF2B5EF4-FFF2-40B4-BE49-F238E27FC236}">
                  <a16:creationId xmlns:a16="http://schemas.microsoft.com/office/drawing/2014/main" id="{ECA6A33C-0B94-C278-2956-310531D47C39}"/>
                </a:ext>
              </a:extLst>
            </p:cNvPr>
            <p:cNvSpPr txBox="1">
              <a:spLocks noChangeArrowheads="1"/>
            </p:cNvSpPr>
            <p:nvPr/>
          </p:nvSpPr>
          <p:spPr bwMode="auto">
            <a:xfrm>
              <a:off x="249" y="3202"/>
              <a:ext cx="1637" cy="4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defTabSz="914400" eaLnBrk="1" hangingPunct="1">
                <a:lnSpc>
                  <a:spcPct val="100000"/>
                </a:lnSpc>
                <a:buClrTx/>
                <a:buSzTx/>
                <a:buFontTx/>
                <a:buNone/>
              </a:pPr>
              <a:r>
                <a:rPr lang="es-CO" altLang="de-DE" sz="1200" dirty="0">
                  <a:solidFill>
                    <a:schemeClr val="tx1"/>
                  </a:solidFill>
                </a:rPr>
                <a:t>8 capas de información</a:t>
              </a:r>
            </a:p>
            <a:p>
              <a:pPr algn="ctr"/>
              <a:r>
                <a:rPr lang="es-CO" altLang="de-DE" sz="800" dirty="0">
                  <a:solidFill>
                    <a:schemeClr val="tx1"/>
                  </a:solidFill>
                </a:rPr>
                <a:t>(Posibilidad de realizar las capas por separado</a:t>
              </a:r>
              <a:r>
                <a:rPr lang="en-GB" altLang="de-DE" sz="800" dirty="0">
                  <a:solidFill>
                    <a:schemeClr val="tx1"/>
                  </a:solidFill>
                </a:rPr>
                <a:t>)</a:t>
              </a:r>
            </a:p>
          </p:txBody>
        </p:sp>
        <p:grpSp>
          <p:nvGrpSpPr>
            <p:cNvPr id="16" name="Group 13">
              <a:extLst>
                <a:ext uri="{FF2B5EF4-FFF2-40B4-BE49-F238E27FC236}">
                  <a16:creationId xmlns:a16="http://schemas.microsoft.com/office/drawing/2014/main" id="{077F821C-3C7C-4829-7933-6A6B4E6FF356}"/>
                </a:ext>
              </a:extLst>
            </p:cNvPr>
            <p:cNvGrpSpPr>
              <a:grpSpLocks/>
            </p:cNvGrpSpPr>
            <p:nvPr/>
          </p:nvGrpSpPr>
          <p:grpSpPr bwMode="auto">
            <a:xfrm>
              <a:off x="345" y="1196"/>
              <a:ext cx="1488" cy="1872"/>
              <a:chOff x="48" y="960"/>
              <a:chExt cx="1488" cy="1872"/>
            </a:xfrm>
          </p:grpSpPr>
          <p:sp>
            <p:nvSpPr>
              <p:cNvPr id="17" name="Rectangle 14">
                <a:extLst>
                  <a:ext uri="{FF2B5EF4-FFF2-40B4-BE49-F238E27FC236}">
                    <a16:creationId xmlns:a16="http://schemas.microsoft.com/office/drawing/2014/main" id="{EBFB877E-C283-AE56-9D25-E506B3109F82}"/>
                  </a:ext>
                </a:extLst>
              </p:cNvPr>
              <p:cNvSpPr>
                <a:spLocks noChangeArrowheads="1"/>
              </p:cNvSpPr>
              <p:nvPr/>
            </p:nvSpPr>
            <p:spPr bwMode="auto">
              <a:xfrm>
                <a:off x="48" y="960"/>
                <a:ext cx="1488" cy="1872"/>
              </a:xfrm>
              <a:prstGeom prst="rect">
                <a:avLst/>
              </a:prstGeom>
              <a:solidFill>
                <a:schemeClr val="bg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graphicFrame>
            <p:nvGraphicFramePr>
              <p:cNvPr id="18" name="Object 15">
                <a:extLst>
                  <a:ext uri="{FF2B5EF4-FFF2-40B4-BE49-F238E27FC236}">
                    <a16:creationId xmlns:a16="http://schemas.microsoft.com/office/drawing/2014/main" id="{D926BC6B-1BB8-B66F-29AF-1B141739541F}"/>
                  </a:ext>
                </a:extLst>
              </p:cNvPr>
              <p:cNvGraphicFramePr>
                <a:graphicFrameLocks noChangeAspect="1"/>
              </p:cNvGraphicFramePr>
              <p:nvPr/>
            </p:nvGraphicFramePr>
            <p:xfrm>
              <a:off x="240" y="1008"/>
              <a:ext cx="1242" cy="1728"/>
            </p:xfrm>
            <a:graphic>
              <a:graphicData uri="http://schemas.openxmlformats.org/presentationml/2006/ole">
                <mc:AlternateContent xmlns:mc="http://schemas.openxmlformats.org/markup-compatibility/2006">
                  <mc:Choice xmlns:v="urn:schemas-microsoft-com:vml" Requires="v">
                    <p:oleObj name="Image" r:id="rId4" imgW="3191320" imgH="4439270" progId="Photoshop.Image.3">
                      <p:embed/>
                    </p:oleObj>
                  </mc:Choice>
                  <mc:Fallback>
                    <p:oleObj name="Image" r:id="rId4" imgW="3191320" imgH="4439270" progId="Photoshop.Image.3">
                      <p:embed/>
                      <p:pic>
                        <p:nvPicPr>
                          <p:cNvPr id="31761" name="Object 15"/>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40" y="1008"/>
                            <a:ext cx="1242" cy="1728"/>
                          </a:xfrm>
                          <a:prstGeom prst="rect">
                            <a:avLst/>
                          </a:prstGeom>
                          <a:solidFill>
                            <a:srgbClr val="F1F1F1"/>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oleObj>
                  </mc:Fallback>
                </mc:AlternateContent>
              </a:graphicData>
            </a:graphic>
          </p:graphicFrame>
          <p:sp>
            <p:nvSpPr>
              <p:cNvPr id="19" name="Rectangle 16">
                <a:extLst>
                  <a:ext uri="{FF2B5EF4-FFF2-40B4-BE49-F238E27FC236}">
                    <a16:creationId xmlns:a16="http://schemas.microsoft.com/office/drawing/2014/main" id="{1F9EB8B8-7E52-DE4A-ECBE-20779638A5ED}"/>
                  </a:ext>
                </a:extLst>
              </p:cNvPr>
              <p:cNvSpPr>
                <a:spLocks noChangeArrowheads="1"/>
              </p:cNvSpPr>
              <p:nvPr/>
            </p:nvSpPr>
            <p:spPr bwMode="auto">
              <a:xfrm>
                <a:off x="96" y="1326"/>
                <a:ext cx="990" cy="13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69056" tIns="34529" rIns="69056" bIns="34529">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nSpc>
                    <a:spcPct val="190000"/>
                  </a:lnSpc>
                </a:pPr>
                <a:r>
                  <a:rPr lang="en-GB" altLang="de-DE" sz="675">
                    <a:solidFill>
                      <a:schemeClr val="tx1"/>
                    </a:solidFill>
                    <a:latin typeface="Helvetica 45 Light" pitchFamily="34" charset="0"/>
                  </a:rPr>
                  <a:t>Control points</a:t>
                </a:r>
              </a:p>
              <a:p>
                <a:pPr>
                  <a:lnSpc>
                    <a:spcPct val="190000"/>
                  </a:lnSpc>
                </a:pPr>
                <a:r>
                  <a:rPr lang="en-GB" altLang="de-DE" sz="675">
                    <a:solidFill>
                      <a:schemeClr val="tx1"/>
                    </a:solidFill>
                    <a:latin typeface="Helvetica 45 Light" pitchFamily="34" charset="0"/>
                  </a:rPr>
                  <a:t>Land cover</a:t>
                </a:r>
              </a:p>
              <a:p>
                <a:pPr>
                  <a:lnSpc>
                    <a:spcPct val="190000"/>
                  </a:lnSpc>
                </a:pPr>
                <a:r>
                  <a:rPr lang="en-GB" altLang="de-DE" sz="675">
                    <a:solidFill>
                      <a:schemeClr val="tx1"/>
                    </a:solidFill>
                    <a:latin typeface="Helvetica 45 Light" pitchFamily="34" charset="0"/>
                  </a:rPr>
                  <a:t>Single objects</a:t>
                </a:r>
              </a:p>
              <a:p>
                <a:pPr>
                  <a:lnSpc>
                    <a:spcPct val="190000"/>
                  </a:lnSpc>
                </a:pPr>
                <a:r>
                  <a:rPr lang="en-GB" altLang="de-DE" sz="675">
                    <a:solidFill>
                      <a:schemeClr val="tx1"/>
                    </a:solidFill>
                    <a:latin typeface="Helvetica 45 Light" pitchFamily="34" charset="0"/>
                  </a:rPr>
                  <a:t>Heights</a:t>
                </a:r>
              </a:p>
              <a:p>
                <a:pPr>
                  <a:lnSpc>
                    <a:spcPct val="190000"/>
                  </a:lnSpc>
                </a:pPr>
                <a:r>
                  <a:rPr lang="en-GB" altLang="de-DE" sz="675">
                    <a:solidFill>
                      <a:schemeClr val="tx1"/>
                    </a:solidFill>
                    <a:latin typeface="Helvetica 45 Light" pitchFamily="34" charset="0"/>
                  </a:rPr>
                  <a:t>Local names</a:t>
                </a:r>
              </a:p>
              <a:p>
                <a:pPr>
                  <a:lnSpc>
                    <a:spcPct val="190000"/>
                  </a:lnSpc>
                </a:pPr>
                <a:r>
                  <a:rPr lang="en-GB" altLang="de-DE" sz="675">
                    <a:solidFill>
                      <a:schemeClr val="tx1"/>
                    </a:solidFill>
                    <a:latin typeface="Helvetica 45 Light" pitchFamily="34" charset="0"/>
                  </a:rPr>
                  <a:t>Ownership</a:t>
                </a:r>
              </a:p>
              <a:p>
                <a:pPr>
                  <a:lnSpc>
                    <a:spcPct val="190000"/>
                  </a:lnSpc>
                </a:pPr>
                <a:r>
                  <a:rPr lang="en-GB" altLang="de-DE" sz="675">
                    <a:solidFill>
                      <a:schemeClr val="tx1"/>
                    </a:solidFill>
                    <a:latin typeface="Helvetica 45 Light" pitchFamily="34" charset="0"/>
                  </a:rPr>
                  <a:t>Pipelines &gt;5bar</a:t>
                </a:r>
              </a:p>
              <a:p>
                <a:pPr>
                  <a:lnSpc>
                    <a:spcPct val="190000"/>
                  </a:lnSpc>
                </a:pPr>
                <a:r>
                  <a:rPr lang="en-GB" altLang="de-DE" sz="675">
                    <a:solidFill>
                      <a:schemeClr val="tx1"/>
                    </a:solidFill>
                    <a:latin typeface="Helvetica 45 Light" pitchFamily="34" charset="0"/>
                  </a:rPr>
                  <a:t>Administrative subdivisions</a:t>
                </a:r>
              </a:p>
            </p:txBody>
          </p:sp>
        </p:grpSp>
      </p:grpSp>
      <p:sp>
        <p:nvSpPr>
          <p:cNvPr id="20" name="AutoShape 17">
            <a:extLst>
              <a:ext uri="{FF2B5EF4-FFF2-40B4-BE49-F238E27FC236}">
                <a16:creationId xmlns:a16="http://schemas.microsoft.com/office/drawing/2014/main" id="{FA38EF56-74E5-1D37-2633-0FA789EA1EF8}"/>
              </a:ext>
            </a:extLst>
          </p:cNvPr>
          <p:cNvSpPr>
            <a:spLocks noChangeArrowheads="1"/>
          </p:cNvSpPr>
          <p:nvPr/>
        </p:nvSpPr>
        <p:spPr bwMode="auto">
          <a:xfrm rot="10785908" flipH="1" flipV="1">
            <a:off x="2743201" y="2287166"/>
            <a:ext cx="1022747" cy="285750"/>
          </a:xfrm>
          <a:prstGeom prst="notchedRightArrow">
            <a:avLst>
              <a:gd name="adj1" fmla="val 50000"/>
              <a:gd name="adj2" fmla="val 89479"/>
            </a:avLst>
          </a:prstGeom>
          <a:solidFill>
            <a:srgbClr val="006600"/>
          </a:solidFill>
          <a:ln w="9525">
            <a:solidFill>
              <a:srgbClr val="003300"/>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defTabSz="449263"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endParaRPr lang="de-CH" altLang="de-DE" sz="2100"/>
          </a:p>
        </p:txBody>
      </p:sp>
      <p:sp>
        <p:nvSpPr>
          <p:cNvPr id="22" name="Rectangle 21">
            <a:extLst>
              <a:ext uri="{FF2B5EF4-FFF2-40B4-BE49-F238E27FC236}">
                <a16:creationId xmlns:a16="http://schemas.microsoft.com/office/drawing/2014/main" id="{1000549E-E9DA-ADD0-83A5-64AD2F59A962}"/>
              </a:ext>
            </a:extLst>
          </p:cNvPr>
          <p:cNvSpPr>
            <a:spLocks noChangeArrowheads="1"/>
          </p:cNvSpPr>
          <p:nvPr/>
        </p:nvSpPr>
        <p:spPr bwMode="auto">
          <a:xfrm>
            <a:off x="1220998" y="669925"/>
            <a:ext cx="4208340"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defTabSz="914400" eaLnBrk="1" hangingPunct="1">
              <a:lnSpc>
                <a:spcPct val="100000"/>
              </a:lnSpc>
              <a:buClrTx/>
              <a:buSzTx/>
              <a:buFontTx/>
              <a:buNone/>
            </a:pPr>
            <a:r>
              <a:rPr lang="es-CO" altLang="de-DE" sz="1200" dirty="0">
                <a:solidFill>
                  <a:srgbClr val="CC0000"/>
                </a:solidFill>
              </a:rPr>
              <a:t>Descripción de la información digital estandarizada (introducida en 1993)</a:t>
            </a:r>
          </a:p>
        </p:txBody>
      </p:sp>
    </p:spTree>
    <p:extLst>
      <p:ext uri="{BB962C8B-B14F-4D97-AF65-F5344CB8AC3E}">
        <p14:creationId xmlns:p14="http://schemas.microsoft.com/office/powerpoint/2010/main" val="22247219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72" name="AutoShape 12"/>
          <p:cNvSpPr>
            <a:spLocks noChangeArrowheads="1"/>
          </p:cNvSpPr>
          <p:nvPr/>
        </p:nvSpPr>
        <p:spPr bwMode="auto">
          <a:xfrm>
            <a:off x="5567536" y="1682993"/>
            <a:ext cx="228600" cy="1993657"/>
          </a:xfrm>
          <a:prstGeom prst="upDownArrow">
            <a:avLst>
              <a:gd name="adj1" fmla="val 32500"/>
              <a:gd name="adj2" fmla="val 68069"/>
            </a:avLst>
          </a:prstGeom>
          <a:gradFill rotWithShape="0">
            <a:gsLst>
              <a:gs pos="0">
                <a:srgbClr val="FF9900"/>
              </a:gs>
              <a:gs pos="50000">
                <a:srgbClr val="FFCC66"/>
              </a:gs>
              <a:gs pos="100000">
                <a:srgbClr val="FF9900"/>
              </a:gs>
            </a:gsLst>
            <a:lin ang="5400000" scaled="1"/>
          </a:gra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grpSp>
        <p:nvGrpSpPr>
          <p:cNvPr id="60" name="Gruppieren 59">
            <a:extLst>
              <a:ext uri="{FF2B5EF4-FFF2-40B4-BE49-F238E27FC236}">
                <a16:creationId xmlns:a16="http://schemas.microsoft.com/office/drawing/2014/main" id="{CF1143FF-5BF6-A883-8816-4763FE0BE4EE}"/>
              </a:ext>
            </a:extLst>
          </p:cNvPr>
          <p:cNvGrpSpPr/>
          <p:nvPr/>
        </p:nvGrpSpPr>
        <p:grpSpPr>
          <a:xfrm>
            <a:off x="1923641" y="1538299"/>
            <a:ext cx="4263678" cy="2578894"/>
            <a:chOff x="-3204864" y="1539828"/>
            <a:chExt cx="4263678" cy="2578894"/>
          </a:xfrm>
        </p:grpSpPr>
        <p:graphicFrame>
          <p:nvGraphicFramePr>
            <p:cNvPr id="5" name="Object 15">
              <a:extLst>
                <a:ext uri="{FF2B5EF4-FFF2-40B4-BE49-F238E27FC236}">
                  <a16:creationId xmlns:a16="http://schemas.microsoft.com/office/drawing/2014/main" id="{452AEE0D-B8F9-DCA5-0CBB-7A87D3255A6C}"/>
                </a:ext>
              </a:extLst>
            </p:cNvPr>
            <p:cNvGraphicFramePr>
              <a:graphicFrameLocks noChangeAspect="1"/>
            </p:cNvGraphicFramePr>
            <p:nvPr>
              <p:extLst>
                <p:ext uri="{D42A27DB-BD31-4B8C-83A1-F6EECF244321}">
                  <p14:modId xmlns:p14="http://schemas.microsoft.com/office/powerpoint/2010/main" val="269480542"/>
                </p:ext>
              </p:extLst>
            </p:nvPr>
          </p:nvGraphicFramePr>
          <p:xfrm>
            <a:off x="-304825" y="3604250"/>
            <a:ext cx="1363639" cy="479668"/>
          </p:xfrm>
          <a:graphic>
            <a:graphicData uri="http://schemas.openxmlformats.org/presentationml/2006/ole">
              <mc:AlternateContent xmlns:mc="http://schemas.openxmlformats.org/markup-compatibility/2006">
                <mc:Choice xmlns:v="urn:schemas-microsoft-com:vml" Requires="v">
                  <p:oleObj name="Image" r:id="rId3" imgW="3191320" imgH="4439270" progId="Photoshop.Image.3">
                    <p:embed/>
                  </p:oleObj>
                </mc:Choice>
                <mc:Fallback>
                  <p:oleObj name="Image" r:id="rId3" imgW="3191320" imgH="4439270" progId="Photoshop.Image.3">
                    <p:embed/>
                    <p:pic>
                      <p:nvPicPr>
                        <p:cNvPr id="18" name="Object 15">
                          <a:extLst>
                            <a:ext uri="{FF2B5EF4-FFF2-40B4-BE49-F238E27FC236}">
                              <a16:creationId xmlns:a16="http://schemas.microsoft.com/office/drawing/2014/main" id="{D926BC6B-1BB8-B66F-29AF-1B141739541F}"/>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04825" y="3604250"/>
                          <a:ext cx="1363639" cy="479668"/>
                        </a:xfrm>
                        <a:prstGeom prst="rect">
                          <a:avLst/>
                        </a:prstGeom>
                        <a:solidFill>
                          <a:srgbClr val="F1F1F1"/>
                        </a:solidFill>
                        <a:ln>
                          <a:noFill/>
                        </a:ln>
                        <a:effectLst/>
                      </p:spPr>
                    </p:pic>
                  </p:oleObj>
                </mc:Fallback>
              </mc:AlternateContent>
            </a:graphicData>
          </a:graphic>
        </p:graphicFrame>
        <p:grpSp>
          <p:nvGrpSpPr>
            <p:cNvPr id="59" name="Gruppieren 58">
              <a:extLst>
                <a:ext uri="{FF2B5EF4-FFF2-40B4-BE49-F238E27FC236}">
                  <a16:creationId xmlns:a16="http://schemas.microsoft.com/office/drawing/2014/main" id="{D9D348EA-E3D0-1936-201B-65709219FCD9}"/>
                </a:ext>
              </a:extLst>
            </p:cNvPr>
            <p:cNvGrpSpPr/>
            <p:nvPr/>
          </p:nvGrpSpPr>
          <p:grpSpPr>
            <a:xfrm>
              <a:off x="-3204864" y="1539828"/>
              <a:ext cx="4211240" cy="2578894"/>
              <a:chOff x="-3204864" y="1539828"/>
              <a:chExt cx="4211240" cy="2578894"/>
            </a:xfrm>
          </p:grpSpPr>
          <p:sp>
            <p:nvSpPr>
              <p:cNvPr id="8" name="Rectangle 40">
                <a:extLst>
                  <a:ext uri="{FF2B5EF4-FFF2-40B4-BE49-F238E27FC236}">
                    <a16:creationId xmlns:a16="http://schemas.microsoft.com/office/drawing/2014/main" id="{3739FACB-A667-A018-B075-0E66F68D1230}"/>
                  </a:ext>
                </a:extLst>
              </p:cNvPr>
              <p:cNvSpPr>
                <a:spLocks noChangeArrowheads="1"/>
              </p:cNvSpPr>
              <p:nvPr/>
            </p:nvSpPr>
            <p:spPr bwMode="auto">
              <a:xfrm>
                <a:off x="-3197720" y="2566147"/>
                <a:ext cx="1032272" cy="235744"/>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None/>
                </a:pPr>
                <a:r>
                  <a:rPr lang="es-CO" altLang="de-DE" sz="900" dirty="0"/>
                  <a:t>Derechos colectivos</a:t>
                </a:r>
              </a:p>
              <a:p>
                <a:pPr>
                  <a:lnSpc>
                    <a:spcPct val="85000"/>
                  </a:lnSpc>
                  <a:spcBef>
                    <a:spcPct val="0"/>
                  </a:spcBef>
                  <a:buNone/>
                </a:pPr>
                <a:r>
                  <a:rPr lang="es-CO" altLang="de-DE" sz="900" dirty="0"/>
                  <a:t>a la tierra</a:t>
                </a:r>
                <a:endParaRPr lang="en-GB" altLang="de-DE" sz="900" dirty="0"/>
              </a:p>
            </p:txBody>
          </p:sp>
          <p:sp>
            <p:nvSpPr>
              <p:cNvPr id="9" name="Rectangle 41">
                <a:extLst>
                  <a:ext uri="{FF2B5EF4-FFF2-40B4-BE49-F238E27FC236}">
                    <a16:creationId xmlns:a16="http://schemas.microsoft.com/office/drawing/2014/main" id="{D97C11FD-B35D-34DF-D18E-FDA5918A0E60}"/>
                  </a:ext>
                </a:extLst>
              </p:cNvPr>
              <p:cNvSpPr>
                <a:spLocks noChangeArrowheads="1"/>
              </p:cNvSpPr>
              <p:nvPr/>
            </p:nvSpPr>
            <p:spPr bwMode="auto">
              <a:xfrm>
                <a:off x="-1979711" y="2548287"/>
                <a:ext cx="917972" cy="26074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CO" altLang="de-DE" sz="900" dirty="0"/>
                  <a:t>Cooperaciones, tribus, clan</a:t>
                </a:r>
              </a:p>
            </p:txBody>
          </p:sp>
          <p:sp>
            <p:nvSpPr>
              <p:cNvPr id="10" name="Oval 42">
                <a:extLst>
                  <a:ext uri="{FF2B5EF4-FFF2-40B4-BE49-F238E27FC236}">
                    <a16:creationId xmlns:a16="http://schemas.microsoft.com/office/drawing/2014/main" id="{1896A184-27CA-CDF4-4335-B50921FC0113}"/>
                  </a:ext>
                </a:extLst>
              </p:cNvPr>
              <p:cNvSpPr>
                <a:spLocks noChangeArrowheads="1"/>
              </p:cNvSpPr>
              <p:nvPr/>
            </p:nvSpPr>
            <p:spPr bwMode="auto">
              <a:xfrm>
                <a:off x="-899814" y="2675684"/>
                <a:ext cx="695325" cy="110728"/>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11" name="Line 43">
                <a:extLst>
                  <a:ext uri="{FF2B5EF4-FFF2-40B4-BE49-F238E27FC236}">
                    <a16:creationId xmlns:a16="http://schemas.microsoft.com/office/drawing/2014/main" id="{AC08E42D-1A1D-896C-621A-6B08ED11A56D}"/>
                  </a:ext>
                </a:extLst>
              </p:cNvPr>
              <p:cNvSpPr>
                <a:spLocks noChangeShapeType="1"/>
              </p:cNvSpPr>
              <p:nvPr/>
            </p:nvSpPr>
            <p:spPr bwMode="auto">
              <a:xfrm>
                <a:off x="-305693" y="2684019"/>
                <a:ext cx="390525"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12" name="Freeform 44">
                <a:extLst>
                  <a:ext uri="{FF2B5EF4-FFF2-40B4-BE49-F238E27FC236}">
                    <a16:creationId xmlns:a16="http://schemas.microsoft.com/office/drawing/2014/main" id="{35DB96A5-5CB8-6919-ACA3-3AE9EAD9CB29}"/>
                  </a:ext>
                </a:extLst>
              </p:cNvPr>
              <p:cNvSpPr>
                <a:spLocks noChangeAspect="1"/>
              </p:cNvSpPr>
              <p:nvPr/>
            </p:nvSpPr>
            <p:spPr bwMode="auto">
              <a:xfrm>
                <a:off x="34826" y="2711403"/>
                <a:ext cx="771525" cy="6429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13" name="Freeform 45">
                <a:extLst>
                  <a:ext uri="{FF2B5EF4-FFF2-40B4-BE49-F238E27FC236}">
                    <a16:creationId xmlns:a16="http://schemas.microsoft.com/office/drawing/2014/main" id="{62A6ED0D-696F-96F4-EAE2-A5EE4E451A2E}"/>
                  </a:ext>
                </a:extLst>
              </p:cNvPr>
              <p:cNvSpPr>
                <a:spLocks noChangeAspect="1"/>
              </p:cNvSpPr>
              <p:nvPr/>
            </p:nvSpPr>
            <p:spPr bwMode="auto">
              <a:xfrm>
                <a:off x="34826" y="2664969"/>
                <a:ext cx="771525" cy="6429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14" name="Freeform 46">
                <a:extLst>
                  <a:ext uri="{FF2B5EF4-FFF2-40B4-BE49-F238E27FC236}">
                    <a16:creationId xmlns:a16="http://schemas.microsoft.com/office/drawing/2014/main" id="{D8CBD9EF-2CD9-174E-B658-AA1322537009}"/>
                  </a:ext>
                </a:extLst>
              </p:cNvPr>
              <p:cNvSpPr>
                <a:spLocks noChangeAspect="1"/>
              </p:cNvSpPr>
              <p:nvPr/>
            </p:nvSpPr>
            <p:spPr bwMode="auto">
              <a:xfrm>
                <a:off x="34826" y="2617344"/>
                <a:ext cx="771525" cy="6429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15" name="Freeform 47">
                <a:extLst>
                  <a:ext uri="{FF2B5EF4-FFF2-40B4-BE49-F238E27FC236}">
                    <a16:creationId xmlns:a16="http://schemas.microsoft.com/office/drawing/2014/main" id="{853370DE-235C-5423-52EA-8D2F5F8BEC40}"/>
                  </a:ext>
                </a:extLst>
              </p:cNvPr>
              <p:cNvSpPr>
                <a:spLocks noChangeAspect="1"/>
              </p:cNvSpPr>
              <p:nvPr/>
            </p:nvSpPr>
            <p:spPr bwMode="auto">
              <a:xfrm>
                <a:off x="34826" y="2570909"/>
                <a:ext cx="771525" cy="6429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16" name="Oval 48">
                <a:extLst>
                  <a:ext uri="{FF2B5EF4-FFF2-40B4-BE49-F238E27FC236}">
                    <a16:creationId xmlns:a16="http://schemas.microsoft.com/office/drawing/2014/main" id="{5B63FCA0-89E2-1136-7AD8-480FA3F5A2D4}"/>
                  </a:ext>
                </a:extLst>
              </p:cNvPr>
              <p:cNvSpPr>
                <a:spLocks noChangeArrowheads="1"/>
              </p:cNvSpPr>
              <p:nvPr/>
            </p:nvSpPr>
            <p:spPr bwMode="auto">
              <a:xfrm>
                <a:off x="-899814" y="2623297"/>
                <a:ext cx="695325" cy="110728"/>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17" name="Oval 49">
                <a:extLst>
                  <a:ext uri="{FF2B5EF4-FFF2-40B4-BE49-F238E27FC236}">
                    <a16:creationId xmlns:a16="http://schemas.microsoft.com/office/drawing/2014/main" id="{38C4D7A5-ADF2-141B-6F74-A1A1C9A3B39D}"/>
                  </a:ext>
                </a:extLst>
              </p:cNvPr>
              <p:cNvSpPr>
                <a:spLocks noChangeArrowheads="1"/>
              </p:cNvSpPr>
              <p:nvPr/>
            </p:nvSpPr>
            <p:spPr bwMode="auto">
              <a:xfrm>
                <a:off x="-899814" y="2575672"/>
                <a:ext cx="695325" cy="110728"/>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18" name="Rectangle 50">
                <a:extLst>
                  <a:ext uri="{FF2B5EF4-FFF2-40B4-BE49-F238E27FC236}">
                    <a16:creationId xmlns:a16="http://schemas.microsoft.com/office/drawing/2014/main" id="{74141F88-69F0-1869-9ABA-D3002D8AEE62}"/>
                  </a:ext>
                </a:extLst>
              </p:cNvPr>
              <p:cNvSpPr>
                <a:spLocks noChangeArrowheads="1"/>
              </p:cNvSpPr>
              <p:nvPr/>
            </p:nvSpPr>
            <p:spPr bwMode="auto">
              <a:xfrm>
                <a:off x="-3197720" y="2226819"/>
                <a:ext cx="773906" cy="235744"/>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CO" altLang="de-DE" sz="900" dirty="0"/>
                  <a:t>Planeación del uso del suelo</a:t>
                </a:r>
              </a:p>
            </p:txBody>
          </p:sp>
          <p:sp>
            <p:nvSpPr>
              <p:cNvPr id="19" name="Rectangle 51">
                <a:extLst>
                  <a:ext uri="{FF2B5EF4-FFF2-40B4-BE49-F238E27FC236}">
                    <a16:creationId xmlns:a16="http://schemas.microsoft.com/office/drawing/2014/main" id="{3E00DB9F-8073-C986-2DB1-269C5A447DB8}"/>
                  </a:ext>
                </a:extLst>
              </p:cNvPr>
              <p:cNvSpPr>
                <a:spLocks noChangeArrowheads="1"/>
              </p:cNvSpPr>
              <p:nvPr/>
            </p:nvSpPr>
            <p:spPr bwMode="auto">
              <a:xfrm>
                <a:off x="-1979711" y="2280397"/>
                <a:ext cx="933450" cy="11787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CO" altLang="de-DE" sz="900" dirty="0"/>
                  <a:t>Min. Planeación</a:t>
                </a:r>
              </a:p>
            </p:txBody>
          </p:sp>
          <p:sp>
            <p:nvSpPr>
              <p:cNvPr id="20" name="Oval 52">
                <a:extLst>
                  <a:ext uri="{FF2B5EF4-FFF2-40B4-BE49-F238E27FC236}">
                    <a16:creationId xmlns:a16="http://schemas.microsoft.com/office/drawing/2014/main" id="{A6070F33-59AE-C849-A685-B1F0880F1595}"/>
                  </a:ext>
                </a:extLst>
              </p:cNvPr>
              <p:cNvSpPr>
                <a:spLocks noChangeArrowheads="1"/>
              </p:cNvSpPr>
              <p:nvPr/>
            </p:nvSpPr>
            <p:spPr bwMode="auto">
              <a:xfrm>
                <a:off x="-829567" y="2336356"/>
                <a:ext cx="695325" cy="110728"/>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21" name="Line 53">
                <a:extLst>
                  <a:ext uri="{FF2B5EF4-FFF2-40B4-BE49-F238E27FC236}">
                    <a16:creationId xmlns:a16="http://schemas.microsoft.com/office/drawing/2014/main" id="{59B61424-A21E-C50B-5E4A-7820A219D408}"/>
                  </a:ext>
                </a:extLst>
              </p:cNvPr>
              <p:cNvSpPr>
                <a:spLocks noChangeShapeType="1"/>
              </p:cNvSpPr>
              <p:nvPr/>
            </p:nvSpPr>
            <p:spPr bwMode="auto">
              <a:xfrm>
                <a:off x="-128289" y="2343500"/>
                <a:ext cx="432197"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22" name="Freeform 54">
                <a:extLst>
                  <a:ext uri="{FF2B5EF4-FFF2-40B4-BE49-F238E27FC236}">
                    <a16:creationId xmlns:a16="http://schemas.microsoft.com/office/drawing/2014/main" id="{32DEF339-38FD-8A50-626A-2C6CFA4F9A42}"/>
                  </a:ext>
                </a:extLst>
              </p:cNvPr>
              <p:cNvSpPr>
                <a:spLocks noChangeAspect="1"/>
              </p:cNvSpPr>
              <p:nvPr/>
            </p:nvSpPr>
            <p:spPr bwMode="auto">
              <a:xfrm>
                <a:off x="234851" y="2295875"/>
                <a:ext cx="771525" cy="6429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23" name="Oval 55">
                <a:extLst>
                  <a:ext uri="{FF2B5EF4-FFF2-40B4-BE49-F238E27FC236}">
                    <a16:creationId xmlns:a16="http://schemas.microsoft.com/office/drawing/2014/main" id="{44DD9C78-52D8-D7B4-7C00-88BD93E66FD4}"/>
                  </a:ext>
                </a:extLst>
              </p:cNvPr>
              <p:cNvSpPr>
                <a:spLocks noChangeArrowheads="1"/>
              </p:cNvSpPr>
              <p:nvPr/>
            </p:nvSpPr>
            <p:spPr bwMode="auto">
              <a:xfrm>
                <a:off x="-829567" y="2299447"/>
                <a:ext cx="695325" cy="110728"/>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24" name="Oval 56">
                <a:extLst>
                  <a:ext uri="{FF2B5EF4-FFF2-40B4-BE49-F238E27FC236}">
                    <a16:creationId xmlns:a16="http://schemas.microsoft.com/office/drawing/2014/main" id="{D389F414-9760-B325-207C-EEB734741EBD}"/>
                  </a:ext>
                </a:extLst>
              </p:cNvPr>
              <p:cNvSpPr>
                <a:spLocks noChangeArrowheads="1"/>
              </p:cNvSpPr>
              <p:nvPr/>
            </p:nvSpPr>
            <p:spPr bwMode="auto">
              <a:xfrm>
                <a:off x="-829567" y="2251822"/>
                <a:ext cx="695325" cy="110728"/>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25" name="Rectangle 57">
                <a:extLst>
                  <a:ext uri="{FF2B5EF4-FFF2-40B4-BE49-F238E27FC236}">
                    <a16:creationId xmlns:a16="http://schemas.microsoft.com/office/drawing/2014/main" id="{DF95997C-4284-57C8-6A79-0D7467D95683}"/>
                  </a:ext>
                </a:extLst>
              </p:cNvPr>
              <p:cNvSpPr>
                <a:spLocks noChangeArrowheads="1"/>
              </p:cNvSpPr>
              <p:nvPr/>
            </p:nvSpPr>
            <p:spPr bwMode="auto">
              <a:xfrm>
                <a:off x="-3197720" y="1539828"/>
                <a:ext cx="752475" cy="235744"/>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None/>
                </a:pPr>
                <a:r>
                  <a:rPr lang="es-CO" altLang="de-DE" sz="900" dirty="0"/>
                  <a:t>Protección del agua / ruido</a:t>
                </a:r>
                <a:endParaRPr lang="en-GB" altLang="de-DE" sz="900" dirty="0"/>
              </a:p>
            </p:txBody>
          </p:sp>
          <p:sp>
            <p:nvSpPr>
              <p:cNvPr id="26" name="Rectangle 58">
                <a:extLst>
                  <a:ext uri="{FF2B5EF4-FFF2-40B4-BE49-F238E27FC236}">
                    <a16:creationId xmlns:a16="http://schemas.microsoft.com/office/drawing/2014/main" id="{FC7CBFC3-EF3D-129E-BF6E-6FEA6040CD1E}"/>
                  </a:ext>
                </a:extLst>
              </p:cNvPr>
              <p:cNvSpPr>
                <a:spLocks noChangeArrowheads="1"/>
              </p:cNvSpPr>
              <p:nvPr/>
            </p:nvSpPr>
            <p:spPr bwMode="auto">
              <a:xfrm>
                <a:off x="-1979711" y="1604122"/>
                <a:ext cx="744141" cy="11787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CO" altLang="de-DE" sz="900" dirty="0"/>
                  <a:t>Gobierno local</a:t>
                </a:r>
              </a:p>
            </p:txBody>
          </p:sp>
          <p:sp>
            <p:nvSpPr>
              <p:cNvPr id="27" name="Freeform 59">
                <a:extLst>
                  <a:ext uri="{FF2B5EF4-FFF2-40B4-BE49-F238E27FC236}">
                    <a16:creationId xmlns:a16="http://schemas.microsoft.com/office/drawing/2014/main" id="{5D107B12-52C6-5AA5-DF34-9FB2AD7743BD}"/>
                  </a:ext>
                </a:extLst>
              </p:cNvPr>
              <p:cNvSpPr>
                <a:spLocks noChangeAspect="1"/>
              </p:cNvSpPr>
              <p:nvPr/>
            </p:nvSpPr>
            <p:spPr bwMode="auto">
              <a:xfrm>
                <a:off x="34826" y="1648175"/>
                <a:ext cx="771525" cy="6429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28" name="Oval 60">
                <a:extLst>
                  <a:ext uri="{FF2B5EF4-FFF2-40B4-BE49-F238E27FC236}">
                    <a16:creationId xmlns:a16="http://schemas.microsoft.com/office/drawing/2014/main" id="{5F43BCDA-DC88-A0DE-F317-E673B22A1277}"/>
                  </a:ext>
                </a:extLst>
              </p:cNvPr>
              <p:cNvSpPr>
                <a:spLocks noChangeArrowheads="1"/>
              </p:cNvSpPr>
              <p:nvPr/>
            </p:nvSpPr>
            <p:spPr bwMode="auto">
              <a:xfrm>
                <a:off x="-829567" y="1600550"/>
                <a:ext cx="695325" cy="110728"/>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29" name="Line 61">
                <a:extLst>
                  <a:ext uri="{FF2B5EF4-FFF2-40B4-BE49-F238E27FC236}">
                    <a16:creationId xmlns:a16="http://schemas.microsoft.com/office/drawing/2014/main" id="{145DB808-1099-66B8-7423-67432A7B1C45}"/>
                  </a:ext>
                </a:extLst>
              </p:cNvPr>
              <p:cNvSpPr>
                <a:spLocks noChangeShapeType="1"/>
              </p:cNvSpPr>
              <p:nvPr/>
            </p:nvSpPr>
            <p:spPr bwMode="auto">
              <a:xfrm>
                <a:off x="-128289" y="1657700"/>
                <a:ext cx="228600"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30" name="Freeform 62">
                <a:extLst>
                  <a:ext uri="{FF2B5EF4-FFF2-40B4-BE49-F238E27FC236}">
                    <a16:creationId xmlns:a16="http://schemas.microsoft.com/office/drawing/2014/main" id="{7843CFEE-9CAF-6590-93F9-CBC792781A5D}"/>
                  </a:ext>
                </a:extLst>
              </p:cNvPr>
              <p:cNvSpPr>
                <a:spLocks noChangeAspect="1"/>
              </p:cNvSpPr>
              <p:nvPr/>
            </p:nvSpPr>
            <p:spPr bwMode="auto">
              <a:xfrm>
                <a:off x="34826" y="1600550"/>
                <a:ext cx="771525" cy="6429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31" name="Oval 63">
                <a:extLst>
                  <a:ext uri="{FF2B5EF4-FFF2-40B4-BE49-F238E27FC236}">
                    <a16:creationId xmlns:a16="http://schemas.microsoft.com/office/drawing/2014/main" id="{AF45381A-267D-89AF-B205-90F6137EF618}"/>
                  </a:ext>
                </a:extLst>
              </p:cNvPr>
              <p:cNvSpPr>
                <a:spLocks noChangeArrowheads="1"/>
              </p:cNvSpPr>
              <p:nvPr/>
            </p:nvSpPr>
            <p:spPr bwMode="auto">
              <a:xfrm>
                <a:off x="-829567" y="1546972"/>
                <a:ext cx="695325" cy="110728"/>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32" name="Rectangle 64">
                <a:extLst>
                  <a:ext uri="{FF2B5EF4-FFF2-40B4-BE49-F238E27FC236}">
                    <a16:creationId xmlns:a16="http://schemas.microsoft.com/office/drawing/2014/main" id="{73066624-E44B-5083-C29D-522325FD7F98}"/>
                  </a:ext>
                </a:extLst>
              </p:cNvPr>
              <p:cNvSpPr>
                <a:spLocks noChangeArrowheads="1"/>
              </p:cNvSpPr>
              <p:nvPr/>
            </p:nvSpPr>
            <p:spPr bwMode="auto">
              <a:xfrm>
                <a:off x="-1979711" y="1931544"/>
                <a:ext cx="1083469" cy="11787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CO" altLang="de-DE" sz="900" dirty="0"/>
                  <a:t>Min. Medio Ambiente</a:t>
                </a:r>
              </a:p>
            </p:txBody>
          </p:sp>
          <p:sp>
            <p:nvSpPr>
              <p:cNvPr id="33" name="Rectangle 65">
                <a:extLst>
                  <a:ext uri="{FF2B5EF4-FFF2-40B4-BE49-F238E27FC236}">
                    <a16:creationId xmlns:a16="http://schemas.microsoft.com/office/drawing/2014/main" id="{0DAAE7C7-D674-A2C2-07D5-B0E83AEA9C97}"/>
                  </a:ext>
                </a:extLst>
              </p:cNvPr>
              <p:cNvSpPr>
                <a:spLocks noChangeArrowheads="1"/>
              </p:cNvSpPr>
              <p:nvPr/>
            </p:nvSpPr>
            <p:spPr bwMode="auto">
              <a:xfrm>
                <a:off x="-3197720" y="1867250"/>
                <a:ext cx="867965" cy="235744"/>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CO" altLang="de-DE" sz="900" dirty="0"/>
                  <a:t>Protección del</a:t>
                </a:r>
              </a:p>
              <a:p>
                <a:pPr>
                  <a:lnSpc>
                    <a:spcPct val="85000"/>
                  </a:lnSpc>
                  <a:spcBef>
                    <a:spcPct val="0"/>
                  </a:spcBef>
                  <a:buFont typeface="Arial" pitchFamily="34" charset="0"/>
                  <a:buNone/>
                </a:pPr>
                <a:r>
                  <a:rPr lang="es-CO" altLang="de-DE" sz="900" dirty="0"/>
                  <a:t>Medio Ambiente</a:t>
                </a:r>
              </a:p>
            </p:txBody>
          </p:sp>
          <p:sp>
            <p:nvSpPr>
              <p:cNvPr id="34" name="Line 66">
                <a:extLst>
                  <a:ext uri="{FF2B5EF4-FFF2-40B4-BE49-F238E27FC236}">
                    <a16:creationId xmlns:a16="http://schemas.microsoft.com/office/drawing/2014/main" id="{E4A91FE0-7AC5-F7EC-36C1-D05A17633213}"/>
                  </a:ext>
                </a:extLst>
              </p:cNvPr>
              <p:cNvSpPr>
                <a:spLocks noChangeShapeType="1"/>
              </p:cNvSpPr>
              <p:nvPr/>
            </p:nvSpPr>
            <p:spPr bwMode="auto">
              <a:xfrm>
                <a:off x="-128289" y="2000600"/>
                <a:ext cx="378619"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35" name="Freeform 67">
                <a:extLst>
                  <a:ext uri="{FF2B5EF4-FFF2-40B4-BE49-F238E27FC236}">
                    <a16:creationId xmlns:a16="http://schemas.microsoft.com/office/drawing/2014/main" id="{97535FD2-5762-1CEA-F0CE-BD49061AD7A6}"/>
                  </a:ext>
                </a:extLst>
              </p:cNvPr>
              <p:cNvSpPr>
                <a:spLocks noChangeAspect="1"/>
              </p:cNvSpPr>
              <p:nvPr/>
            </p:nvSpPr>
            <p:spPr bwMode="auto">
              <a:xfrm>
                <a:off x="196751" y="1992266"/>
                <a:ext cx="771525" cy="6429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36" name="Freeform 68">
                <a:extLst>
                  <a:ext uri="{FF2B5EF4-FFF2-40B4-BE49-F238E27FC236}">
                    <a16:creationId xmlns:a16="http://schemas.microsoft.com/office/drawing/2014/main" id="{1B74A89C-2B2F-C8A0-222D-EAEFEB6AC4A5}"/>
                  </a:ext>
                </a:extLst>
              </p:cNvPr>
              <p:cNvSpPr>
                <a:spLocks noChangeAspect="1"/>
              </p:cNvSpPr>
              <p:nvPr/>
            </p:nvSpPr>
            <p:spPr bwMode="auto">
              <a:xfrm>
                <a:off x="196751" y="1945831"/>
                <a:ext cx="771525" cy="6429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37" name="Oval 69">
                <a:extLst>
                  <a:ext uri="{FF2B5EF4-FFF2-40B4-BE49-F238E27FC236}">
                    <a16:creationId xmlns:a16="http://schemas.microsoft.com/office/drawing/2014/main" id="{4DB351DB-3254-1F89-F880-1936A8B3CFEC}"/>
                  </a:ext>
                </a:extLst>
              </p:cNvPr>
              <p:cNvSpPr>
                <a:spLocks noChangeArrowheads="1"/>
              </p:cNvSpPr>
              <p:nvPr/>
            </p:nvSpPr>
            <p:spPr bwMode="auto">
              <a:xfrm>
                <a:off x="-684311" y="1943450"/>
                <a:ext cx="695325" cy="110728"/>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38" name="Rectangle 70">
                <a:extLst>
                  <a:ext uri="{FF2B5EF4-FFF2-40B4-BE49-F238E27FC236}">
                    <a16:creationId xmlns:a16="http://schemas.microsoft.com/office/drawing/2014/main" id="{D1E59B09-7E77-DCA4-34CB-86716243C750}"/>
                  </a:ext>
                </a:extLst>
              </p:cNvPr>
              <p:cNvSpPr>
                <a:spLocks noChangeArrowheads="1"/>
              </p:cNvSpPr>
              <p:nvPr/>
            </p:nvSpPr>
            <p:spPr bwMode="auto">
              <a:xfrm>
                <a:off x="-3196530" y="2959053"/>
                <a:ext cx="410766" cy="129778"/>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CO" altLang="de-DE" sz="900" dirty="0"/>
                  <a:t>Avalúos</a:t>
                </a:r>
              </a:p>
            </p:txBody>
          </p:sp>
          <p:sp>
            <p:nvSpPr>
              <p:cNvPr id="39" name="Rectangle 71">
                <a:extLst>
                  <a:ext uri="{FF2B5EF4-FFF2-40B4-BE49-F238E27FC236}">
                    <a16:creationId xmlns:a16="http://schemas.microsoft.com/office/drawing/2014/main" id="{D597B1F5-6116-F19B-1DC9-E292579B934E}"/>
                  </a:ext>
                </a:extLst>
              </p:cNvPr>
              <p:cNvSpPr>
                <a:spLocks noChangeArrowheads="1"/>
              </p:cNvSpPr>
              <p:nvPr/>
            </p:nvSpPr>
            <p:spPr bwMode="auto">
              <a:xfrm>
                <a:off x="-1979711" y="2972150"/>
                <a:ext cx="475059" cy="11787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CO" altLang="de-DE" sz="900" dirty="0"/>
                  <a:t>Gobierno</a:t>
                </a:r>
              </a:p>
            </p:txBody>
          </p:sp>
          <p:sp>
            <p:nvSpPr>
              <p:cNvPr id="40" name="Line 72">
                <a:extLst>
                  <a:ext uri="{FF2B5EF4-FFF2-40B4-BE49-F238E27FC236}">
                    <a16:creationId xmlns:a16="http://schemas.microsoft.com/office/drawing/2014/main" id="{AD660FD2-0BD4-00FE-7121-4D43F05CDBE5}"/>
                  </a:ext>
                </a:extLst>
              </p:cNvPr>
              <p:cNvSpPr>
                <a:spLocks noChangeShapeType="1"/>
              </p:cNvSpPr>
              <p:nvPr/>
            </p:nvSpPr>
            <p:spPr bwMode="auto">
              <a:xfrm>
                <a:off x="-128289" y="3013822"/>
                <a:ext cx="378619"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41" name="Freeform 73">
                <a:extLst>
                  <a:ext uri="{FF2B5EF4-FFF2-40B4-BE49-F238E27FC236}">
                    <a16:creationId xmlns:a16="http://schemas.microsoft.com/office/drawing/2014/main" id="{B97B341C-8E9C-0DE8-A7F8-EBDD7B09AD4E}"/>
                  </a:ext>
                </a:extLst>
              </p:cNvPr>
              <p:cNvSpPr>
                <a:spLocks noChangeAspect="1"/>
              </p:cNvSpPr>
              <p:nvPr/>
            </p:nvSpPr>
            <p:spPr bwMode="auto">
              <a:xfrm>
                <a:off x="196751" y="3000725"/>
                <a:ext cx="771525" cy="6429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42" name="Freeform 74">
                <a:extLst>
                  <a:ext uri="{FF2B5EF4-FFF2-40B4-BE49-F238E27FC236}">
                    <a16:creationId xmlns:a16="http://schemas.microsoft.com/office/drawing/2014/main" id="{7DF4365A-C844-D478-DD9C-FB4654B8463C}"/>
                  </a:ext>
                </a:extLst>
              </p:cNvPr>
              <p:cNvSpPr>
                <a:spLocks noChangeAspect="1"/>
              </p:cNvSpPr>
              <p:nvPr/>
            </p:nvSpPr>
            <p:spPr bwMode="auto">
              <a:xfrm>
                <a:off x="196751" y="2953100"/>
                <a:ext cx="771525" cy="6429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43" name="Oval 75">
                <a:extLst>
                  <a:ext uri="{FF2B5EF4-FFF2-40B4-BE49-F238E27FC236}">
                    <a16:creationId xmlns:a16="http://schemas.microsoft.com/office/drawing/2014/main" id="{74CDD7FF-567F-6EFA-0E26-0AC3C92E9CE7}"/>
                  </a:ext>
                </a:extLst>
              </p:cNvPr>
              <p:cNvSpPr>
                <a:spLocks noChangeArrowheads="1"/>
              </p:cNvSpPr>
              <p:nvPr/>
            </p:nvSpPr>
            <p:spPr bwMode="auto">
              <a:xfrm>
                <a:off x="-730746" y="2956672"/>
                <a:ext cx="695325" cy="110728"/>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44" name="Rectangle 76">
                <a:extLst>
                  <a:ext uri="{FF2B5EF4-FFF2-40B4-BE49-F238E27FC236}">
                    <a16:creationId xmlns:a16="http://schemas.microsoft.com/office/drawing/2014/main" id="{649B74C4-B9D4-DFFD-36F1-693ACA12D35F}"/>
                  </a:ext>
                </a:extLst>
              </p:cNvPr>
              <p:cNvSpPr>
                <a:spLocks noChangeArrowheads="1"/>
              </p:cNvSpPr>
              <p:nvPr/>
            </p:nvSpPr>
            <p:spPr bwMode="auto">
              <a:xfrm>
                <a:off x="-3204864" y="3598419"/>
                <a:ext cx="989409" cy="5203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CO" altLang="de-DE" sz="1200" dirty="0"/>
                  <a:t>Registro de la </a:t>
                </a:r>
              </a:p>
              <a:p>
                <a:pPr>
                  <a:spcBef>
                    <a:spcPct val="0"/>
                  </a:spcBef>
                  <a:buFont typeface="Arial" pitchFamily="34" charset="0"/>
                  <a:buNone/>
                </a:pPr>
                <a:r>
                  <a:rPr lang="es-CO" altLang="de-DE" sz="1200" dirty="0"/>
                  <a:t>Propiedad /</a:t>
                </a:r>
              </a:p>
              <a:p>
                <a:pPr>
                  <a:spcBef>
                    <a:spcPct val="0"/>
                  </a:spcBef>
                  <a:buFont typeface="Arial" pitchFamily="34" charset="0"/>
                  <a:buNone/>
                </a:pPr>
                <a:r>
                  <a:rPr lang="es-CO" altLang="de-DE" sz="1200" dirty="0"/>
                  <a:t>Catastro</a:t>
                </a:r>
              </a:p>
            </p:txBody>
          </p:sp>
          <p:sp>
            <p:nvSpPr>
              <p:cNvPr id="45" name="Rectangle 77">
                <a:extLst>
                  <a:ext uri="{FF2B5EF4-FFF2-40B4-BE49-F238E27FC236}">
                    <a16:creationId xmlns:a16="http://schemas.microsoft.com/office/drawing/2014/main" id="{1C839834-D39C-E852-073B-A93F363B1AA6}"/>
                  </a:ext>
                </a:extLst>
              </p:cNvPr>
              <p:cNvSpPr>
                <a:spLocks noChangeArrowheads="1"/>
              </p:cNvSpPr>
              <p:nvPr/>
            </p:nvSpPr>
            <p:spPr bwMode="auto">
              <a:xfrm>
                <a:off x="-1979711" y="3621041"/>
                <a:ext cx="1250156" cy="39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CO" altLang="de-DE" sz="900" dirty="0"/>
                  <a:t>Gobierno nacional</a:t>
                </a:r>
              </a:p>
              <a:p>
                <a:pPr>
                  <a:spcBef>
                    <a:spcPct val="0"/>
                  </a:spcBef>
                  <a:buFont typeface="Arial" pitchFamily="34" charset="0"/>
                  <a:buNone/>
                </a:pPr>
                <a:r>
                  <a:rPr lang="es-CO" altLang="de-DE" sz="900" dirty="0"/>
                  <a:t>Gobierno distrital</a:t>
                </a:r>
              </a:p>
              <a:p>
                <a:pPr>
                  <a:spcBef>
                    <a:spcPct val="0"/>
                  </a:spcBef>
                  <a:buFont typeface="Arial" pitchFamily="34" charset="0"/>
                  <a:buNone/>
                </a:pPr>
                <a:r>
                  <a:rPr lang="es-CO" altLang="de-DE" sz="900" dirty="0"/>
                  <a:t>Gobierno local</a:t>
                </a:r>
              </a:p>
            </p:txBody>
          </p:sp>
          <p:sp>
            <p:nvSpPr>
              <p:cNvPr id="46" name="Line 78">
                <a:extLst>
                  <a:ext uri="{FF2B5EF4-FFF2-40B4-BE49-F238E27FC236}">
                    <a16:creationId xmlns:a16="http://schemas.microsoft.com/office/drawing/2014/main" id="{62A350D3-D792-FB83-4C70-E8D89F629CB5}"/>
                  </a:ext>
                </a:extLst>
              </p:cNvPr>
              <p:cNvSpPr>
                <a:spLocks noChangeShapeType="1"/>
              </p:cNvSpPr>
              <p:nvPr/>
            </p:nvSpPr>
            <p:spPr bwMode="auto">
              <a:xfrm>
                <a:off x="-128289" y="3844878"/>
                <a:ext cx="342900"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47" name="Oval 79">
                <a:extLst>
                  <a:ext uri="{FF2B5EF4-FFF2-40B4-BE49-F238E27FC236}">
                    <a16:creationId xmlns:a16="http://schemas.microsoft.com/office/drawing/2014/main" id="{A9BCE87A-FA27-014B-32AF-C4BE7C71C58B}"/>
                  </a:ext>
                </a:extLst>
              </p:cNvPr>
              <p:cNvSpPr>
                <a:spLocks noChangeArrowheads="1"/>
              </p:cNvSpPr>
              <p:nvPr/>
            </p:nvSpPr>
            <p:spPr bwMode="auto">
              <a:xfrm>
                <a:off x="-785514" y="3844878"/>
                <a:ext cx="695325" cy="110728"/>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48" name="Oval 80">
                <a:extLst>
                  <a:ext uri="{FF2B5EF4-FFF2-40B4-BE49-F238E27FC236}">
                    <a16:creationId xmlns:a16="http://schemas.microsoft.com/office/drawing/2014/main" id="{01C1E69E-BAE6-9C02-5503-64984B34E693}"/>
                  </a:ext>
                </a:extLst>
              </p:cNvPr>
              <p:cNvSpPr>
                <a:spLocks noChangeArrowheads="1"/>
              </p:cNvSpPr>
              <p:nvPr/>
            </p:nvSpPr>
            <p:spPr bwMode="auto">
              <a:xfrm>
                <a:off x="-785514" y="3797253"/>
                <a:ext cx="695325" cy="110728"/>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49" name="Oval 81">
                <a:extLst>
                  <a:ext uri="{FF2B5EF4-FFF2-40B4-BE49-F238E27FC236}">
                    <a16:creationId xmlns:a16="http://schemas.microsoft.com/office/drawing/2014/main" id="{3F1AA3B6-9EB7-4DEA-6B14-332910C724BF}"/>
                  </a:ext>
                </a:extLst>
              </p:cNvPr>
              <p:cNvSpPr>
                <a:spLocks noChangeArrowheads="1"/>
              </p:cNvSpPr>
              <p:nvPr/>
            </p:nvSpPr>
            <p:spPr bwMode="auto">
              <a:xfrm>
                <a:off x="-785514" y="3749628"/>
                <a:ext cx="695325" cy="110728"/>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50" name="Rectangle 88">
                <a:extLst>
                  <a:ext uri="{FF2B5EF4-FFF2-40B4-BE49-F238E27FC236}">
                    <a16:creationId xmlns:a16="http://schemas.microsoft.com/office/drawing/2014/main" id="{F3F368BE-0222-CB2C-8AB7-557661EF0C20}"/>
                  </a:ext>
                </a:extLst>
              </p:cNvPr>
              <p:cNvSpPr>
                <a:spLocks noChangeArrowheads="1"/>
              </p:cNvSpPr>
              <p:nvPr/>
            </p:nvSpPr>
            <p:spPr bwMode="auto">
              <a:xfrm>
                <a:off x="-3200102" y="3240041"/>
                <a:ext cx="884634" cy="235744"/>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None/>
                </a:pPr>
                <a:r>
                  <a:rPr lang="es-CO" altLang="de-DE" sz="900" dirty="0"/>
                  <a:t>Restricciones de </a:t>
                </a:r>
              </a:p>
              <a:p>
                <a:pPr>
                  <a:lnSpc>
                    <a:spcPct val="85000"/>
                  </a:lnSpc>
                  <a:spcBef>
                    <a:spcPct val="0"/>
                  </a:spcBef>
                  <a:buNone/>
                </a:pPr>
                <a:r>
                  <a:rPr lang="es-CO" altLang="de-DE" sz="900" dirty="0"/>
                  <a:t>derecho público</a:t>
                </a:r>
              </a:p>
            </p:txBody>
          </p:sp>
          <p:sp>
            <p:nvSpPr>
              <p:cNvPr id="51" name="Rectangle 89">
                <a:extLst>
                  <a:ext uri="{FF2B5EF4-FFF2-40B4-BE49-F238E27FC236}">
                    <a16:creationId xmlns:a16="http://schemas.microsoft.com/office/drawing/2014/main" id="{1600B083-9AD0-2CA4-1DBF-7AAA386EBF36}"/>
                  </a:ext>
                </a:extLst>
              </p:cNvPr>
              <p:cNvSpPr>
                <a:spLocks noChangeArrowheads="1"/>
              </p:cNvSpPr>
              <p:nvPr/>
            </p:nvSpPr>
            <p:spPr bwMode="auto">
              <a:xfrm>
                <a:off x="-1979711" y="3301953"/>
                <a:ext cx="475059" cy="11787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CO" altLang="de-DE" sz="900" dirty="0"/>
                  <a:t>Gobierno</a:t>
                </a:r>
              </a:p>
            </p:txBody>
          </p:sp>
          <p:sp>
            <p:nvSpPr>
              <p:cNvPr id="52" name="Oval 90">
                <a:extLst>
                  <a:ext uri="{FF2B5EF4-FFF2-40B4-BE49-F238E27FC236}">
                    <a16:creationId xmlns:a16="http://schemas.microsoft.com/office/drawing/2014/main" id="{1DA9503C-A7CE-B32E-A067-F526E15CC74B}"/>
                  </a:ext>
                </a:extLst>
              </p:cNvPr>
              <p:cNvSpPr>
                <a:spLocks noChangeArrowheads="1"/>
              </p:cNvSpPr>
              <p:nvPr/>
            </p:nvSpPr>
            <p:spPr bwMode="auto">
              <a:xfrm>
                <a:off x="-839092" y="3329338"/>
                <a:ext cx="695325" cy="110728"/>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53" name="Line 91">
                <a:extLst>
                  <a:ext uri="{FF2B5EF4-FFF2-40B4-BE49-F238E27FC236}">
                    <a16:creationId xmlns:a16="http://schemas.microsoft.com/office/drawing/2014/main" id="{025A3C7D-0E92-A3E3-930D-5E719D08F071}"/>
                  </a:ext>
                </a:extLst>
              </p:cNvPr>
              <p:cNvSpPr>
                <a:spLocks noChangeShapeType="1"/>
              </p:cNvSpPr>
              <p:nvPr/>
            </p:nvSpPr>
            <p:spPr bwMode="auto">
              <a:xfrm>
                <a:off x="-143768" y="3341244"/>
                <a:ext cx="244078"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nvGrpSpPr>
              <p:cNvPr id="54" name="Group 92">
                <a:extLst>
                  <a:ext uri="{FF2B5EF4-FFF2-40B4-BE49-F238E27FC236}">
                    <a16:creationId xmlns:a16="http://schemas.microsoft.com/office/drawing/2014/main" id="{2C11F7B3-4DB4-1D59-D59C-93C21C02ECA4}"/>
                  </a:ext>
                </a:extLst>
              </p:cNvPr>
              <p:cNvGrpSpPr>
                <a:grpSpLocks/>
              </p:cNvGrpSpPr>
              <p:nvPr/>
            </p:nvGrpSpPr>
            <p:grpSpPr bwMode="auto">
              <a:xfrm>
                <a:off x="72926" y="3276950"/>
                <a:ext cx="771525" cy="158353"/>
                <a:chOff x="3470" y="2668"/>
                <a:chExt cx="648" cy="133"/>
              </a:xfrm>
            </p:grpSpPr>
            <p:sp>
              <p:nvSpPr>
                <p:cNvPr id="56" name="Freeform 93">
                  <a:extLst>
                    <a:ext uri="{FF2B5EF4-FFF2-40B4-BE49-F238E27FC236}">
                      <a16:creationId xmlns:a16="http://schemas.microsoft.com/office/drawing/2014/main" id="{21E7678C-737D-416E-0C74-1A6680C3B972}"/>
                    </a:ext>
                  </a:extLst>
                </p:cNvPr>
                <p:cNvSpPr>
                  <a:spLocks noChangeAspect="1"/>
                </p:cNvSpPr>
                <p:nvPr/>
              </p:nvSpPr>
              <p:spPr bwMode="auto">
                <a:xfrm>
                  <a:off x="3470" y="2747"/>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57" name="Freeform 94">
                  <a:extLst>
                    <a:ext uri="{FF2B5EF4-FFF2-40B4-BE49-F238E27FC236}">
                      <a16:creationId xmlns:a16="http://schemas.microsoft.com/office/drawing/2014/main" id="{CAC10B87-3DC6-F3B0-0C08-5C9FFB607CF3}"/>
                    </a:ext>
                  </a:extLst>
                </p:cNvPr>
                <p:cNvSpPr>
                  <a:spLocks noChangeAspect="1"/>
                </p:cNvSpPr>
                <p:nvPr/>
              </p:nvSpPr>
              <p:spPr bwMode="auto">
                <a:xfrm>
                  <a:off x="3470" y="2708"/>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sp>
              <p:nvSpPr>
                <p:cNvPr id="58" name="Freeform 95">
                  <a:extLst>
                    <a:ext uri="{FF2B5EF4-FFF2-40B4-BE49-F238E27FC236}">
                      <a16:creationId xmlns:a16="http://schemas.microsoft.com/office/drawing/2014/main" id="{5D403434-A019-B9E4-E00E-1CB13A593EB1}"/>
                    </a:ext>
                  </a:extLst>
                </p:cNvPr>
                <p:cNvSpPr>
                  <a:spLocks noChangeAspect="1"/>
                </p:cNvSpPr>
                <p:nvPr/>
              </p:nvSpPr>
              <p:spPr bwMode="auto">
                <a:xfrm>
                  <a:off x="3470" y="2668"/>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de-CH" sz="1013"/>
                </a:p>
              </p:txBody>
            </p:sp>
          </p:grpSp>
          <p:sp>
            <p:nvSpPr>
              <p:cNvPr id="55" name="Oval 96">
                <a:extLst>
                  <a:ext uri="{FF2B5EF4-FFF2-40B4-BE49-F238E27FC236}">
                    <a16:creationId xmlns:a16="http://schemas.microsoft.com/office/drawing/2014/main" id="{6A2867DE-6540-04C7-F394-321CC9A97981}"/>
                  </a:ext>
                </a:extLst>
              </p:cNvPr>
              <p:cNvSpPr>
                <a:spLocks noChangeArrowheads="1"/>
              </p:cNvSpPr>
              <p:nvPr/>
            </p:nvSpPr>
            <p:spPr bwMode="auto">
              <a:xfrm>
                <a:off x="-839092" y="3284094"/>
                <a:ext cx="695325" cy="110728"/>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grpSp>
      </p:grpSp>
      <p:sp>
        <p:nvSpPr>
          <p:cNvPr id="153" name="Titre 1">
            <a:extLst>
              <a:ext uri="{FF2B5EF4-FFF2-40B4-BE49-F238E27FC236}">
                <a16:creationId xmlns:a16="http://schemas.microsoft.com/office/drawing/2014/main" id="{3857D5E4-6A33-42A1-A05F-78E7878F3195}"/>
              </a:ext>
            </a:extLst>
          </p:cNvPr>
          <p:cNvSpPr txBox="1">
            <a:spLocks/>
          </p:cNvSpPr>
          <p:nvPr/>
        </p:nvSpPr>
        <p:spPr bwMode="auto">
          <a:xfrm>
            <a:off x="1296000" y="242888"/>
            <a:ext cx="7452464" cy="7417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eaLnBrk="0" fontAlgn="base" hangingPunct="0">
              <a:spcBef>
                <a:spcPct val="0"/>
              </a:spcBef>
              <a:spcAft>
                <a:spcPct val="0"/>
              </a:spcAft>
              <a:defRPr lang="de-CH" sz="2400" b="1" dirty="0">
                <a:solidFill>
                  <a:srgbClr val="C00000"/>
                </a:solidFill>
                <a:latin typeface="Arial" charset="0"/>
                <a:ea typeface="+mj-ea"/>
                <a:cs typeface="Calibri" panose="020F0502020204030204" pitchFamily="34" charset="0"/>
              </a:defRPr>
            </a:lvl1pPr>
            <a:lvl2pPr eaLnBrk="0" fontAlgn="base" hangingPunct="0">
              <a:spcBef>
                <a:spcPct val="0"/>
              </a:spcBef>
              <a:spcAft>
                <a:spcPct val="0"/>
              </a:spcAft>
              <a:defRPr sz="2400" b="1">
                <a:latin typeface="Arial" charset="0"/>
              </a:defRPr>
            </a:lvl2pPr>
            <a:lvl3pPr eaLnBrk="0" fontAlgn="base" hangingPunct="0">
              <a:spcBef>
                <a:spcPct val="0"/>
              </a:spcBef>
              <a:spcAft>
                <a:spcPct val="0"/>
              </a:spcAft>
              <a:defRPr sz="2400" b="1">
                <a:latin typeface="Arial" charset="0"/>
              </a:defRPr>
            </a:lvl3pPr>
            <a:lvl4pPr eaLnBrk="0" fontAlgn="base" hangingPunct="0">
              <a:spcBef>
                <a:spcPct val="0"/>
              </a:spcBef>
              <a:spcAft>
                <a:spcPct val="0"/>
              </a:spcAft>
              <a:defRPr sz="2400" b="1">
                <a:latin typeface="Arial" charset="0"/>
              </a:defRPr>
            </a:lvl4pPr>
            <a:lvl5pPr eaLnBrk="0" fontAlgn="base" hangingPunct="0">
              <a:spcBef>
                <a:spcPct val="0"/>
              </a:spcBef>
              <a:spcAft>
                <a:spcPct val="0"/>
              </a:spcAft>
              <a:defRPr sz="2400" b="1">
                <a:latin typeface="Arial" charset="0"/>
              </a:defRPr>
            </a:lvl5pPr>
            <a:lvl6pPr marL="342900" fontAlgn="base">
              <a:spcBef>
                <a:spcPct val="0"/>
              </a:spcBef>
              <a:spcAft>
                <a:spcPct val="0"/>
              </a:spcAft>
              <a:defRPr sz="2400" b="1">
                <a:latin typeface="Arial" charset="0"/>
              </a:defRPr>
            </a:lvl6pPr>
            <a:lvl7pPr marL="685800" fontAlgn="base">
              <a:spcBef>
                <a:spcPct val="0"/>
              </a:spcBef>
              <a:spcAft>
                <a:spcPct val="0"/>
              </a:spcAft>
              <a:defRPr sz="2400" b="1">
                <a:latin typeface="Arial" charset="0"/>
              </a:defRPr>
            </a:lvl7pPr>
            <a:lvl8pPr marL="1028700" fontAlgn="base">
              <a:spcBef>
                <a:spcPct val="0"/>
              </a:spcBef>
              <a:spcAft>
                <a:spcPct val="0"/>
              </a:spcAft>
              <a:defRPr sz="2400" b="1">
                <a:latin typeface="Arial" charset="0"/>
              </a:defRPr>
            </a:lvl8pPr>
            <a:lvl9pPr marL="1371600" fontAlgn="base">
              <a:spcBef>
                <a:spcPct val="0"/>
              </a:spcBef>
              <a:spcAft>
                <a:spcPct val="0"/>
              </a:spcAft>
              <a:defRPr sz="2400" b="1">
                <a:latin typeface="Arial" charset="0"/>
              </a:defRPr>
            </a:lvl9pPr>
          </a:lstStyle>
          <a:p>
            <a:r>
              <a:rPr lang="es-CO" altLang="de-DE" dirty="0"/>
              <a:t>Concepto de integración de datos comunes</a:t>
            </a:r>
            <a:br>
              <a:rPr lang="es-CO" dirty="0"/>
            </a:br>
            <a:endParaRPr lang="es-CO" dirty="0"/>
          </a:p>
        </p:txBody>
      </p:sp>
      <p:sp>
        <p:nvSpPr>
          <p:cNvPr id="31747" name="Rechteck 1"/>
          <p:cNvSpPr>
            <a:spLocks noChangeArrowheads="1"/>
          </p:cNvSpPr>
          <p:nvPr/>
        </p:nvSpPr>
        <p:spPr bwMode="auto">
          <a:xfrm>
            <a:off x="1143000" y="4206006"/>
            <a:ext cx="7749472" cy="894755"/>
          </a:xfrm>
          <a:prstGeom prst="rect">
            <a:avLst/>
          </a:prstGeom>
          <a:solidFill>
            <a:schemeClr val="bg1"/>
          </a:solidFill>
          <a:ln w="9525" algn="ctr">
            <a:solidFill>
              <a:schemeClr val="bg1"/>
            </a:solidFill>
            <a:round/>
            <a:headEnd/>
            <a:tailEnd/>
          </a:ln>
        </p:spPr>
        <p:txBody>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93000"/>
              </a:lnSpc>
              <a:spcBef>
                <a:spcPct val="0"/>
              </a:spcBef>
              <a:buFont typeface="Times New Roman" pitchFamily="18" charset="0"/>
              <a:buNone/>
            </a:pPr>
            <a:endParaRPr lang="de-CH" altLang="de-DE" sz="2100">
              <a:solidFill>
                <a:schemeClr val="bg1"/>
              </a:solidFill>
            </a:endParaRPr>
          </a:p>
        </p:txBody>
      </p:sp>
      <p:sp>
        <p:nvSpPr>
          <p:cNvPr id="92301" name="Rectangle 141"/>
          <p:cNvSpPr>
            <a:spLocks noChangeArrowheads="1"/>
          </p:cNvSpPr>
          <p:nvPr/>
        </p:nvSpPr>
        <p:spPr bwMode="auto">
          <a:xfrm>
            <a:off x="6821711" y="842963"/>
            <a:ext cx="1134665" cy="3294460"/>
          </a:xfrm>
          <a:prstGeom prst="rect">
            <a:avLst/>
          </a:prstGeom>
          <a:solidFill>
            <a:srgbClr val="FFFFFF">
              <a:alpha val="50195"/>
            </a:srgb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grpSp>
        <p:nvGrpSpPr>
          <p:cNvPr id="92166" name="Group 6"/>
          <p:cNvGrpSpPr>
            <a:grpSpLocks/>
          </p:cNvGrpSpPr>
          <p:nvPr/>
        </p:nvGrpSpPr>
        <p:grpSpPr bwMode="auto">
          <a:xfrm>
            <a:off x="1818084" y="844153"/>
            <a:ext cx="4418407" cy="594122"/>
            <a:chOff x="612" y="618"/>
            <a:chExt cx="3674" cy="499"/>
          </a:xfrm>
        </p:grpSpPr>
        <p:sp>
          <p:nvSpPr>
            <p:cNvPr id="31869" name="Rectangle 7"/>
            <p:cNvSpPr>
              <a:spLocks noChangeArrowheads="1"/>
            </p:cNvSpPr>
            <p:nvPr/>
          </p:nvSpPr>
          <p:spPr bwMode="auto">
            <a:xfrm>
              <a:off x="612" y="618"/>
              <a:ext cx="3673" cy="499"/>
            </a:xfrm>
            <a:prstGeom prst="rect">
              <a:avLst/>
            </a:prstGeom>
            <a:solidFill>
              <a:srgbClr val="DDDDDD"/>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CO" altLang="de-DE" sz="1800" dirty="0">
                <a:latin typeface="Dax-Regular"/>
              </a:endParaRPr>
            </a:p>
          </p:txBody>
        </p:sp>
        <p:sp>
          <p:nvSpPr>
            <p:cNvPr id="31870" name="Rectangle 8"/>
            <p:cNvSpPr>
              <a:spLocks noChangeArrowheads="1"/>
            </p:cNvSpPr>
            <p:nvPr/>
          </p:nvSpPr>
          <p:spPr bwMode="auto">
            <a:xfrm>
              <a:off x="1746" y="713"/>
              <a:ext cx="906" cy="2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CO" altLang="de-DE" sz="1050" b="1" dirty="0"/>
                <a:t>Instituciones,</a:t>
              </a:r>
            </a:p>
            <a:p>
              <a:pPr>
                <a:spcBef>
                  <a:spcPct val="0"/>
                </a:spcBef>
                <a:buFont typeface="Arial" pitchFamily="34" charset="0"/>
                <a:buNone/>
              </a:pPr>
              <a:r>
                <a:rPr lang="es-CO" altLang="de-DE" sz="1050" b="1" dirty="0"/>
                <a:t>Interesados</a:t>
              </a:r>
            </a:p>
          </p:txBody>
        </p:sp>
        <p:sp>
          <p:nvSpPr>
            <p:cNvPr id="31871" name="Rectangle 9"/>
            <p:cNvSpPr>
              <a:spLocks noChangeArrowheads="1"/>
            </p:cNvSpPr>
            <p:nvPr/>
          </p:nvSpPr>
          <p:spPr bwMode="auto">
            <a:xfrm>
              <a:off x="675" y="713"/>
              <a:ext cx="584" cy="1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CO" altLang="de-DE" sz="1050" b="1" dirty="0"/>
                <a:t>Tema legal</a:t>
              </a:r>
              <a:endParaRPr lang="es-CO" altLang="de-DE" sz="1050" dirty="0"/>
            </a:p>
          </p:txBody>
        </p:sp>
        <p:sp>
          <p:nvSpPr>
            <p:cNvPr id="31872" name="Rectangle 10"/>
            <p:cNvSpPr>
              <a:spLocks noChangeArrowheads="1"/>
            </p:cNvSpPr>
            <p:nvPr/>
          </p:nvSpPr>
          <p:spPr bwMode="auto">
            <a:xfrm>
              <a:off x="3350" y="782"/>
              <a:ext cx="936" cy="198"/>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gn="ctr">
                <a:lnSpc>
                  <a:spcPct val="85000"/>
                </a:lnSpc>
                <a:spcBef>
                  <a:spcPct val="0"/>
                </a:spcBef>
                <a:buFont typeface="Arial" pitchFamily="34" charset="0"/>
                <a:buNone/>
              </a:pPr>
              <a:r>
                <a:rPr lang="es-CO" altLang="de-DE" sz="900" dirty="0"/>
                <a:t>Datos espaciales</a:t>
              </a:r>
            </a:p>
            <a:p>
              <a:pPr algn="ctr">
                <a:lnSpc>
                  <a:spcPct val="85000"/>
                </a:lnSpc>
                <a:spcBef>
                  <a:spcPct val="0"/>
                </a:spcBef>
                <a:buFont typeface="Arial" pitchFamily="34" charset="0"/>
                <a:buNone/>
              </a:pPr>
              <a:r>
                <a:rPr lang="es-CO" altLang="de-DE" sz="900" dirty="0"/>
                <a:t>Geo-información</a:t>
              </a:r>
            </a:p>
          </p:txBody>
        </p:sp>
        <p:sp>
          <p:nvSpPr>
            <p:cNvPr id="31873" name="Rectangle 11"/>
            <p:cNvSpPr>
              <a:spLocks noChangeArrowheads="1"/>
            </p:cNvSpPr>
            <p:nvPr/>
          </p:nvSpPr>
          <p:spPr bwMode="auto">
            <a:xfrm>
              <a:off x="2743" y="782"/>
              <a:ext cx="555" cy="198"/>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gn="ctr">
                <a:lnSpc>
                  <a:spcPct val="85000"/>
                </a:lnSpc>
                <a:spcBef>
                  <a:spcPct val="0"/>
                </a:spcBef>
                <a:buFont typeface="Arial" pitchFamily="34" charset="0"/>
                <a:buNone/>
              </a:pPr>
              <a:r>
                <a:rPr lang="es-CO" altLang="de-DE" sz="900" dirty="0"/>
                <a:t>Información</a:t>
              </a:r>
            </a:p>
            <a:p>
              <a:pPr algn="ctr">
                <a:lnSpc>
                  <a:spcPct val="85000"/>
                </a:lnSpc>
                <a:spcBef>
                  <a:spcPct val="0"/>
                </a:spcBef>
                <a:buFont typeface="Arial" pitchFamily="34" charset="0"/>
                <a:buNone/>
              </a:pPr>
              <a:r>
                <a:rPr lang="es-CO" altLang="de-DE" sz="900" dirty="0"/>
                <a:t>alfanumérica</a:t>
              </a:r>
            </a:p>
          </p:txBody>
        </p:sp>
      </p:grpSp>
      <p:grpSp>
        <p:nvGrpSpPr>
          <p:cNvPr id="92173" name="Group 13"/>
          <p:cNvGrpSpPr>
            <a:grpSpLocks/>
          </p:cNvGrpSpPr>
          <p:nvPr/>
        </p:nvGrpSpPr>
        <p:grpSpPr bwMode="auto">
          <a:xfrm>
            <a:off x="6901481" y="1502569"/>
            <a:ext cx="958454" cy="2527697"/>
            <a:chOff x="4625" y="1171"/>
            <a:chExt cx="805" cy="1700"/>
          </a:xfrm>
        </p:grpSpPr>
        <p:sp>
          <p:nvSpPr>
            <p:cNvPr id="31865" name="Line 14"/>
            <p:cNvSpPr>
              <a:spLocks noChangeShapeType="1"/>
            </p:cNvSpPr>
            <p:nvPr/>
          </p:nvSpPr>
          <p:spPr bwMode="auto">
            <a:xfrm flipV="1">
              <a:off x="4889" y="1171"/>
              <a:ext cx="0" cy="1636"/>
            </a:xfrm>
            <a:prstGeom prst="line">
              <a:avLst/>
            </a:prstGeom>
            <a:noFill/>
            <a:ln w="19050" cap="rnd">
              <a:solidFill>
                <a:srgbClr val="FF0000"/>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31866" name="Line 15"/>
            <p:cNvSpPr>
              <a:spLocks noChangeShapeType="1"/>
            </p:cNvSpPr>
            <p:nvPr/>
          </p:nvSpPr>
          <p:spPr bwMode="auto">
            <a:xfrm flipV="1">
              <a:off x="4625" y="1235"/>
              <a:ext cx="0" cy="1636"/>
            </a:xfrm>
            <a:prstGeom prst="line">
              <a:avLst/>
            </a:prstGeom>
            <a:noFill/>
            <a:ln w="19050" cap="rnd">
              <a:solidFill>
                <a:srgbClr val="FF0000"/>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31867" name="Line 16"/>
            <p:cNvSpPr>
              <a:spLocks noChangeShapeType="1"/>
            </p:cNvSpPr>
            <p:nvPr/>
          </p:nvSpPr>
          <p:spPr bwMode="auto">
            <a:xfrm flipV="1">
              <a:off x="5430" y="1171"/>
              <a:ext cx="0" cy="1636"/>
            </a:xfrm>
            <a:prstGeom prst="line">
              <a:avLst/>
            </a:prstGeom>
            <a:noFill/>
            <a:ln w="19050" cap="rnd">
              <a:solidFill>
                <a:srgbClr val="FF0000"/>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31868" name="Line 17"/>
            <p:cNvSpPr>
              <a:spLocks noChangeShapeType="1"/>
            </p:cNvSpPr>
            <p:nvPr/>
          </p:nvSpPr>
          <p:spPr bwMode="auto">
            <a:xfrm flipV="1">
              <a:off x="5314" y="1203"/>
              <a:ext cx="0" cy="1636"/>
            </a:xfrm>
            <a:prstGeom prst="line">
              <a:avLst/>
            </a:prstGeom>
            <a:noFill/>
            <a:ln w="19050" cap="rnd">
              <a:solidFill>
                <a:srgbClr val="FF0000"/>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nvGrpSpPr>
          <p:cNvPr id="92178" name="Group 18"/>
          <p:cNvGrpSpPr>
            <a:grpSpLocks/>
          </p:cNvGrpSpPr>
          <p:nvPr/>
        </p:nvGrpSpPr>
        <p:grpSpPr bwMode="auto">
          <a:xfrm>
            <a:off x="6821710" y="842963"/>
            <a:ext cx="1133475" cy="3294460"/>
            <a:chOff x="4558" y="618"/>
            <a:chExt cx="952" cy="2767"/>
          </a:xfrm>
        </p:grpSpPr>
        <p:sp>
          <p:nvSpPr>
            <p:cNvPr id="31860" name="Rectangle 19"/>
            <p:cNvSpPr>
              <a:spLocks noChangeArrowheads="1"/>
            </p:cNvSpPr>
            <p:nvPr/>
          </p:nvSpPr>
          <p:spPr bwMode="auto">
            <a:xfrm>
              <a:off x="4558" y="618"/>
              <a:ext cx="952" cy="499"/>
            </a:xfrm>
            <a:prstGeom prst="rect">
              <a:avLst/>
            </a:prstGeom>
            <a:solidFill>
              <a:srgbClr val="DDDDDD"/>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31861" name="Rectangle 20"/>
            <p:cNvSpPr>
              <a:spLocks noChangeArrowheads="1"/>
            </p:cNvSpPr>
            <p:nvPr/>
          </p:nvSpPr>
          <p:spPr bwMode="auto">
            <a:xfrm>
              <a:off x="4596" y="678"/>
              <a:ext cx="886" cy="383"/>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gn="ctr">
                <a:spcBef>
                  <a:spcPct val="0"/>
                </a:spcBef>
                <a:buFont typeface="Arial" pitchFamily="34" charset="0"/>
                <a:buNone/>
              </a:pPr>
              <a:r>
                <a:rPr lang="es-CO" altLang="de-DE" sz="1050" b="1" dirty="0"/>
                <a:t>Infraestructura de Datos Espaciales IDE</a:t>
              </a:r>
            </a:p>
          </p:txBody>
        </p:sp>
        <p:sp>
          <p:nvSpPr>
            <p:cNvPr id="31862" name="Line 21"/>
            <p:cNvSpPr>
              <a:spLocks noChangeShapeType="1"/>
            </p:cNvSpPr>
            <p:nvPr/>
          </p:nvSpPr>
          <p:spPr bwMode="auto">
            <a:xfrm>
              <a:off x="4558" y="663"/>
              <a:ext cx="0" cy="2721"/>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31863" name="Line 22"/>
            <p:cNvSpPr>
              <a:spLocks noChangeShapeType="1"/>
            </p:cNvSpPr>
            <p:nvPr/>
          </p:nvSpPr>
          <p:spPr bwMode="auto">
            <a:xfrm>
              <a:off x="5510" y="663"/>
              <a:ext cx="0" cy="2721"/>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31864" name="Line 23"/>
            <p:cNvSpPr>
              <a:spLocks noChangeShapeType="1"/>
            </p:cNvSpPr>
            <p:nvPr/>
          </p:nvSpPr>
          <p:spPr bwMode="auto">
            <a:xfrm>
              <a:off x="4558" y="3385"/>
              <a:ext cx="952"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nvGrpSpPr>
          <p:cNvPr id="92184" name="Group 24"/>
          <p:cNvGrpSpPr>
            <a:grpSpLocks/>
          </p:cNvGrpSpPr>
          <p:nvPr/>
        </p:nvGrpSpPr>
        <p:grpSpPr bwMode="auto">
          <a:xfrm>
            <a:off x="1818085" y="1472804"/>
            <a:ext cx="4418409" cy="2665809"/>
            <a:chOff x="612" y="1146"/>
            <a:chExt cx="3711" cy="2239"/>
          </a:xfrm>
        </p:grpSpPr>
        <p:sp>
          <p:nvSpPr>
            <p:cNvPr id="31853" name="Rectangle 25"/>
            <p:cNvSpPr>
              <a:spLocks noChangeArrowheads="1"/>
            </p:cNvSpPr>
            <p:nvPr/>
          </p:nvSpPr>
          <p:spPr bwMode="auto">
            <a:xfrm>
              <a:off x="612" y="2016"/>
              <a:ext cx="3711" cy="272"/>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31854" name="Rectangle 26"/>
            <p:cNvSpPr>
              <a:spLocks noChangeArrowheads="1"/>
            </p:cNvSpPr>
            <p:nvPr/>
          </p:nvSpPr>
          <p:spPr bwMode="auto">
            <a:xfrm>
              <a:off x="612" y="1726"/>
              <a:ext cx="3711" cy="272"/>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31855" name="Rectangle 27"/>
            <p:cNvSpPr>
              <a:spLocks noChangeArrowheads="1"/>
            </p:cNvSpPr>
            <p:nvPr/>
          </p:nvSpPr>
          <p:spPr bwMode="auto">
            <a:xfrm>
              <a:off x="612" y="1146"/>
              <a:ext cx="3711" cy="272"/>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31856" name="Rectangle 28"/>
            <p:cNvSpPr>
              <a:spLocks noChangeArrowheads="1"/>
            </p:cNvSpPr>
            <p:nvPr/>
          </p:nvSpPr>
          <p:spPr bwMode="auto">
            <a:xfrm>
              <a:off x="612" y="1436"/>
              <a:ext cx="3711" cy="272"/>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31857" name="Rectangle 29"/>
            <p:cNvSpPr>
              <a:spLocks noChangeArrowheads="1"/>
            </p:cNvSpPr>
            <p:nvPr/>
          </p:nvSpPr>
          <p:spPr bwMode="auto">
            <a:xfrm>
              <a:off x="612" y="2306"/>
              <a:ext cx="3711" cy="272"/>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rgbClr val="F9F977">
                      <a:alpha val="39999"/>
                    </a:srgbClr>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31858" name="Rectangle 30"/>
            <p:cNvSpPr>
              <a:spLocks noChangeArrowheads="1"/>
            </p:cNvSpPr>
            <p:nvPr/>
          </p:nvSpPr>
          <p:spPr bwMode="auto">
            <a:xfrm>
              <a:off x="612" y="2886"/>
              <a:ext cx="3711" cy="499"/>
            </a:xfrm>
            <a:prstGeom prst="rect">
              <a:avLst/>
            </a:prstGeom>
            <a:noFill/>
            <a:ln w="9525">
              <a:solidFill>
                <a:schemeClr val="tx1"/>
              </a:solidFill>
              <a:miter lim="800000"/>
              <a:headEnd/>
              <a:tailEnd/>
            </a:ln>
            <a:effectLst/>
            <a:extLst>
              <a:ext uri="{909E8E84-426E-40DD-AFC4-6F175D3DCCD1}">
                <a14:hiddenFill xmlns:a14="http://schemas.microsoft.com/office/drawing/2010/main">
                  <a:gradFill rotWithShape="1">
                    <a:gsLst>
                      <a:gs pos="0">
                        <a:srgbClr val="C6D9F1"/>
                      </a:gs>
                      <a:gs pos="100000">
                        <a:srgbClr val="FBD4B4">
                          <a:alpha val="39998"/>
                        </a:srgbClr>
                      </a:gs>
                    </a:gsLst>
                    <a:lin ang="18900000" scaled="1"/>
                  </a:gra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31859" name="Rectangle 31"/>
            <p:cNvSpPr>
              <a:spLocks noChangeArrowheads="1"/>
            </p:cNvSpPr>
            <p:nvPr/>
          </p:nvSpPr>
          <p:spPr bwMode="auto">
            <a:xfrm>
              <a:off x="612" y="2596"/>
              <a:ext cx="3711" cy="272"/>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rgbClr val="CCFF99">
                      <a:alpha val="39999"/>
                    </a:srgbClr>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grpSp>
      <p:sp>
        <p:nvSpPr>
          <p:cNvPr id="92257" name="AutoShape 97"/>
          <p:cNvSpPr>
            <a:spLocks noChangeArrowheads="1"/>
          </p:cNvSpPr>
          <p:nvPr/>
        </p:nvSpPr>
        <p:spPr bwMode="auto">
          <a:xfrm>
            <a:off x="6389563" y="1653779"/>
            <a:ext cx="270272" cy="53578"/>
          </a:xfrm>
          <a:prstGeom prst="rightArrow">
            <a:avLst>
              <a:gd name="adj1" fmla="val 50000"/>
              <a:gd name="adj2" fmla="val 126112"/>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92258" name="AutoShape 98"/>
          <p:cNvSpPr>
            <a:spLocks noChangeArrowheads="1"/>
          </p:cNvSpPr>
          <p:nvPr/>
        </p:nvSpPr>
        <p:spPr bwMode="auto">
          <a:xfrm>
            <a:off x="6389563" y="1990725"/>
            <a:ext cx="270272" cy="53579"/>
          </a:xfrm>
          <a:prstGeom prst="rightArrow">
            <a:avLst>
              <a:gd name="adj1" fmla="val 50000"/>
              <a:gd name="adj2" fmla="val 126110"/>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92259" name="AutoShape 99"/>
          <p:cNvSpPr>
            <a:spLocks noChangeArrowheads="1"/>
          </p:cNvSpPr>
          <p:nvPr/>
        </p:nvSpPr>
        <p:spPr bwMode="auto">
          <a:xfrm>
            <a:off x="6389563" y="2327673"/>
            <a:ext cx="270272" cy="53578"/>
          </a:xfrm>
          <a:prstGeom prst="rightArrow">
            <a:avLst>
              <a:gd name="adj1" fmla="val 50000"/>
              <a:gd name="adj2" fmla="val 126112"/>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92260" name="AutoShape 100"/>
          <p:cNvSpPr>
            <a:spLocks noChangeArrowheads="1"/>
          </p:cNvSpPr>
          <p:nvPr/>
        </p:nvSpPr>
        <p:spPr bwMode="auto">
          <a:xfrm>
            <a:off x="6389563" y="2664619"/>
            <a:ext cx="270272" cy="53579"/>
          </a:xfrm>
          <a:prstGeom prst="rightArrow">
            <a:avLst>
              <a:gd name="adj1" fmla="val 50000"/>
              <a:gd name="adj2" fmla="val 126110"/>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92261" name="AutoShape 101"/>
          <p:cNvSpPr>
            <a:spLocks noChangeArrowheads="1"/>
          </p:cNvSpPr>
          <p:nvPr/>
        </p:nvSpPr>
        <p:spPr bwMode="auto">
          <a:xfrm>
            <a:off x="6389563" y="3001566"/>
            <a:ext cx="270272" cy="53578"/>
          </a:xfrm>
          <a:prstGeom prst="rightArrow">
            <a:avLst>
              <a:gd name="adj1" fmla="val 50000"/>
              <a:gd name="adj2" fmla="val 126112"/>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92262" name="AutoShape 102"/>
          <p:cNvSpPr>
            <a:spLocks noChangeArrowheads="1"/>
          </p:cNvSpPr>
          <p:nvPr/>
        </p:nvSpPr>
        <p:spPr bwMode="auto">
          <a:xfrm>
            <a:off x="6389563" y="3333750"/>
            <a:ext cx="270272" cy="53579"/>
          </a:xfrm>
          <a:prstGeom prst="rightArrow">
            <a:avLst>
              <a:gd name="adj1" fmla="val 50000"/>
              <a:gd name="adj2" fmla="val 126110"/>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sp>
        <p:nvSpPr>
          <p:cNvPr id="92263" name="AutoShape 103"/>
          <p:cNvSpPr>
            <a:spLocks noChangeArrowheads="1"/>
          </p:cNvSpPr>
          <p:nvPr/>
        </p:nvSpPr>
        <p:spPr bwMode="auto">
          <a:xfrm>
            <a:off x="6389563" y="3814762"/>
            <a:ext cx="270272" cy="53579"/>
          </a:xfrm>
          <a:prstGeom prst="rightArrow">
            <a:avLst>
              <a:gd name="adj1" fmla="val 50000"/>
              <a:gd name="adj2" fmla="val 126110"/>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de-CH" altLang="de-DE" sz="1800">
              <a:latin typeface="Dax-Regular"/>
            </a:endParaRPr>
          </a:p>
        </p:txBody>
      </p:sp>
      <p:grpSp>
        <p:nvGrpSpPr>
          <p:cNvPr id="92264" name="Group 104"/>
          <p:cNvGrpSpPr>
            <a:grpSpLocks/>
          </p:cNvGrpSpPr>
          <p:nvPr/>
        </p:nvGrpSpPr>
        <p:grpSpPr bwMode="auto">
          <a:xfrm>
            <a:off x="5220072" y="3686287"/>
            <a:ext cx="965597" cy="241697"/>
            <a:chOff x="4649" y="2976"/>
            <a:chExt cx="811" cy="203"/>
          </a:xfrm>
        </p:grpSpPr>
        <p:sp>
          <p:nvSpPr>
            <p:cNvPr id="31791" name="Freeform 105"/>
            <p:cNvSpPr>
              <a:spLocks/>
            </p:cNvSpPr>
            <p:nvPr/>
          </p:nvSpPr>
          <p:spPr bwMode="auto">
            <a:xfrm>
              <a:off x="4649" y="3111"/>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92" name="Freeform 106"/>
            <p:cNvSpPr>
              <a:spLocks/>
            </p:cNvSpPr>
            <p:nvPr/>
          </p:nvSpPr>
          <p:spPr bwMode="auto">
            <a:xfrm>
              <a:off x="4649" y="3077"/>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93" name="Freeform 107"/>
            <p:cNvSpPr>
              <a:spLocks/>
            </p:cNvSpPr>
            <p:nvPr/>
          </p:nvSpPr>
          <p:spPr bwMode="auto">
            <a:xfrm>
              <a:off x="4649" y="3042"/>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94" name="Freeform 108"/>
            <p:cNvSpPr>
              <a:spLocks/>
            </p:cNvSpPr>
            <p:nvPr/>
          </p:nvSpPr>
          <p:spPr bwMode="auto">
            <a:xfrm>
              <a:off x="4649" y="3012"/>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95" name="Freeform 109"/>
            <p:cNvSpPr>
              <a:spLocks/>
            </p:cNvSpPr>
            <p:nvPr/>
          </p:nvSpPr>
          <p:spPr bwMode="auto">
            <a:xfrm>
              <a:off x="4649" y="2976"/>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grpSp>
      <p:grpSp>
        <p:nvGrpSpPr>
          <p:cNvPr id="92270" name="Group 110"/>
          <p:cNvGrpSpPr>
            <a:grpSpLocks/>
          </p:cNvGrpSpPr>
          <p:nvPr/>
        </p:nvGrpSpPr>
        <p:grpSpPr bwMode="auto">
          <a:xfrm>
            <a:off x="5220072" y="2948527"/>
            <a:ext cx="965597" cy="127397"/>
            <a:chOff x="4624" y="2385"/>
            <a:chExt cx="811" cy="107"/>
          </a:xfrm>
        </p:grpSpPr>
        <p:sp>
          <p:nvSpPr>
            <p:cNvPr id="31789" name="Freeform 111"/>
            <p:cNvSpPr>
              <a:spLocks/>
            </p:cNvSpPr>
            <p:nvPr/>
          </p:nvSpPr>
          <p:spPr bwMode="auto">
            <a:xfrm>
              <a:off x="4624" y="2423"/>
              <a:ext cx="811" cy="69"/>
            </a:xfrm>
            <a:custGeom>
              <a:avLst/>
              <a:gdLst>
                <a:gd name="T0" fmla="*/ 0 w 924"/>
                <a:gd name="T1" fmla="*/ 8 h 84"/>
                <a:gd name="T2" fmla="*/ 164 w 924"/>
                <a:gd name="T3" fmla="*/ 8 h 84"/>
                <a:gd name="T4" fmla="*/ 193 w 924"/>
                <a:gd name="T5" fmla="*/ 0 h 84"/>
                <a:gd name="T6" fmla="*/ 64 w 924"/>
                <a:gd name="T7" fmla="*/ 0 h 84"/>
                <a:gd name="T8" fmla="*/ 0 w 924"/>
                <a:gd name="T9" fmla="*/ 8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90" name="Freeform 112"/>
            <p:cNvSpPr>
              <a:spLocks/>
            </p:cNvSpPr>
            <p:nvPr/>
          </p:nvSpPr>
          <p:spPr bwMode="auto">
            <a:xfrm>
              <a:off x="4624" y="2385"/>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grpSp>
      <p:grpSp>
        <p:nvGrpSpPr>
          <p:cNvPr id="92273" name="Group 113"/>
          <p:cNvGrpSpPr>
            <a:grpSpLocks/>
          </p:cNvGrpSpPr>
          <p:nvPr/>
        </p:nvGrpSpPr>
        <p:grpSpPr bwMode="auto">
          <a:xfrm>
            <a:off x="5220072" y="1927678"/>
            <a:ext cx="965597" cy="127397"/>
            <a:chOff x="4624" y="1537"/>
            <a:chExt cx="811" cy="107"/>
          </a:xfrm>
        </p:grpSpPr>
        <p:sp>
          <p:nvSpPr>
            <p:cNvPr id="31787" name="Freeform 114"/>
            <p:cNvSpPr>
              <a:spLocks/>
            </p:cNvSpPr>
            <p:nvPr/>
          </p:nvSpPr>
          <p:spPr bwMode="auto">
            <a:xfrm>
              <a:off x="4624" y="1576"/>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88" name="Freeform 115"/>
            <p:cNvSpPr>
              <a:spLocks/>
            </p:cNvSpPr>
            <p:nvPr/>
          </p:nvSpPr>
          <p:spPr bwMode="auto">
            <a:xfrm>
              <a:off x="4624" y="1537"/>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grpSp>
      <p:grpSp>
        <p:nvGrpSpPr>
          <p:cNvPr id="92276" name="Group 116"/>
          <p:cNvGrpSpPr>
            <a:grpSpLocks/>
          </p:cNvGrpSpPr>
          <p:nvPr/>
        </p:nvGrpSpPr>
        <p:grpSpPr bwMode="auto">
          <a:xfrm>
            <a:off x="5118571" y="1585913"/>
            <a:ext cx="965597" cy="127397"/>
            <a:chOff x="4624" y="1248"/>
            <a:chExt cx="811" cy="107"/>
          </a:xfrm>
        </p:grpSpPr>
        <p:sp>
          <p:nvSpPr>
            <p:cNvPr id="31785" name="Freeform 117"/>
            <p:cNvSpPr>
              <a:spLocks/>
            </p:cNvSpPr>
            <p:nvPr/>
          </p:nvSpPr>
          <p:spPr bwMode="auto">
            <a:xfrm>
              <a:off x="4624" y="1287"/>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86" name="Freeform 118"/>
            <p:cNvSpPr>
              <a:spLocks/>
            </p:cNvSpPr>
            <p:nvPr/>
          </p:nvSpPr>
          <p:spPr bwMode="auto">
            <a:xfrm>
              <a:off x="4624" y="1248"/>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grpSp>
      <p:grpSp>
        <p:nvGrpSpPr>
          <p:cNvPr id="92279" name="Group 119"/>
          <p:cNvGrpSpPr>
            <a:grpSpLocks/>
          </p:cNvGrpSpPr>
          <p:nvPr/>
        </p:nvGrpSpPr>
        <p:grpSpPr bwMode="auto">
          <a:xfrm>
            <a:off x="5148064" y="3273029"/>
            <a:ext cx="965597" cy="158353"/>
            <a:chOff x="4762" y="2215"/>
            <a:chExt cx="811" cy="133"/>
          </a:xfrm>
        </p:grpSpPr>
        <p:sp>
          <p:nvSpPr>
            <p:cNvPr id="31782" name="Freeform 120"/>
            <p:cNvSpPr>
              <a:spLocks/>
            </p:cNvSpPr>
            <p:nvPr/>
          </p:nvSpPr>
          <p:spPr bwMode="auto">
            <a:xfrm>
              <a:off x="4762" y="2281"/>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83" name="Freeform 121"/>
            <p:cNvSpPr>
              <a:spLocks/>
            </p:cNvSpPr>
            <p:nvPr/>
          </p:nvSpPr>
          <p:spPr bwMode="auto">
            <a:xfrm>
              <a:off x="4762" y="2251"/>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84" name="Freeform 122"/>
            <p:cNvSpPr>
              <a:spLocks/>
            </p:cNvSpPr>
            <p:nvPr/>
          </p:nvSpPr>
          <p:spPr bwMode="auto">
            <a:xfrm>
              <a:off x="4762" y="2215"/>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grpSp>
      <p:grpSp>
        <p:nvGrpSpPr>
          <p:cNvPr id="92283" name="Group 123"/>
          <p:cNvGrpSpPr>
            <a:grpSpLocks/>
          </p:cNvGrpSpPr>
          <p:nvPr/>
        </p:nvGrpSpPr>
        <p:grpSpPr bwMode="auto">
          <a:xfrm>
            <a:off x="5076056" y="2574132"/>
            <a:ext cx="965597" cy="194072"/>
            <a:chOff x="4626" y="2049"/>
            <a:chExt cx="811" cy="163"/>
          </a:xfrm>
        </p:grpSpPr>
        <p:sp>
          <p:nvSpPr>
            <p:cNvPr id="31778" name="Freeform 124"/>
            <p:cNvSpPr>
              <a:spLocks/>
            </p:cNvSpPr>
            <p:nvPr/>
          </p:nvSpPr>
          <p:spPr bwMode="auto">
            <a:xfrm>
              <a:off x="4626" y="2145"/>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79" name="Freeform 125"/>
            <p:cNvSpPr>
              <a:spLocks/>
            </p:cNvSpPr>
            <p:nvPr/>
          </p:nvSpPr>
          <p:spPr bwMode="auto">
            <a:xfrm>
              <a:off x="4626" y="2115"/>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80" name="Freeform 126"/>
            <p:cNvSpPr>
              <a:spLocks/>
            </p:cNvSpPr>
            <p:nvPr/>
          </p:nvSpPr>
          <p:spPr bwMode="auto">
            <a:xfrm>
              <a:off x="4626" y="2079"/>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sp>
          <p:nvSpPr>
            <p:cNvPr id="31781" name="Freeform 127"/>
            <p:cNvSpPr>
              <a:spLocks/>
            </p:cNvSpPr>
            <p:nvPr/>
          </p:nvSpPr>
          <p:spPr bwMode="auto">
            <a:xfrm>
              <a:off x="4626" y="2049"/>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grpSp>
      <p:sp>
        <p:nvSpPr>
          <p:cNvPr id="92288" name="Freeform 128"/>
          <p:cNvSpPr>
            <a:spLocks/>
          </p:cNvSpPr>
          <p:nvPr/>
        </p:nvSpPr>
        <p:spPr bwMode="auto">
          <a:xfrm>
            <a:off x="5220072" y="2289685"/>
            <a:ext cx="965597" cy="80963"/>
          </a:xfrm>
          <a:custGeom>
            <a:avLst/>
            <a:gdLst>
              <a:gd name="T0" fmla="*/ 0 w 924"/>
              <a:gd name="T1" fmla="*/ 2147483647 h 84"/>
              <a:gd name="T2" fmla="*/ 2147483647 w 924"/>
              <a:gd name="T3" fmla="*/ 2147483647 h 84"/>
              <a:gd name="T4" fmla="*/ 2147483647 w 924"/>
              <a:gd name="T5" fmla="*/ 0 h 84"/>
              <a:gd name="T6" fmla="*/ 2147483647 w 924"/>
              <a:gd name="T7" fmla="*/ 0 h 84"/>
              <a:gd name="T8" fmla="*/ 0 w 924"/>
              <a:gd name="T9" fmla="*/ 2147483647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de-CH" sz="1013"/>
          </a:p>
        </p:txBody>
      </p:sp>
      <p:grpSp>
        <p:nvGrpSpPr>
          <p:cNvPr id="3" name="Gruppieren 2"/>
          <p:cNvGrpSpPr/>
          <p:nvPr/>
        </p:nvGrpSpPr>
        <p:grpSpPr>
          <a:xfrm>
            <a:off x="1817693" y="4222123"/>
            <a:ext cx="6137491" cy="789218"/>
            <a:chOff x="899591" y="5629498"/>
            <a:chExt cx="7777683" cy="1052290"/>
          </a:xfrm>
        </p:grpSpPr>
        <p:sp>
          <p:nvSpPr>
            <p:cNvPr id="130" name="Rectangle 121"/>
            <p:cNvSpPr>
              <a:spLocks noChangeArrowheads="1"/>
            </p:cNvSpPr>
            <p:nvPr/>
          </p:nvSpPr>
          <p:spPr bwMode="auto">
            <a:xfrm>
              <a:off x="899591" y="5629498"/>
              <a:ext cx="7777683" cy="1052290"/>
            </a:xfrm>
            <a:prstGeom prst="rect">
              <a:avLst/>
            </a:prstGeom>
            <a:solidFill>
              <a:srgbClr val="EAEAEA">
                <a:alpha val="50000"/>
              </a:srgb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131" name="Text Box 122"/>
            <p:cNvSpPr txBox="1">
              <a:spLocks noChangeArrowheads="1"/>
            </p:cNvSpPr>
            <p:nvPr/>
          </p:nvSpPr>
          <p:spPr bwMode="auto">
            <a:xfrm>
              <a:off x="1116013" y="5750965"/>
              <a:ext cx="1657350" cy="588073"/>
            </a:xfrm>
            <a:prstGeom prst="rect">
              <a:avLst/>
            </a:prstGeom>
            <a:noFill/>
            <a:ln>
              <a:noFill/>
            </a:ln>
            <a:extLst>
              <a:ext uri="{909E8E84-426E-40DD-AFC4-6F175D3DCCD1}">
                <a14:hiddenFill xmlns:a14="http://schemas.microsoft.com/office/drawing/2010/main">
                  <a:solidFill>
                    <a:srgbClr val="FFFF00"/>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lstStyle>
              <a:lvl1pPr>
                <a:defRPr sz="2400">
                  <a:solidFill>
                    <a:schemeClr val="tx1"/>
                  </a:solidFill>
                  <a:latin typeface="Times" pitchFamily="18" charset="0"/>
                </a:defRPr>
              </a:lvl1pPr>
              <a:lvl2pPr marL="3429000">
                <a:defRPr sz="2400">
                  <a:solidFill>
                    <a:schemeClr val="tx1"/>
                  </a:solidFill>
                  <a:latin typeface="Times" pitchFamily="18" charset="0"/>
                </a:defRPr>
              </a:lvl2pPr>
              <a:lvl3pPr marL="3543300">
                <a:defRPr sz="2400">
                  <a:solidFill>
                    <a:schemeClr val="tx1"/>
                  </a:solidFill>
                  <a:latin typeface="Times" pitchFamily="18" charset="0"/>
                </a:defRPr>
              </a:lvl3pPr>
              <a:lvl4pPr marL="3657600">
                <a:defRPr sz="2400">
                  <a:solidFill>
                    <a:schemeClr val="tx1"/>
                  </a:solidFill>
                  <a:latin typeface="Times" pitchFamily="18" charset="0"/>
                </a:defRPr>
              </a:lvl4pPr>
              <a:lvl5pPr marL="3771900">
                <a:defRPr sz="2400">
                  <a:solidFill>
                    <a:schemeClr val="tx1"/>
                  </a:solidFill>
                  <a:latin typeface="Times" pitchFamily="18" charset="0"/>
                </a:defRPr>
              </a:lvl5pPr>
              <a:lvl6pPr marL="4229100" eaLnBrk="0" fontAlgn="base" hangingPunct="0">
                <a:spcBef>
                  <a:spcPct val="0"/>
                </a:spcBef>
                <a:spcAft>
                  <a:spcPct val="0"/>
                </a:spcAft>
                <a:defRPr sz="2400">
                  <a:solidFill>
                    <a:schemeClr val="tx1"/>
                  </a:solidFill>
                  <a:latin typeface="Times" pitchFamily="18" charset="0"/>
                </a:defRPr>
              </a:lvl6pPr>
              <a:lvl7pPr marL="4686300" eaLnBrk="0" fontAlgn="base" hangingPunct="0">
                <a:spcBef>
                  <a:spcPct val="0"/>
                </a:spcBef>
                <a:spcAft>
                  <a:spcPct val="0"/>
                </a:spcAft>
                <a:defRPr sz="2400">
                  <a:solidFill>
                    <a:schemeClr val="tx1"/>
                  </a:solidFill>
                  <a:latin typeface="Times" pitchFamily="18" charset="0"/>
                </a:defRPr>
              </a:lvl7pPr>
              <a:lvl8pPr marL="5143500" eaLnBrk="0" fontAlgn="base" hangingPunct="0">
                <a:spcBef>
                  <a:spcPct val="0"/>
                </a:spcBef>
                <a:spcAft>
                  <a:spcPct val="0"/>
                </a:spcAft>
                <a:defRPr sz="2400">
                  <a:solidFill>
                    <a:schemeClr val="tx1"/>
                  </a:solidFill>
                  <a:latin typeface="Times" pitchFamily="18" charset="0"/>
                </a:defRPr>
              </a:lvl8pPr>
              <a:lvl9pPr marL="5600700" eaLnBrk="0" fontAlgn="base" hangingPunct="0">
                <a:spcBef>
                  <a:spcPct val="0"/>
                </a:spcBef>
                <a:spcAft>
                  <a:spcPct val="0"/>
                </a:spcAft>
                <a:defRPr sz="2400">
                  <a:solidFill>
                    <a:schemeClr val="tx1"/>
                  </a:solidFill>
                  <a:latin typeface="Times" pitchFamily="18" charset="0"/>
                </a:defRPr>
              </a:lvl9pPr>
            </a:lstStyle>
            <a:p>
              <a:r>
                <a:rPr lang="es-CO" altLang="de-DE" sz="825" b="1" dirty="0">
                  <a:latin typeface="Arial" pitchFamily="34" charset="0"/>
                </a:rPr>
                <a:t>Cuatro principios básicos para un concepto de integración de datos común:</a:t>
              </a:r>
              <a:endParaRPr lang="en-GB" altLang="de-DE" sz="825" b="1" dirty="0">
                <a:latin typeface="Arial" pitchFamily="34" charset="0"/>
              </a:endParaRPr>
            </a:p>
          </p:txBody>
        </p:sp>
        <p:sp>
          <p:nvSpPr>
            <p:cNvPr id="132" name="Rectangle 123"/>
            <p:cNvSpPr>
              <a:spLocks noChangeArrowheads="1"/>
            </p:cNvSpPr>
            <p:nvPr/>
          </p:nvSpPr>
          <p:spPr bwMode="auto">
            <a:xfrm>
              <a:off x="2987675" y="5750966"/>
              <a:ext cx="4537075" cy="846385"/>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lvl1pPr marL="182563" indent="-182563">
                <a:defRPr sz="2400">
                  <a:solidFill>
                    <a:schemeClr val="tx1"/>
                  </a:solidFill>
                  <a:latin typeface="Times" pitchFamily="18" charset="0"/>
                </a:defRPr>
              </a:lvl1pPr>
              <a:lvl2pPr>
                <a:defRPr sz="2400">
                  <a:solidFill>
                    <a:schemeClr val="tx1"/>
                  </a:solidFill>
                  <a:latin typeface="Times" pitchFamily="18" charset="0"/>
                </a:defRPr>
              </a:lvl2pPr>
              <a:lvl3pPr>
                <a:defRPr sz="2400">
                  <a:solidFill>
                    <a:schemeClr val="tx1"/>
                  </a:solidFill>
                  <a:latin typeface="Times" pitchFamily="18" charset="0"/>
                </a:defRPr>
              </a:lvl3pPr>
              <a:lvl4pPr>
                <a:defRPr sz="2400">
                  <a:solidFill>
                    <a:schemeClr val="tx1"/>
                  </a:solidFill>
                  <a:latin typeface="Times" pitchFamily="18" charset="0"/>
                </a:defRPr>
              </a:lvl4pPr>
              <a:lvl5pPr>
                <a:defRPr sz="2400">
                  <a:solidFill>
                    <a:schemeClr val="tx1"/>
                  </a:solidFill>
                  <a:latin typeface="Times" pitchFamily="18" charset="0"/>
                </a:defRPr>
              </a:lvl5pPr>
              <a:lvl6pPr eaLnBrk="0" fontAlgn="base" hangingPunct="0">
                <a:spcBef>
                  <a:spcPct val="0"/>
                </a:spcBef>
                <a:spcAft>
                  <a:spcPct val="0"/>
                </a:spcAft>
                <a:defRPr sz="2400">
                  <a:solidFill>
                    <a:schemeClr val="tx1"/>
                  </a:solidFill>
                  <a:latin typeface="Times" pitchFamily="18" charset="0"/>
                </a:defRPr>
              </a:lvl6pPr>
              <a:lvl7pPr eaLnBrk="0" fontAlgn="base" hangingPunct="0">
                <a:spcBef>
                  <a:spcPct val="0"/>
                </a:spcBef>
                <a:spcAft>
                  <a:spcPct val="0"/>
                </a:spcAft>
                <a:defRPr sz="2400">
                  <a:solidFill>
                    <a:schemeClr val="tx1"/>
                  </a:solidFill>
                  <a:latin typeface="Times" pitchFamily="18" charset="0"/>
                </a:defRPr>
              </a:lvl7pPr>
              <a:lvl8pPr eaLnBrk="0" fontAlgn="base" hangingPunct="0">
                <a:spcBef>
                  <a:spcPct val="0"/>
                </a:spcBef>
                <a:spcAft>
                  <a:spcPct val="0"/>
                </a:spcAft>
                <a:defRPr sz="2400">
                  <a:solidFill>
                    <a:schemeClr val="tx1"/>
                  </a:solidFill>
                  <a:latin typeface="Times" pitchFamily="18" charset="0"/>
                </a:defRPr>
              </a:lvl8pPr>
              <a:lvl9pPr eaLnBrk="0" fontAlgn="base" hangingPunct="0">
                <a:spcBef>
                  <a:spcPct val="0"/>
                </a:spcBef>
                <a:spcAft>
                  <a:spcPct val="0"/>
                </a:spcAft>
                <a:defRPr sz="2400">
                  <a:solidFill>
                    <a:schemeClr val="tx1"/>
                  </a:solidFill>
                  <a:latin typeface="Times" pitchFamily="18" charset="0"/>
                </a:defRPr>
              </a:lvl9pPr>
            </a:lstStyle>
            <a:p>
              <a:r>
                <a:rPr lang="es-CO" altLang="de-DE" sz="825" i="1" dirty="0">
                  <a:solidFill>
                    <a:srgbClr val="CC0000"/>
                  </a:solidFill>
                  <a:effectLst>
                    <a:outerShdw blurRad="38100" dist="38100" dir="2700000" algn="tl">
                      <a:srgbClr val="C0C0C0"/>
                    </a:outerShdw>
                  </a:effectLst>
                  <a:latin typeface="Arial" pitchFamily="34" charset="0"/>
                </a:rPr>
                <a:t>1) de respetar la independencia legal / institucional de los actores</a:t>
              </a:r>
            </a:p>
            <a:p>
              <a:r>
                <a:rPr lang="es-CO" altLang="de-DE" sz="825" i="1" dirty="0">
                  <a:solidFill>
                    <a:srgbClr val="CC0000"/>
                  </a:solidFill>
                  <a:effectLst>
                    <a:outerShdw blurRad="38100" dist="38100" dir="2700000" algn="tl">
                      <a:srgbClr val="C0C0C0"/>
                    </a:outerShdw>
                  </a:effectLst>
                  <a:latin typeface="Arial" pitchFamily="34" charset="0"/>
                </a:rPr>
                <a:t>2) utilizar un concepto de modelado de datos estandarizada</a:t>
              </a:r>
            </a:p>
            <a:p>
              <a:r>
                <a:rPr lang="es-CO" altLang="de-DE" sz="825" i="1" dirty="0">
                  <a:solidFill>
                    <a:srgbClr val="CC0000"/>
                  </a:solidFill>
                  <a:effectLst>
                    <a:outerShdw blurRad="38100" dist="38100" dir="2700000" algn="tl">
                      <a:srgbClr val="C0C0C0"/>
                    </a:outerShdw>
                  </a:effectLst>
                  <a:latin typeface="Arial" pitchFamily="34" charset="0"/>
                </a:rPr>
                <a:t>3) utilizar un marco común de referencia geodésica</a:t>
              </a:r>
            </a:p>
            <a:p>
              <a:r>
                <a:rPr lang="es-CO" altLang="de-DE" sz="825" i="1" dirty="0">
                  <a:solidFill>
                    <a:srgbClr val="CC0000"/>
                  </a:solidFill>
                  <a:effectLst>
                    <a:outerShdw blurRad="38100" dist="38100" dir="2700000" algn="tl">
                      <a:srgbClr val="C0C0C0"/>
                    </a:outerShdw>
                  </a:effectLst>
                  <a:latin typeface="Arial" pitchFamily="34" charset="0"/>
                </a:rPr>
                <a:t>4) no mantiene relaciones lógicas a los objetos en diferentes temas, excepto a través de la ubicación geográfica</a:t>
              </a:r>
              <a:endParaRPr lang="en-GB" altLang="de-DE" sz="825" i="1" dirty="0">
                <a:solidFill>
                  <a:srgbClr val="CC0000"/>
                </a:solidFill>
                <a:effectLst>
                  <a:outerShdw blurRad="38100" dist="38100" dir="2700000" algn="tl">
                    <a:srgbClr val="C0C0C0"/>
                  </a:outerShdw>
                </a:effectLst>
                <a:latin typeface="Arial" pitchFamily="34" charset="0"/>
              </a:endParaRPr>
            </a:p>
          </p:txBody>
        </p:sp>
      </p:grpSp>
      <p:sp>
        <p:nvSpPr>
          <p:cNvPr id="133" name="AutoShape 125"/>
          <p:cNvSpPr>
            <a:spLocks noChangeAspect="1" noChangeArrowheads="1"/>
          </p:cNvSpPr>
          <p:nvPr/>
        </p:nvSpPr>
        <p:spPr bwMode="auto">
          <a:xfrm rot="16200000">
            <a:off x="7389638" y="4326322"/>
            <a:ext cx="161925" cy="433388"/>
          </a:xfrm>
          <a:prstGeom prst="upDownArrow">
            <a:avLst>
              <a:gd name="adj1" fmla="val 32639"/>
              <a:gd name="adj2" fmla="val 33270"/>
            </a:avLst>
          </a:prstGeom>
          <a:gradFill rotWithShape="0">
            <a:gsLst>
              <a:gs pos="0">
                <a:srgbClr val="FF9900"/>
              </a:gs>
              <a:gs pos="50000">
                <a:srgbClr val="FFCC66"/>
              </a:gs>
              <a:gs pos="100000">
                <a:srgbClr val="FF9900"/>
              </a:gs>
            </a:gsLst>
            <a:lin ang="0" scaled="1"/>
          </a:gra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134" name="Line 126"/>
          <p:cNvSpPr>
            <a:spLocks noChangeShapeType="1"/>
          </p:cNvSpPr>
          <p:nvPr/>
        </p:nvSpPr>
        <p:spPr bwMode="auto">
          <a:xfrm rot="16200000" flipV="1">
            <a:off x="7470600" y="4502964"/>
            <a:ext cx="0" cy="378619"/>
          </a:xfrm>
          <a:prstGeom prst="line">
            <a:avLst/>
          </a:prstGeom>
          <a:noFill/>
          <a:ln w="28575" cap="rnd">
            <a:solidFill>
              <a:srgbClr val="FF0000"/>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135" name="Rectangle 127"/>
          <p:cNvSpPr>
            <a:spLocks noChangeArrowheads="1"/>
          </p:cNvSpPr>
          <p:nvPr/>
        </p:nvSpPr>
        <p:spPr bwMode="auto">
          <a:xfrm>
            <a:off x="7281886" y="4353186"/>
            <a:ext cx="377429" cy="54769"/>
          </a:xfrm>
          <a:prstGeom prst="rect">
            <a:avLst/>
          </a:prstGeom>
          <a:solidFill>
            <a:schemeClr val="bg1"/>
          </a:solidFill>
          <a:ln w="9525">
            <a:solidFill>
              <a:schemeClr val="tx1"/>
            </a:solidFill>
            <a:miter lim="800000"/>
            <a:headEnd/>
            <a:tailEnd/>
          </a:ln>
          <a:effectLst/>
        </p:spPr>
        <p:txBody>
          <a:bodyPr wrap="none" anchor="ctr"/>
          <a:lstStyle/>
          <a:p>
            <a:endParaRPr lang="de-CH" sz="1013"/>
          </a:p>
        </p:txBody>
      </p:sp>
      <p:grpSp>
        <p:nvGrpSpPr>
          <p:cNvPr id="4" name="Gruppieren 3"/>
          <p:cNvGrpSpPr/>
          <p:nvPr/>
        </p:nvGrpSpPr>
        <p:grpSpPr>
          <a:xfrm>
            <a:off x="7314034" y="4785996"/>
            <a:ext cx="313135" cy="80963"/>
            <a:chOff x="7826375" y="6181725"/>
            <a:chExt cx="417513" cy="107950"/>
          </a:xfrm>
        </p:grpSpPr>
        <p:sp>
          <p:nvSpPr>
            <p:cNvPr id="136" name="Oval 144"/>
            <p:cNvSpPr>
              <a:spLocks noChangeAspect="1" noChangeArrowheads="1"/>
            </p:cNvSpPr>
            <p:nvPr/>
          </p:nvSpPr>
          <p:spPr bwMode="auto">
            <a:xfrm rot="16200000">
              <a:off x="8170069" y="6215856"/>
              <a:ext cx="107950" cy="39688"/>
            </a:xfrm>
            <a:prstGeom prst="ellipse">
              <a:avLst/>
            </a:prstGeom>
            <a:solidFill>
              <a:srgbClr val="777777"/>
            </a:solidFill>
            <a:ln w="6350">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137" name="Line 135"/>
            <p:cNvSpPr>
              <a:spLocks noChangeShapeType="1"/>
            </p:cNvSpPr>
            <p:nvPr/>
          </p:nvSpPr>
          <p:spPr bwMode="auto">
            <a:xfrm rot="16200000">
              <a:off x="8027988" y="6035675"/>
              <a:ext cx="0" cy="403225"/>
            </a:xfrm>
            <a:prstGeom prst="line">
              <a:avLst/>
            </a:prstGeom>
            <a:noFill/>
            <a:ln w="19050">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grpSp>
        <p:nvGrpSpPr>
          <p:cNvPr id="2" name="Gruppieren 1"/>
          <p:cNvGrpSpPr/>
          <p:nvPr/>
        </p:nvGrpSpPr>
        <p:grpSpPr>
          <a:xfrm>
            <a:off x="7590854" y="1506028"/>
            <a:ext cx="80963" cy="2253854"/>
            <a:chOff x="8189913" y="2008038"/>
            <a:chExt cx="107950" cy="3005138"/>
          </a:xfrm>
        </p:grpSpPr>
        <p:sp>
          <p:nvSpPr>
            <p:cNvPr id="138" name="Oval 137"/>
            <p:cNvSpPr>
              <a:spLocks noChangeAspect="1" noChangeArrowheads="1"/>
            </p:cNvSpPr>
            <p:nvPr/>
          </p:nvSpPr>
          <p:spPr bwMode="auto">
            <a:xfrm>
              <a:off x="8189913" y="2605734"/>
              <a:ext cx="107950" cy="39688"/>
            </a:xfrm>
            <a:prstGeom prst="ellipse">
              <a:avLst/>
            </a:prstGeom>
            <a:solidFill>
              <a:srgbClr val="777777"/>
            </a:solidFill>
            <a:ln w="6350">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139" name="Line 129"/>
            <p:cNvSpPr>
              <a:spLocks noChangeShapeType="1"/>
            </p:cNvSpPr>
            <p:nvPr/>
          </p:nvSpPr>
          <p:spPr bwMode="auto">
            <a:xfrm>
              <a:off x="8243888" y="2290614"/>
              <a:ext cx="0" cy="336700"/>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140" name="Oval 140"/>
            <p:cNvSpPr>
              <a:spLocks noChangeAspect="1" noChangeArrowheads="1"/>
            </p:cNvSpPr>
            <p:nvPr/>
          </p:nvSpPr>
          <p:spPr bwMode="auto">
            <a:xfrm>
              <a:off x="8189913" y="3489176"/>
              <a:ext cx="107950" cy="39687"/>
            </a:xfrm>
            <a:prstGeom prst="ellipse">
              <a:avLst/>
            </a:prstGeom>
            <a:solidFill>
              <a:srgbClr val="777777"/>
            </a:solidFill>
            <a:ln w="6350">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141" name="Oval 139"/>
            <p:cNvSpPr>
              <a:spLocks noChangeAspect="1" noChangeArrowheads="1"/>
            </p:cNvSpPr>
            <p:nvPr/>
          </p:nvSpPr>
          <p:spPr bwMode="auto">
            <a:xfrm>
              <a:off x="8189913" y="3090713"/>
              <a:ext cx="107950" cy="39688"/>
            </a:xfrm>
            <a:prstGeom prst="ellipse">
              <a:avLst/>
            </a:prstGeom>
            <a:solidFill>
              <a:srgbClr val="777777"/>
            </a:solidFill>
            <a:ln w="6350">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142" name="Line 130"/>
            <p:cNvSpPr>
              <a:spLocks noChangeShapeType="1"/>
            </p:cNvSpPr>
            <p:nvPr/>
          </p:nvSpPr>
          <p:spPr bwMode="auto">
            <a:xfrm>
              <a:off x="8243888" y="2744638"/>
              <a:ext cx="0" cy="360363"/>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143" name="Line 131"/>
            <p:cNvSpPr>
              <a:spLocks noChangeShapeType="1"/>
            </p:cNvSpPr>
            <p:nvPr/>
          </p:nvSpPr>
          <p:spPr bwMode="auto">
            <a:xfrm>
              <a:off x="8243888" y="3154213"/>
              <a:ext cx="0" cy="360363"/>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144" name="Oval 141"/>
            <p:cNvSpPr>
              <a:spLocks noChangeAspect="1" noChangeArrowheads="1"/>
            </p:cNvSpPr>
            <p:nvPr/>
          </p:nvSpPr>
          <p:spPr bwMode="auto">
            <a:xfrm>
              <a:off x="8189913" y="3984476"/>
              <a:ext cx="107950" cy="39688"/>
            </a:xfrm>
            <a:prstGeom prst="ellipse">
              <a:avLst/>
            </a:prstGeom>
            <a:solidFill>
              <a:srgbClr val="777777"/>
            </a:solidFill>
            <a:ln w="6350">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145" name="Line 132"/>
            <p:cNvSpPr>
              <a:spLocks noChangeShapeType="1"/>
            </p:cNvSpPr>
            <p:nvPr/>
          </p:nvSpPr>
          <p:spPr bwMode="auto">
            <a:xfrm>
              <a:off x="8243888" y="3701901"/>
              <a:ext cx="0" cy="311150"/>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146" name="Oval 142"/>
            <p:cNvSpPr>
              <a:spLocks noChangeAspect="1" noChangeArrowheads="1"/>
            </p:cNvSpPr>
            <p:nvPr/>
          </p:nvSpPr>
          <p:spPr bwMode="auto">
            <a:xfrm>
              <a:off x="8189913" y="4396435"/>
              <a:ext cx="107950" cy="39687"/>
            </a:xfrm>
            <a:prstGeom prst="ellipse">
              <a:avLst/>
            </a:prstGeom>
            <a:solidFill>
              <a:srgbClr val="777777"/>
            </a:solidFill>
            <a:ln w="6350">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147" name="Line 133"/>
            <p:cNvSpPr>
              <a:spLocks noChangeShapeType="1"/>
            </p:cNvSpPr>
            <p:nvPr/>
          </p:nvSpPr>
          <p:spPr bwMode="auto">
            <a:xfrm>
              <a:off x="8243888" y="4116239"/>
              <a:ext cx="0" cy="304950"/>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148" name="Oval 143"/>
            <p:cNvSpPr>
              <a:spLocks noChangeAspect="1" noChangeArrowheads="1"/>
            </p:cNvSpPr>
            <p:nvPr/>
          </p:nvSpPr>
          <p:spPr bwMode="auto">
            <a:xfrm>
              <a:off x="8189913" y="4973488"/>
              <a:ext cx="107950" cy="39688"/>
            </a:xfrm>
            <a:prstGeom prst="ellipse">
              <a:avLst/>
            </a:prstGeom>
            <a:solidFill>
              <a:srgbClr val="777777"/>
            </a:solidFill>
            <a:ln w="6350">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149" name="Line 134"/>
            <p:cNvSpPr>
              <a:spLocks noChangeShapeType="1"/>
            </p:cNvSpPr>
            <p:nvPr/>
          </p:nvSpPr>
          <p:spPr bwMode="auto">
            <a:xfrm>
              <a:off x="8243888" y="4594076"/>
              <a:ext cx="0" cy="403225"/>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150" name="Oval 138"/>
            <p:cNvSpPr>
              <a:spLocks noChangeAspect="1" noChangeArrowheads="1"/>
            </p:cNvSpPr>
            <p:nvPr/>
          </p:nvSpPr>
          <p:spPr bwMode="auto">
            <a:xfrm>
              <a:off x="8189913" y="2168376"/>
              <a:ext cx="107950" cy="39687"/>
            </a:xfrm>
            <a:prstGeom prst="ellipse">
              <a:avLst/>
            </a:prstGeom>
            <a:solidFill>
              <a:srgbClr val="777777"/>
            </a:solidFill>
            <a:ln w="6350">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e-CH" sz="1013"/>
            </a:p>
          </p:txBody>
        </p:sp>
        <p:sp>
          <p:nvSpPr>
            <p:cNvPr id="151" name="Line 145"/>
            <p:cNvSpPr>
              <a:spLocks noChangeShapeType="1"/>
            </p:cNvSpPr>
            <p:nvPr/>
          </p:nvSpPr>
          <p:spPr bwMode="auto">
            <a:xfrm>
              <a:off x="8243888" y="2008038"/>
              <a:ext cx="0" cy="182563"/>
            </a:xfrm>
            <a:prstGeom prst="line">
              <a:avLst/>
            </a:prstGeom>
            <a:noFill/>
            <a:ln w="19050">
              <a:solidFill>
                <a:schemeClr val="tx1"/>
              </a:solidFill>
              <a:round/>
              <a:headEnd/>
              <a:tailEnd type="stealth" w="med"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spTree>
    <p:extLst>
      <p:ext uri="{BB962C8B-B14F-4D97-AF65-F5344CB8AC3E}">
        <p14:creationId xmlns:p14="http://schemas.microsoft.com/office/powerpoint/2010/main" val="16259865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22" presetClass="entr" presetSubtype="8" fill="hold" nodeType="withEffect">
                                  <p:stCondLst>
                                    <p:cond delay="0"/>
                                  </p:stCondLst>
                                  <p:childTnLst>
                                    <p:set>
                                      <p:cBhvr>
                                        <p:cTn id="6" dur="1" fill="hold">
                                          <p:stCondLst>
                                            <p:cond delay="0"/>
                                          </p:stCondLst>
                                        </p:cTn>
                                        <p:tgtEl>
                                          <p:spTgt spid="92166"/>
                                        </p:tgtEl>
                                        <p:attrNameLst>
                                          <p:attrName>style.visibility</p:attrName>
                                        </p:attrNameLst>
                                      </p:cBhvr>
                                      <p:to>
                                        <p:strVal val="visible"/>
                                      </p:to>
                                    </p:set>
                                    <p:animEffect transition="in" filter="wipe(left)">
                                      <p:cBhvr>
                                        <p:cTn id="7" dur="500"/>
                                        <p:tgtEl>
                                          <p:spTgt spid="92166"/>
                                        </p:tgtEl>
                                      </p:cBhvr>
                                    </p:animEffect>
                                  </p:childTnLst>
                                </p:cTn>
                              </p:par>
                              <p:par>
                                <p:cTn id="8" presetID="22" presetClass="entr" presetSubtype="8" fill="hold" nodeType="withEffect">
                                  <p:stCondLst>
                                    <p:cond delay="0"/>
                                  </p:stCondLst>
                                  <p:childTnLst>
                                    <p:set>
                                      <p:cBhvr>
                                        <p:cTn id="9" dur="1" fill="hold">
                                          <p:stCondLst>
                                            <p:cond delay="0"/>
                                          </p:stCondLst>
                                        </p:cTn>
                                        <p:tgtEl>
                                          <p:spTgt spid="60"/>
                                        </p:tgtEl>
                                        <p:attrNameLst>
                                          <p:attrName>style.visibility</p:attrName>
                                        </p:attrNameLst>
                                      </p:cBhvr>
                                      <p:to>
                                        <p:strVal val="visible"/>
                                      </p:to>
                                    </p:set>
                                    <p:animEffect transition="in" filter="wipe(left)">
                                      <p:cBhvr>
                                        <p:cTn id="10" dur="500"/>
                                        <p:tgtEl>
                                          <p:spTgt spid="60"/>
                                        </p:tgtEl>
                                      </p:cBhvr>
                                    </p:animEffect>
                                  </p:childTnLst>
                                </p:cTn>
                              </p:par>
                            </p:childTnLst>
                          </p:cTn>
                        </p:par>
                        <p:par>
                          <p:cTn id="11" fill="hold" nodeType="withGroup">
                            <p:stCondLst>
                              <p:cond delay="500"/>
                            </p:stCondLst>
                            <p:childTnLst>
                              <p:par>
                                <p:cTn id="12" presetID="22" presetClass="entr" presetSubtype="2" fill="hold" nodeType="afterEffect">
                                  <p:stCondLst>
                                    <p:cond delay="0"/>
                                  </p:stCondLst>
                                  <p:childTnLst>
                                    <p:set>
                                      <p:cBhvr>
                                        <p:cTn id="13" dur="1" fill="hold">
                                          <p:stCondLst>
                                            <p:cond delay="0"/>
                                          </p:stCondLst>
                                        </p:cTn>
                                        <p:tgtEl>
                                          <p:spTgt spid="92178"/>
                                        </p:tgtEl>
                                        <p:attrNameLst>
                                          <p:attrName>style.visibility</p:attrName>
                                        </p:attrNameLst>
                                      </p:cBhvr>
                                      <p:to>
                                        <p:strVal val="visible"/>
                                      </p:to>
                                    </p:set>
                                    <p:animEffect transition="in" filter="wipe(right)">
                                      <p:cBhvr>
                                        <p:cTn id="14" dur="500"/>
                                        <p:tgtEl>
                                          <p:spTgt spid="92178"/>
                                        </p:tgtEl>
                                      </p:cBhvr>
                                    </p:animEffect>
                                  </p:childTnLst>
                                </p:cTn>
                              </p:par>
                              <p:par>
                                <p:cTn id="15" presetID="1" presetClass="entr" presetSubtype="0" fill="hold" grpId="0" nodeType="withEffect">
                                  <p:stCondLst>
                                    <p:cond delay="0"/>
                                  </p:stCondLst>
                                  <p:childTnLst>
                                    <p:set>
                                      <p:cBhvr>
                                        <p:cTn id="16" dur="1" fill="hold">
                                          <p:stCondLst>
                                            <p:cond delay="0"/>
                                          </p:stCondLst>
                                        </p:cTn>
                                        <p:tgtEl>
                                          <p:spTgt spid="92301"/>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53" presetClass="entr" presetSubtype="16" fill="hold" nodeType="clickEffect">
                                  <p:stCondLst>
                                    <p:cond delay="0"/>
                                  </p:stCondLst>
                                  <p:childTnLst>
                                    <p:set>
                                      <p:cBhvr>
                                        <p:cTn id="20" dur="1" fill="hold">
                                          <p:stCondLst>
                                            <p:cond delay="0"/>
                                          </p:stCondLst>
                                        </p:cTn>
                                        <p:tgtEl>
                                          <p:spTgt spid="3"/>
                                        </p:tgtEl>
                                        <p:attrNameLst>
                                          <p:attrName>style.visibility</p:attrName>
                                        </p:attrNameLst>
                                      </p:cBhvr>
                                      <p:to>
                                        <p:strVal val="visible"/>
                                      </p:to>
                                    </p:set>
                                    <p:anim calcmode="lin" valueType="num">
                                      <p:cBhvr>
                                        <p:cTn id="21" dur="500" fill="hold"/>
                                        <p:tgtEl>
                                          <p:spTgt spid="3"/>
                                        </p:tgtEl>
                                        <p:attrNameLst>
                                          <p:attrName>ppt_w</p:attrName>
                                        </p:attrNameLst>
                                      </p:cBhvr>
                                      <p:tavLst>
                                        <p:tav tm="0">
                                          <p:val>
                                            <p:fltVal val="0"/>
                                          </p:val>
                                        </p:tav>
                                        <p:tav tm="100000">
                                          <p:val>
                                            <p:strVal val="#ppt_w"/>
                                          </p:val>
                                        </p:tav>
                                      </p:tavLst>
                                    </p:anim>
                                    <p:anim calcmode="lin" valueType="num">
                                      <p:cBhvr>
                                        <p:cTn id="22" dur="500" fill="hold"/>
                                        <p:tgtEl>
                                          <p:spTgt spid="3"/>
                                        </p:tgtEl>
                                        <p:attrNameLst>
                                          <p:attrName>ppt_h</p:attrName>
                                        </p:attrNameLst>
                                      </p:cBhvr>
                                      <p:tavLst>
                                        <p:tav tm="0">
                                          <p:val>
                                            <p:fltVal val="0"/>
                                          </p:val>
                                        </p:tav>
                                        <p:tav tm="100000">
                                          <p:val>
                                            <p:strVal val="#ppt_h"/>
                                          </p:val>
                                        </p:tav>
                                      </p:tavLst>
                                    </p:anim>
                                    <p:animEffect transition="in" filter="fade">
                                      <p:cBhvr>
                                        <p:cTn id="23" dur="500"/>
                                        <p:tgtEl>
                                          <p:spTgt spid="3"/>
                                        </p:tgtEl>
                                      </p:cBhvr>
                                    </p:animEffect>
                                  </p:childTnLst>
                                </p:cTn>
                              </p:par>
                            </p:childTnLst>
                          </p:cTn>
                        </p:par>
                      </p:childTnLst>
                    </p:cTn>
                  </p:par>
                  <p:par>
                    <p:cTn id="24" fill="hold">
                      <p:stCondLst>
                        <p:cond delay="indefinite"/>
                      </p:stCondLst>
                      <p:childTnLst>
                        <p:par>
                          <p:cTn id="25" fill="hold">
                            <p:stCondLst>
                              <p:cond delay="0"/>
                            </p:stCondLst>
                            <p:childTnLst>
                              <p:par>
                                <p:cTn id="26" presetID="1" presetClass="entr" presetSubtype="0" fill="hold" grpId="0" nodeType="clickEffect">
                                  <p:stCondLst>
                                    <p:cond delay="0"/>
                                  </p:stCondLst>
                                  <p:childTnLst>
                                    <p:set>
                                      <p:cBhvr>
                                        <p:cTn id="27" dur="1" fill="hold">
                                          <p:stCondLst>
                                            <p:cond delay="0"/>
                                          </p:stCondLst>
                                        </p:cTn>
                                        <p:tgtEl>
                                          <p:spTgt spid="135"/>
                                        </p:tgtEl>
                                        <p:attrNameLst>
                                          <p:attrName>style.visibility</p:attrName>
                                        </p:attrNameLst>
                                      </p:cBhvr>
                                      <p:to>
                                        <p:strVal val="visible"/>
                                      </p:to>
                                    </p:set>
                                  </p:childTnLst>
                                </p:cTn>
                              </p:par>
                            </p:childTnLst>
                          </p:cTn>
                        </p:par>
                        <p:par>
                          <p:cTn id="28" fill="hold" nodeType="withGroup">
                            <p:stCondLst>
                              <p:cond delay="0"/>
                            </p:stCondLst>
                            <p:childTnLst>
                              <p:par>
                                <p:cTn id="29" presetID="16" presetClass="entr" presetSubtype="37" fill="hold" nodeType="afterEffect">
                                  <p:stCondLst>
                                    <p:cond delay="500"/>
                                  </p:stCondLst>
                                  <p:childTnLst>
                                    <p:set>
                                      <p:cBhvr>
                                        <p:cTn id="30" dur="1" fill="hold">
                                          <p:stCondLst>
                                            <p:cond delay="0"/>
                                          </p:stCondLst>
                                        </p:cTn>
                                        <p:tgtEl>
                                          <p:spTgt spid="92184"/>
                                        </p:tgtEl>
                                        <p:attrNameLst>
                                          <p:attrName>style.visibility</p:attrName>
                                        </p:attrNameLst>
                                      </p:cBhvr>
                                      <p:to>
                                        <p:strVal val="visible"/>
                                      </p:to>
                                    </p:set>
                                    <p:animEffect transition="in" filter="barn(outVertical)">
                                      <p:cBhvr>
                                        <p:cTn id="31" dur="1000"/>
                                        <p:tgtEl>
                                          <p:spTgt spid="92184"/>
                                        </p:tgtEl>
                                      </p:cBhvr>
                                    </p:animEffect>
                                  </p:childTnLst>
                                </p:cTn>
                              </p:par>
                            </p:childTnLst>
                          </p:cTn>
                        </p:par>
                      </p:childTnLst>
                    </p:cTn>
                  </p:par>
                  <p:par>
                    <p:cTn id="32" fill="hold" nodeType="clickPar">
                      <p:stCondLst>
                        <p:cond delay="indefinite"/>
                      </p:stCondLst>
                      <p:childTnLst>
                        <p:par>
                          <p:cTn id="33" fill="hold" nodeType="withGroup">
                            <p:stCondLst>
                              <p:cond delay="0"/>
                            </p:stCondLst>
                            <p:childTnLst>
                              <p:par>
                                <p:cTn id="34" presetID="1" presetClass="entr" presetSubtype="0" fill="hold" grpId="0" nodeType="clickEffect">
                                  <p:stCondLst>
                                    <p:cond delay="0"/>
                                  </p:stCondLst>
                                  <p:childTnLst>
                                    <p:set>
                                      <p:cBhvr>
                                        <p:cTn id="35" dur="1" fill="hold">
                                          <p:stCondLst>
                                            <p:cond delay="0"/>
                                          </p:stCondLst>
                                        </p:cTn>
                                        <p:tgtEl>
                                          <p:spTgt spid="133"/>
                                        </p:tgtEl>
                                        <p:attrNameLst>
                                          <p:attrName>style.visibility</p:attrName>
                                        </p:attrNameLst>
                                      </p:cBhvr>
                                      <p:to>
                                        <p:strVal val="visible"/>
                                      </p:to>
                                    </p:set>
                                  </p:childTnLst>
                                </p:cTn>
                              </p:par>
                            </p:childTnLst>
                          </p:cTn>
                        </p:par>
                        <p:par>
                          <p:cTn id="36" fill="hold">
                            <p:stCondLst>
                              <p:cond delay="0"/>
                            </p:stCondLst>
                            <p:childTnLst>
                              <p:par>
                                <p:cTn id="37" presetID="53" presetClass="entr" presetSubtype="0" fill="hold" grpId="0" nodeType="afterEffect">
                                  <p:stCondLst>
                                    <p:cond delay="500"/>
                                  </p:stCondLst>
                                  <p:childTnLst>
                                    <p:set>
                                      <p:cBhvr>
                                        <p:cTn id="38" dur="1" fill="hold">
                                          <p:stCondLst>
                                            <p:cond delay="0"/>
                                          </p:stCondLst>
                                        </p:cTn>
                                        <p:tgtEl>
                                          <p:spTgt spid="92172"/>
                                        </p:tgtEl>
                                        <p:attrNameLst>
                                          <p:attrName>style.visibility</p:attrName>
                                        </p:attrNameLst>
                                      </p:cBhvr>
                                      <p:to>
                                        <p:strVal val="visible"/>
                                      </p:to>
                                    </p:set>
                                    <p:anim calcmode="lin" valueType="num">
                                      <p:cBhvr>
                                        <p:cTn id="39" dur="1000" fill="hold"/>
                                        <p:tgtEl>
                                          <p:spTgt spid="92172"/>
                                        </p:tgtEl>
                                        <p:attrNameLst>
                                          <p:attrName>ppt_w</p:attrName>
                                        </p:attrNameLst>
                                      </p:cBhvr>
                                      <p:tavLst>
                                        <p:tav tm="0">
                                          <p:val>
                                            <p:fltVal val="0"/>
                                          </p:val>
                                        </p:tav>
                                        <p:tav tm="100000">
                                          <p:val>
                                            <p:strVal val="#ppt_w"/>
                                          </p:val>
                                        </p:tav>
                                      </p:tavLst>
                                    </p:anim>
                                    <p:anim calcmode="lin" valueType="num">
                                      <p:cBhvr>
                                        <p:cTn id="40" dur="1000" fill="hold"/>
                                        <p:tgtEl>
                                          <p:spTgt spid="92172"/>
                                        </p:tgtEl>
                                        <p:attrNameLst>
                                          <p:attrName>ppt_h</p:attrName>
                                        </p:attrNameLst>
                                      </p:cBhvr>
                                      <p:tavLst>
                                        <p:tav tm="0">
                                          <p:val>
                                            <p:fltVal val="0"/>
                                          </p:val>
                                        </p:tav>
                                        <p:tav tm="100000">
                                          <p:val>
                                            <p:strVal val="#ppt_h"/>
                                          </p:val>
                                        </p:tav>
                                      </p:tavLst>
                                    </p:anim>
                                    <p:animEffect transition="in" filter="fade">
                                      <p:cBhvr>
                                        <p:cTn id="41" dur="1000"/>
                                        <p:tgtEl>
                                          <p:spTgt spid="92172"/>
                                        </p:tgtEl>
                                      </p:cBhvr>
                                    </p:animEffect>
                                  </p:childTnLst>
                                </p:cTn>
                              </p:par>
                            </p:childTnLst>
                          </p:cTn>
                        </p:par>
                      </p:childTnLst>
                    </p:cTn>
                  </p:par>
                  <p:par>
                    <p:cTn id="42" fill="hold">
                      <p:stCondLst>
                        <p:cond delay="indefinite"/>
                      </p:stCondLst>
                      <p:childTnLst>
                        <p:par>
                          <p:cTn id="43" fill="hold">
                            <p:stCondLst>
                              <p:cond delay="0"/>
                            </p:stCondLst>
                            <p:childTnLst>
                              <p:par>
                                <p:cTn id="44" presetID="1" presetClass="entr" presetSubtype="0" fill="hold" grpId="0" nodeType="clickEffect">
                                  <p:stCondLst>
                                    <p:cond delay="0"/>
                                  </p:stCondLst>
                                  <p:childTnLst>
                                    <p:set>
                                      <p:cBhvr>
                                        <p:cTn id="45" dur="1" fill="hold">
                                          <p:stCondLst>
                                            <p:cond delay="0"/>
                                          </p:stCondLst>
                                        </p:cTn>
                                        <p:tgtEl>
                                          <p:spTgt spid="134"/>
                                        </p:tgtEl>
                                        <p:attrNameLst>
                                          <p:attrName>style.visibility</p:attrName>
                                        </p:attrNameLst>
                                      </p:cBhvr>
                                      <p:to>
                                        <p:strVal val="visible"/>
                                      </p:to>
                                    </p:set>
                                  </p:childTnLst>
                                </p:cTn>
                              </p:par>
                            </p:childTnLst>
                          </p:cTn>
                        </p:par>
                        <p:par>
                          <p:cTn id="46" fill="hold">
                            <p:stCondLst>
                              <p:cond delay="0"/>
                            </p:stCondLst>
                            <p:childTnLst>
                              <p:par>
                                <p:cTn id="47" presetID="22" presetClass="entr" presetSubtype="4" fill="hold" nodeType="afterEffect">
                                  <p:stCondLst>
                                    <p:cond delay="0"/>
                                  </p:stCondLst>
                                  <p:childTnLst>
                                    <p:set>
                                      <p:cBhvr>
                                        <p:cTn id="48" dur="1" fill="hold">
                                          <p:stCondLst>
                                            <p:cond delay="0"/>
                                          </p:stCondLst>
                                        </p:cTn>
                                        <p:tgtEl>
                                          <p:spTgt spid="92173"/>
                                        </p:tgtEl>
                                        <p:attrNameLst>
                                          <p:attrName>style.visibility</p:attrName>
                                        </p:attrNameLst>
                                      </p:cBhvr>
                                      <p:to>
                                        <p:strVal val="visible"/>
                                      </p:to>
                                    </p:set>
                                    <p:animEffect transition="in" filter="wipe(down)">
                                      <p:cBhvr>
                                        <p:cTn id="49" dur="1000"/>
                                        <p:tgtEl>
                                          <p:spTgt spid="92173"/>
                                        </p:tgtEl>
                                      </p:cBhvr>
                                    </p:animEffect>
                                  </p:childTnLst>
                                </p:cTn>
                              </p:par>
                            </p:childTnLst>
                          </p:cTn>
                        </p:par>
                      </p:childTnLst>
                    </p:cTn>
                  </p:par>
                  <p:par>
                    <p:cTn id="50" fill="hold" nodeType="clickPar">
                      <p:stCondLst>
                        <p:cond delay="indefinite"/>
                      </p:stCondLst>
                      <p:childTnLst>
                        <p:par>
                          <p:cTn id="51" fill="hold" nodeType="withGroup">
                            <p:stCondLst>
                              <p:cond delay="0"/>
                            </p:stCondLst>
                            <p:childTnLst>
                              <p:par>
                                <p:cTn id="52" presetID="1" presetClass="entr" presetSubtype="0" fill="hold" nodeType="clickEffect">
                                  <p:stCondLst>
                                    <p:cond delay="0"/>
                                  </p:stCondLst>
                                  <p:childTnLst>
                                    <p:set>
                                      <p:cBhvr>
                                        <p:cTn id="53" dur="1" fill="hold">
                                          <p:stCondLst>
                                            <p:cond delay="0"/>
                                          </p:stCondLst>
                                        </p:cTn>
                                        <p:tgtEl>
                                          <p:spTgt spid="92264"/>
                                        </p:tgtEl>
                                        <p:attrNameLst>
                                          <p:attrName>style.visibility</p:attrName>
                                        </p:attrNameLst>
                                      </p:cBhvr>
                                      <p:to>
                                        <p:strVal val="visible"/>
                                      </p:to>
                                    </p:set>
                                  </p:childTnLst>
                                </p:cTn>
                              </p:par>
                            </p:childTnLst>
                          </p:cTn>
                        </p:par>
                        <p:par>
                          <p:cTn id="54" fill="hold" nodeType="afterGroup">
                            <p:stCondLst>
                              <p:cond delay="0"/>
                            </p:stCondLst>
                            <p:childTnLst>
                              <p:par>
                                <p:cTn id="55" presetID="63" presetClass="path" presetSubtype="0" accel="50000" decel="50000" fill="hold" nodeType="afterEffect">
                                  <p:stCondLst>
                                    <p:cond delay="0"/>
                                  </p:stCondLst>
                                  <p:childTnLst>
                                    <p:animMotion origin="layout" path="M -0.00608 0.00402 L 0.18247 0.00402 " pathEditMode="fixed" rAng="0" ptsTypes="AA">
                                      <p:cBhvr>
                                        <p:cTn id="56" dur="2000" fill="hold"/>
                                        <p:tgtEl>
                                          <p:spTgt spid="92264"/>
                                        </p:tgtEl>
                                        <p:attrNameLst>
                                          <p:attrName>ppt_x</p:attrName>
                                          <p:attrName>ppt_y</p:attrName>
                                        </p:attrNameLst>
                                      </p:cBhvr>
                                      <p:rCtr x="9427" y="0"/>
                                    </p:animMotion>
                                  </p:childTnLst>
                                </p:cTn>
                              </p:par>
                              <p:par>
                                <p:cTn id="57" presetID="22" presetClass="entr" presetSubtype="8" fill="hold" grpId="0" nodeType="withEffect">
                                  <p:stCondLst>
                                    <p:cond delay="0"/>
                                  </p:stCondLst>
                                  <p:childTnLst>
                                    <p:set>
                                      <p:cBhvr>
                                        <p:cTn id="58" dur="1" fill="hold">
                                          <p:stCondLst>
                                            <p:cond delay="0"/>
                                          </p:stCondLst>
                                        </p:cTn>
                                        <p:tgtEl>
                                          <p:spTgt spid="92263"/>
                                        </p:tgtEl>
                                        <p:attrNameLst>
                                          <p:attrName>style.visibility</p:attrName>
                                        </p:attrNameLst>
                                      </p:cBhvr>
                                      <p:to>
                                        <p:strVal val="visible"/>
                                      </p:to>
                                    </p:set>
                                    <p:animEffect transition="in" filter="wipe(left)">
                                      <p:cBhvr>
                                        <p:cTn id="59" dur="1000"/>
                                        <p:tgtEl>
                                          <p:spTgt spid="92263"/>
                                        </p:tgtEl>
                                      </p:cBhvr>
                                    </p:animEffect>
                                  </p:childTnLst>
                                </p:cTn>
                              </p:par>
                            </p:childTnLst>
                          </p:cTn>
                        </p:par>
                        <p:par>
                          <p:cTn id="60" fill="hold" nodeType="afterGroup">
                            <p:stCondLst>
                              <p:cond delay="2000"/>
                            </p:stCondLst>
                            <p:childTnLst>
                              <p:par>
                                <p:cTn id="61" presetID="1" presetClass="entr" presetSubtype="0" fill="hold" nodeType="afterEffect">
                                  <p:stCondLst>
                                    <p:cond delay="0"/>
                                  </p:stCondLst>
                                  <p:childTnLst>
                                    <p:set>
                                      <p:cBhvr>
                                        <p:cTn id="62" dur="1" fill="hold">
                                          <p:stCondLst>
                                            <p:cond delay="0"/>
                                          </p:stCondLst>
                                        </p:cTn>
                                        <p:tgtEl>
                                          <p:spTgt spid="92279"/>
                                        </p:tgtEl>
                                        <p:attrNameLst>
                                          <p:attrName>style.visibility</p:attrName>
                                        </p:attrNameLst>
                                      </p:cBhvr>
                                      <p:to>
                                        <p:strVal val="visible"/>
                                      </p:to>
                                    </p:set>
                                  </p:childTnLst>
                                </p:cTn>
                              </p:par>
                            </p:childTnLst>
                          </p:cTn>
                        </p:par>
                        <p:par>
                          <p:cTn id="63" fill="hold" nodeType="afterGroup">
                            <p:stCondLst>
                              <p:cond delay="2000"/>
                            </p:stCondLst>
                            <p:childTnLst>
                              <p:par>
                                <p:cTn id="64" presetID="63" presetClass="path" presetSubtype="0" accel="50000" decel="50000" fill="hold" nodeType="afterEffect">
                                  <p:stCondLst>
                                    <p:cond delay="0"/>
                                  </p:stCondLst>
                                  <p:childTnLst>
                                    <p:animMotion origin="layout" path="M -0.00747 -0.00185 L 0.19132 -0.00185 " pathEditMode="fixed" rAng="0" ptsTypes="AA">
                                      <p:cBhvr>
                                        <p:cTn id="65" dur="2000" fill="hold"/>
                                        <p:tgtEl>
                                          <p:spTgt spid="92279"/>
                                        </p:tgtEl>
                                        <p:attrNameLst>
                                          <p:attrName>ppt_x</p:attrName>
                                          <p:attrName>ppt_y</p:attrName>
                                        </p:attrNameLst>
                                      </p:cBhvr>
                                      <p:rCtr x="9931" y="0"/>
                                    </p:animMotion>
                                  </p:childTnLst>
                                </p:cTn>
                              </p:par>
                              <p:par>
                                <p:cTn id="66" presetID="22" presetClass="entr" presetSubtype="8" fill="hold" grpId="0" nodeType="withEffect">
                                  <p:stCondLst>
                                    <p:cond delay="0"/>
                                  </p:stCondLst>
                                  <p:childTnLst>
                                    <p:set>
                                      <p:cBhvr>
                                        <p:cTn id="67" dur="1" fill="hold">
                                          <p:stCondLst>
                                            <p:cond delay="0"/>
                                          </p:stCondLst>
                                        </p:cTn>
                                        <p:tgtEl>
                                          <p:spTgt spid="92262"/>
                                        </p:tgtEl>
                                        <p:attrNameLst>
                                          <p:attrName>style.visibility</p:attrName>
                                        </p:attrNameLst>
                                      </p:cBhvr>
                                      <p:to>
                                        <p:strVal val="visible"/>
                                      </p:to>
                                    </p:set>
                                    <p:animEffect transition="in" filter="wipe(left)">
                                      <p:cBhvr>
                                        <p:cTn id="68" dur="1000"/>
                                        <p:tgtEl>
                                          <p:spTgt spid="92262"/>
                                        </p:tgtEl>
                                      </p:cBhvr>
                                    </p:animEffect>
                                  </p:childTnLst>
                                </p:cTn>
                              </p:par>
                            </p:childTnLst>
                          </p:cTn>
                        </p:par>
                        <p:par>
                          <p:cTn id="69" fill="hold" nodeType="afterGroup">
                            <p:stCondLst>
                              <p:cond delay="4000"/>
                            </p:stCondLst>
                            <p:childTnLst>
                              <p:par>
                                <p:cTn id="70" presetID="1" presetClass="entr" presetSubtype="0" fill="hold" nodeType="afterEffect">
                                  <p:stCondLst>
                                    <p:cond delay="0"/>
                                  </p:stCondLst>
                                  <p:childTnLst>
                                    <p:set>
                                      <p:cBhvr>
                                        <p:cTn id="71" dur="1" fill="hold">
                                          <p:stCondLst>
                                            <p:cond delay="0"/>
                                          </p:stCondLst>
                                        </p:cTn>
                                        <p:tgtEl>
                                          <p:spTgt spid="92270"/>
                                        </p:tgtEl>
                                        <p:attrNameLst>
                                          <p:attrName>style.visibility</p:attrName>
                                        </p:attrNameLst>
                                      </p:cBhvr>
                                      <p:to>
                                        <p:strVal val="visible"/>
                                      </p:to>
                                    </p:set>
                                  </p:childTnLst>
                                </p:cTn>
                              </p:par>
                            </p:childTnLst>
                          </p:cTn>
                        </p:par>
                        <p:par>
                          <p:cTn id="72" fill="hold" nodeType="afterGroup">
                            <p:stCondLst>
                              <p:cond delay="4000"/>
                            </p:stCondLst>
                            <p:childTnLst>
                              <p:par>
                                <p:cTn id="73" presetID="63" presetClass="path" presetSubtype="0" accel="50000" decel="50000" fill="hold" nodeType="afterEffect">
                                  <p:stCondLst>
                                    <p:cond delay="0"/>
                                  </p:stCondLst>
                                  <p:childTnLst>
                                    <p:animMotion origin="layout" path="M 0.00104 0.00093 L 0.18542 0.00093 " pathEditMode="fixed" rAng="0" ptsTypes="AA">
                                      <p:cBhvr>
                                        <p:cTn id="74" dur="2000" fill="hold"/>
                                        <p:tgtEl>
                                          <p:spTgt spid="92270"/>
                                        </p:tgtEl>
                                        <p:attrNameLst>
                                          <p:attrName>ppt_x</p:attrName>
                                          <p:attrName>ppt_y</p:attrName>
                                        </p:attrNameLst>
                                      </p:cBhvr>
                                      <p:rCtr x="9219" y="0"/>
                                    </p:animMotion>
                                  </p:childTnLst>
                                </p:cTn>
                              </p:par>
                              <p:par>
                                <p:cTn id="75" presetID="22" presetClass="entr" presetSubtype="8" fill="hold" grpId="0" nodeType="withEffect">
                                  <p:stCondLst>
                                    <p:cond delay="0"/>
                                  </p:stCondLst>
                                  <p:childTnLst>
                                    <p:set>
                                      <p:cBhvr>
                                        <p:cTn id="76" dur="1" fill="hold">
                                          <p:stCondLst>
                                            <p:cond delay="0"/>
                                          </p:stCondLst>
                                        </p:cTn>
                                        <p:tgtEl>
                                          <p:spTgt spid="92261"/>
                                        </p:tgtEl>
                                        <p:attrNameLst>
                                          <p:attrName>style.visibility</p:attrName>
                                        </p:attrNameLst>
                                      </p:cBhvr>
                                      <p:to>
                                        <p:strVal val="visible"/>
                                      </p:to>
                                    </p:set>
                                    <p:animEffect transition="in" filter="wipe(left)">
                                      <p:cBhvr>
                                        <p:cTn id="77" dur="1000"/>
                                        <p:tgtEl>
                                          <p:spTgt spid="92261"/>
                                        </p:tgtEl>
                                      </p:cBhvr>
                                    </p:animEffect>
                                  </p:childTnLst>
                                </p:cTn>
                              </p:par>
                            </p:childTnLst>
                          </p:cTn>
                        </p:par>
                        <p:par>
                          <p:cTn id="78" fill="hold" nodeType="afterGroup">
                            <p:stCondLst>
                              <p:cond delay="6000"/>
                            </p:stCondLst>
                            <p:childTnLst>
                              <p:par>
                                <p:cTn id="79" presetID="1" presetClass="entr" presetSubtype="0" fill="hold" nodeType="afterEffect">
                                  <p:stCondLst>
                                    <p:cond delay="0"/>
                                  </p:stCondLst>
                                  <p:childTnLst>
                                    <p:set>
                                      <p:cBhvr>
                                        <p:cTn id="80" dur="1" fill="hold">
                                          <p:stCondLst>
                                            <p:cond delay="0"/>
                                          </p:stCondLst>
                                        </p:cTn>
                                        <p:tgtEl>
                                          <p:spTgt spid="92283"/>
                                        </p:tgtEl>
                                        <p:attrNameLst>
                                          <p:attrName>style.visibility</p:attrName>
                                        </p:attrNameLst>
                                      </p:cBhvr>
                                      <p:to>
                                        <p:strVal val="visible"/>
                                      </p:to>
                                    </p:set>
                                  </p:childTnLst>
                                </p:cTn>
                              </p:par>
                            </p:childTnLst>
                          </p:cTn>
                        </p:par>
                        <p:par>
                          <p:cTn id="81" fill="hold" nodeType="afterGroup">
                            <p:stCondLst>
                              <p:cond delay="6000"/>
                            </p:stCondLst>
                            <p:childTnLst>
                              <p:par>
                                <p:cTn id="82" presetID="63" presetClass="path" presetSubtype="0" accel="50000" decel="50000" fill="hold" nodeType="afterEffect">
                                  <p:stCondLst>
                                    <p:cond delay="0"/>
                                  </p:stCondLst>
                                  <p:childTnLst>
                                    <p:animMotion origin="layout" path="M 0.00868 0.00124 L 0.19948 0.00124 " pathEditMode="fixed" rAng="0" ptsTypes="AA">
                                      <p:cBhvr>
                                        <p:cTn id="83" dur="2000" fill="hold"/>
                                        <p:tgtEl>
                                          <p:spTgt spid="92283"/>
                                        </p:tgtEl>
                                        <p:attrNameLst>
                                          <p:attrName>ppt_x</p:attrName>
                                          <p:attrName>ppt_y</p:attrName>
                                        </p:attrNameLst>
                                      </p:cBhvr>
                                      <p:rCtr x="9531" y="0"/>
                                    </p:animMotion>
                                  </p:childTnLst>
                                </p:cTn>
                              </p:par>
                              <p:par>
                                <p:cTn id="84" presetID="22" presetClass="entr" presetSubtype="8" fill="hold" grpId="0" nodeType="withEffect">
                                  <p:stCondLst>
                                    <p:cond delay="0"/>
                                  </p:stCondLst>
                                  <p:childTnLst>
                                    <p:set>
                                      <p:cBhvr>
                                        <p:cTn id="85" dur="1" fill="hold">
                                          <p:stCondLst>
                                            <p:cond delay="0"/>
                                          </p:stCondLst>
                                        </p:cTn>
                                        <p:tgtEl>
                                          <p:spTgt spid="92260"/>
                                        </p:tgtEl>
                                        <p:attrNameLst>
                                          <p:attrName>style.visibility</p:attrName>
                                        </p:attrNameLst>
                                      </p:cBhvr>
                                      <p:to>
                                        <p:strVal val="visible"/>
                                      </p:to>
                                    </p:set>
                                    <p:animEffect transition="in" filter="wipe(left)">
                                      <p:cBhvr>
                                        <p:cTn id="86" dur="1000"/>
                                        <p:tgtEl>
                                          <p:spTgt spid="92260"/>
                                        </p:tgtEl>
                                      </p:cBhvr>
                                    </p:animEffect>
                                  </p:childTnLst>
                                </p:cTn>
                              </p:par>
                            </p:childTnLst>
                          </p:cTn>
                        </p:par>
                        <p:par>
                          <p:cTn id="87" fill="hold" nodeType="afterGroup">
                            <p:stCondLst>
                              <p:cond delay="8000"/>
                            </p:stCondLst>
                            <p:childTnLst>
                              <p:par>
                                <p:cTn id="88" presetID="1" presetClass="entr" presetSubtype="0" fill="hold" grpId="0" nodeType="afterEffect">
                                  <p:stCondLst>
                                    <p:cond delay="0"/>
                                  </p:stCondLst>
                                  <p:childTnLst>
                                    <p:set>
                                      <p:cBhvr>
                                        <p:cTn id="89" dur="1" fill="hold">
                                          <p:stCondLst>
                                            <p:cond delay="0"/>
                                          </p:stCondLst>
                                        </p:cTn>
                                        <p:tgtEl>
                                          <p:spTgt spid="92288"/>
                                        </p:tgtEl>
                                        <p:attrNameLst>
                                          <p:attrName>style.visibility</p:attrName>
                                        </p:attrNameLst>
                                      </p:cBhvr>
                                      <p:to>
                                        <p:strVal val="visible"/>
                                      </p:to>
                                    </p:set>
                                  </p:childTnLst>
                                </p:cTn>
                              </p:par>
                            </p:childTnLst>
                          </p:cTn>
                        </p:par>
                        <p:par>
                          <p:cTn id="90" fill="hold" nodeType="afterGroup">
                            <p:stCondLst>
                              <p:cond delay="8000"/>
                            </p:stCondLst>
                            <p:childTnLst>
                              <p:par>
                                <p:cTn id="91" presetID="63" presetClass="path" presetSubtype="0" accel="50000" decel="50000" fill="hold" grpId="1" nodeType="afterEffect">
                                  <p:stCondLst>
                                    <p:cond delay="0"/>
                                  </p:stCondLst>
                                  <p:childTnLst>
                                    <p:animMotion origin="layout" path="M 0.00156 0.00092 L 0.18229 0.00092 " pathEditMode="fixed" rAng="0" ptsTypes="AA">
                                      <p:cBhvr>
                                        <p:cTn id="92" dur="2000" fill="hold"/>
                                        <p:tgtEl>
                                          <p:spTgt spid="92288"/>
                                        </p:tgtEl>
                                        <p:attrNameLst>
                                          <p:attrName>ppt_x</p:attrName>
                                          <p:attrName>ppt_y</p:attrName>
                                        </p:attrNameLst>
                                      </p:cBhvr>
                                      <p:rCtr x="9028" y="0"/>
                                    </p:animMotion>
                                  </p:childTnLst>
                                </p:cTn>
                              </p:par>
                              <p:par>
                                <p:cTn id="93" presetID="22" presetClass="entr" presetSubtype="8" fill="hold" grpId="0" nodeType="withEffect">
                                  <p:stCondLst>
                                    <p:cond delay="0"/>
                                  </p:stCondLst>
                                  <p:childTnLst>
                                    <p:set>
                                      <p:cBhvr>
                                        <p:cTn id="94" dur="1" fill="hold">
                                          <p:stCondLst>
                                            <p:cond delay="0"/>
                                          </p:stCondLst>
                                        </p:cTn>
                                        <p:tgtEl>
                                          <p:spTgt spid="92259"/>
                                        </p:tgtEl>
                                        <p:attrNameLst>
                                          <p:attrName>style.visibility</p:attrName>
                                        </p:attrNameLst>
                                      </p:cBhvr>
                                      <p:to>
                                        <p:strVal val="visible"/>
                                      </p:to>
                                    </p:set>
                                    <p:animEffect transition="in" filter="wipe(left)">
                                      <p:cBhvr>
                                        <p:cTn id="95" dur="1000"/>
                                        <p:tgtEl>
                                          <p:spTgt spid="92259"/>
                                        </p:tgtEl>
                                      </p:cBhvr>
                                    </p:animEffect>
                                  </p:childTnLst>
                                </p:cTn>
                              </p:par>
                            </p:childTnLst>
                          </p:cTn>
                        </p:par>
                        <p:par>
                          <p:cTn id="96" fill="hold" nodeType="afterGroup">
                            <p:stCondLst>
                              <p:cond delay="10000"/>
                            </p:stCondLst>
                            <p:childTnLst>
                              <p:par>
                                <p:cTn id="97" presetID="1" presetClass="entr" presetSubtype="0" fill="hold" nodeType="afterEffect">
                                  <p:stCondLst>
                                    <p:cond delay="0"/>
                                  </p:stCondLst>
                                  <p:childTnLst>
                                    <p:set>
                                      <p:cBhvr>
                                        <p:cTn id="98" dur="1" fill="hold">
                                          <p:stCondLst>
                                            <p:cond delay="0"/>
                                          </p:stCondLst>
                                        </p:cTn>
                                        <p:tgtEl>
                                          <p:spTgt spid="92273"/>
                                        </p:tgtEl>
                                        <p:attrNameLst>
                                          <p:attrName>style.visibility</p:attrName>
                                        </p:attrNameLst>
                                      </p:cBhvr>
                                      <p:to>
                                        <p:strVal val="visible"/>
                                      </p:to>
                                    </p:set>
                                  </p:childTnLst>
                                </p:cTn>
                              </p:par>
                            </p:childTnLst>
                          </p:cTn>
                        </p:par>
                        <p:par>
                          <p:cTn id="99" fill="hold" nodeType="afterGroup">
                            <p:stCondLst>
                              <p:cond delay="10000"/>
                            </p:stCondLst>
                            <p:childTnLst>
                              <p:par>
                                <p:cTn id="100" presetID="63" presetClass="path" presetSubtype="0" accel="50000" decel="50000" fill="hold" nodeType="afterEffect">
                                  <p:stCondLst>
                                    <p:cond delay="0"/>
                                  </p:stCondLst>
                                  <p:childTnLst>
                                    <p:animMotion origin="layout" path="M 0.00017 0.00092 L 0.18247 0.00092 " pathEditMode="fixed" rAng="0" ptsTypes="AA">
                                      <p:cBhvr>
                                        <p:cTn id="101" dur="2000" fill="hold"/>
                                        <p:tgtEl>
                                          <p:spTgt spid="92273"/>
                                        </p:tgtEl>
                                        <p:attrNameLst>
                                          <p:attrName>ppt_x</p:attrName>
                                          <p:attrName>ppt_y</p:attrName>
                                        </p:attrNameLst>
                                      </p:cBhvr>
                                      <p:rCtr x="9115" y="0"/>
                                    </p:animMotion>
                                  </p:childTnLst>
                                </p:cTn>
                              </p:par>
                              <p:par>
                                <p:cTn id="102" presetID="22" presetClass="entr" presetSubtype="8" fill="hold" grpId="0" nodeType="withEffect">
                                  <p:stCondLst>
                                    <p:cond delay="0"/>
                                  </p:stCondLst>
                                  <p:childTnLst>
                                    <p:set>
                                      <p:cBhvr>
                                        <p:cTn id="103" dur="1" fill="hold">
                                          <p:stCondLst>
                                            <p:cond delay="0"/>
                                          </p:stCondLst>
                                        </p:cTn>
                                        <p:tgtEl>
                                          <p:spTgt spid="92258"/>
                                        </p:tgtEl>
                                        <p:attrNameLst>
                                          <p:attrName>style.visibility</p:attrName>
                                        </p:attrNameLst>
                                      </p:cBhvr>
                                      <p:to>
                                        <p:strVal val="visible"/>
                                      </p:to>
                                    </p:set>
                                    <p:animEffect transition="in" filter="wipe(left)">
                                      <p:cBhvr>
                                        <p:cTn id="104" dur="1000"/>
                                        <p:tgtEl>
                                          <p:spTgt spid="92258"/>
                                        </p:tgtEl>
                                      </p:cBhvr>
                                    </p:animEffect>
                                  </p:childTnLst>
                                </p:cTn>
                              </p:par>
                            </p:childTnLst>
                          </p:cTn>
                        </p:par>
                        <p:par>
                          <p:cTn id="105" fill="hold" nodeType="afterGroup">
                            <p:stCondLst>
                              <p:cond delay="12000"/>
                            </p:stCondLst>
                            <p:childTnLst>
                              <p:par>
                                <p:cTn id="106" presetID="1" presetClass="entr" presetSubtype="0" fill="hold" nodeType="afterEffect">
                                  <p:stCondLst>
                                    <p:cond delay="0"/>
                                  </p:stCondLst>
                                  <p:childTnLst>
                                    <p:set>
                                      <p:cBhvr>
                                        <p:cTn id="107" dur="1" fill="hold">
                                          <p:stCondLst>
                                            <p:cond delay="0"/>
                                          </p:stCondLst>
                                        </p:cTn>
                                        <p:tgtEl>
                                          <p:spTgt spid="92276"/>
                                        </p:tgtEl>
                                        <p:attrNameLst>
                                          <p:attrName>style.visibility</p:attrName>
                                        </p:attrNameLst>
                                      </p:cBhvr>
                                      <p:to>
                                        <p:strVal val="visible"/>
                                      </p:to>
                                    </p:set>
                                  </p:childTnLst>
                                </p:cTn>
                              </p:par>
                            </p:childTnLst>
                          </p:cTn>
                        </p:par>
                        <p:par>
                          <p:cTn id="108" fill="hold" nodeType="afterGroup">
                            <p:stCondLst>
                              <p:cond delay="12000"/>
                            </p:stCondLst>
                            <p:childTnLst>
                              <p:par>
                                <p:cTn id="109" presetID="63" presetClass="path" presetSubtype="0" accel="50000" decel="50000" fill="hold" nodeType="afterEffect">
                                  <p:stCondLst>
                                    <p:cond delay="0"/>
                                  </p:stCondLst>
                                  <p:childTnLst>
                                    <p:animMotion origin="layout" path="M 0.00104 0.00092 L 0.19479 0.00092 " pathEditMode="fixed" rAng="0" ptsTypes="AA">
                                      <p:cBhvr>
                                        <p:cTn id="110" dur="2000" fill="hold"/>
                                        <p:tgtEl>
                                          <p:spTgt spid="92276"/>
                                        </p:tgtEl>
                                        <p:attrNameLst>
                                          <p:attrName>ppt_x</p:attrName>
                                          <p:attrName>ppt_y</p:attrName>
                                        </p:attrNameLst>
                                      </p:cBhvr>
                                      <p:rCtr x="9687" y="0"/>
                                    </p:animMotion>
                                  </p:childTnLst>
                                </p:cTn>
                              </p:par>
                              <p:par>
                                <p:cTn id="111" presetID="22" presetClass="entr" presetSubtype="8" fill="hold" grpId="0" nodeType="withEffect">
                                  <p:stCondLst>
                                    <p:cond delay="0"/>
                                  </p:stCondLst>
                                  <p:childTnLst>
                                    <p:set>
                                      <p:cBhvr>
                                        <p:cTn id="112" dur="1" fill="hold">
                                          <p:stCondLst>
                                            <p:cond delay="0"/>
                                          </p:stCondLst>
                                        </p:cTn>
                                        <p:tgtEl>
                                          <p:spTgt spid="92257"/>
                                        </p:tgtEl>
                                        <p:attrNameLst>
                                          <p:attrName>style.visibility</p:attrName>
                                        </p:attrNameLst>
                                      </p:cBhvr>
                                      <p:to>
                                        <p:strVal val="visible"/>
                                      </p:to>
                                    </p:set>
                                    <p:animEffect transition="in" filter="wipe(left)">
                                      <p:cBhvr>
                                        <p:cTn id="113" dur="1000"/>
                                        <p:tgtEl>
                                          <p:spTgt spid="92257"/>
                                        </p:tgtEl>
                                      </p:cBhvr>
                                    </p:animEffect>
                                  </p:childTnLst>
                                </p:cTn>
                              </p:par>
                            </p:childTnLst>
                          </p:cTn>
                        </p:par>
                      </p:childTnLst>
                    </p:cTn>
                  </p:par>
                  <p:par>
                    <p:cTn id="114" fill="hold">
                      <p:stCondLst>
                        <p:cond delay="indefinite"/>
                      </p:stCondLst>
                      <p:childTnLst>
                        <p:par>
                          <p:cTn id="115" fill="hold">
                            <p:stCondLst>
                              <p:cond delay="0"/>
                            </p:stCondLst>
                            <p:childTnLst>
                              <p:par>
                                <p:cTn id="116" presetID="1" presetClass="entr" presetSubtype="0" fill="hold" nodeType="clickEffect">
                                  <p:stCondLst>
                                    <p:cond delay="0"/>
                                  </p:stCondLst>
                                  <p:childTnLst>
                                    <p:set>
                                      <p:cBhvr>
                                        <p:cTn id="117" dur="1" fill="hold">
                                          <p:stCondLst>
                                            <p:cond delay="0"/>
                                          </p:stCondLst>
                                        </p:cTn>
                                        <p:tgtEl>
                                          <p:spTgt spid="4"/>
                                        </p:tgtEl>
                                        <p:attrNameLst>
                                          <p:attrName>style.visibility</p:attrName>
                                        </p:attrNameLst>
                                      </p:cBhvr>
                                      <p:to>
                                        <p:strVal val="visible"/>
                                      </p:to>
                                    </p:set>
                                  </p:childTnLst>
                                </p:cTn>
                              </p:par>
                            </p:childTnLst>
                          </p:cTn>
                        </p:par>
                        <p:par>
                          <p:cTn id="118" fill="hold">
                            <p:stCondLst>
                              <p:cond delay="0"/>
                            </p:stCondLst>
                            <p:childTnLst>
                              <p:par>
                                <p:cTn id="119" presetID="22" presetClass="entr" presetSubtype="1" fill="hold" nodeType="afterEffect">
                                  <p:stCondLst>
                                    <p:cond delay="500"/>
                                  </p:stCondLst>
                                  <p:childTnLst>
                                    <p:set>
                                      <p:cBhvr>
                                        <p:cTn id="120" dur="1" fill="hold">
                                          <p:stCondLst>
                                            <p:cond delay="0"/>
                                          </p:stCondLst>
                                        </p:cTn>
                                        <p:tgtEl>
                                          <p:spTgt spid="2"/>
                                        </p:tgtEl>
                                        <p:attrNameLst>
                                          <p:attrName>style.visibility</p:attrName>
                                        </p:attrNameLst>
                                      </p:cBhvr>
                                      <p:to>
                                        <p:strVal val="visible"/>
                                      </p:to>
                                    </p:set>
                                    <p:animEffect transition="in" filter="wipe(up)">
                                      <p:cBhvr>
                                        <p:cTn id="121" dur="10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2172" grpId="0" animBg="1"/>
      <p:bldP spid="92301" grpId="0" animBg="1"/>
      <p:bldP spid="92257" grpId="0" animBg="1"/>
      <p:bldP spid="92258" grpId="0" animBg="1"/>
      <p:bldP spid="92259" grpId="0" animBg="1"/>
      <p:bldP spid="92260" grpId="0" animBg="1"/>
      <p:bldP spid="92261" grpId="0" animBg="1"/>
      <p:bldP spid="92262" grpId="0" animBg="1"/>
      <p:bldP spid="92263" grpId="0" animBg="1"/>
      <p:bldP spid="92288" grpId="0" animBg="1"/>
      <p:bldP spid="92288" grpId="1" animBg="1"/>
      <p:bldP spid="133" grpId="0" animBg="1"/>
      <p:bldP spid="134" grpId="0" animBg="1"/>
      <p:bldP spid="135" grpId="0" animBg="1"/>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Box 3"/>
          <p:cNvSpPr txBox="1">
            <a:spLocks noChangeArrowheads="1"/>
          </p:cNvSpPr>
          <p:nvPr/>
        </p:nvSpPr>
        <p:spPr bwMode="auto">
          <a:xfrm>
            <a:off x="1475656" y="897564"/>
            <a:ext cx="6429969" cy="3141223"/>
          </a:xfrm>
          <a:prstGeom prst="rect">
            <a:avLst/>
          </a:prstGeom>
          <a:solidFill>
            <a:srgbClr val="FFFFFF">
              <a:alpha val="50195"/>
            </a:srgbClr>
          </a:solidFill>
          <a:ln>
            <a:noFill/>
          </a:ln>
          <a:effectLst/>
          <a:extLs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marL="180975" indent="-180975"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marL="0" indent="0">
              <a:spcBef>
                <a:spcPct val="10000"/>
              </a:spcBef>
              <a:spcAft>
                <a:spcPct val="10000"/>
              </a:spcAft>
            </a:pPr>
            <a:r>
              <a:rPr lang="es-419" altLang="en-US" sz="1500" b="1" dirty="0">
                <a:latin typeface="Arial" pitchFamily="34" charset="0"/>
              </a:rPr>
              <a:t>Ventajas:</a:t>
            </a:r>
          </a:p>
          <a:p>
            <a:pPr marL="342900" indent="-342900">
              <a:spcBef>
                <a:spcPct val="10000"/>
              </a:spcBef>
              <a:spcAft>
                <a:spcPct val="10000"/>
              </a:spcAft>
              <a:buFont typeface="Arial" panose="020B0604020202020204" pitchFamily="34" charset="0"/>
              <a:buChar char="•"/>
            </a:pPr>
            <a:r>
              <a:rPr lang="es-419" altLang="en-US" sz="1400" dirty="0">
                <a:latin typeface="Arial" pitchFamily="34" charset="0"/>
              </a:rPr>
              <a:t>Las entidades están responsables por sus propios conjuntos de datos; sólo tienen que respetar principios básicos definidos</a:t>
            </a:r>
          </a:p>
          <a:p>
            <a:pPr marL="342900" indent="-342900">
              <a:spcBef>
                <a:spcPct val="10000"/>
              </a:spcBef>
              <a:spcAft>
                <a:spcPct val="10000"/>
              </a:spcAft>
              <a:buFont typeface="Arial" panose="020B0604020202020204" pitchFamily="34" charset="0"/>
              <a:buChar char="•"/>
            </a:pPr>
            <a:r>
              <a:rPr lang="es-419" altLang="en-US" sz="1400" dirty="0">
                <a:latin typeface="Arial" pitchFamily="34" charset="0"/>
              </a:rPr>
              <a:t>el miedo de perder el control sobre sus datos puede superarse</a:t>
            </a:r>
          </a:p>
          <a:p>
            <a:pPr marL="342900" indent="-342900">
              <a:spcBef>
                <a:spcPct val="10000"/>
              </a:spcBef>
              <a:spcAft>
                <a:spcPct val="10000"/>
              </a:spcAft>
              <a:buFont typeface="Arial" panose="020B0604020202020204" pitchFamily="34" charset="0"/>
              <a:buChar char="•"/>
            </a:pPr>
            <a:endParaRPr lang="es-419" altLang="en-US" sz="1400" dirty="0">
              <a:latin typeface="Arial" pitchFamily="34" charset="0"/>
            </a:endParaRPr>
          </a:p>
          <a:p>
            <a:pPr>
              <a:spcBef>
                <a:spcPct val="10000"/>
              </a:spcBef>
              <a:spcAft>
                <a:spcPct val="10000"/>
              </a:spcAft>
              <a:buFontTx/>
              <a:buChar char="•"/>
            </a:pPr>
            <a:endParaRPr lang="es-419" altLang="en-US" sz="1400" dirty="0">
              <a:latin typeface="+mn-lt"/>
            </a:endParaRPr>
          </a:p>
          <a:p>
            <a:pPr>
              <a:spcBef>
                <a:spcPct val="10000"/>
              </a:spcBef>
              <a:spcAft>
                <a:spcPct val="10000"/>
              </a:spcAft>
              <a:buFontTx/>
              <a:buChar char="•"/>
            </a:pPr>
            <a:endParaRPr lang="es-419" altLang="en-US" sz="1400" dirty="0">
              <a:latin typeface="+mn-lt"/>
            </a:endParaRPr>
          </a:p>
          <a:p>
            <a:pPr>
              <a:spcBef>
                <a:spcPct val="10000"/>
              </a:spcBef>
              <a:spcAft>
                <a:spcPct val="10000"/>
              </a:spcAft>
              <a:buFontTx/>
              <a:buChar char="•"/>
            </a:pPr>
            <a:endParaRPr lang="es-419" altLang="en-US" sz="1400" dirty="0">
              <a:latin typeface="+mn-lt"/>
            </a:endParaRPr>
          </a:p>
          <a:p>
            <a:pPr>
              <a:spcBef>
                <a:spcPct val="10000"/>
              </a:spcBef>
              <a:spcAft>
                <a:spcPct val="10000"/>
              </a:spcAft>
              <a:buFontTx/>
              <a:buChar char="•"/>
            </a:pPr>
            <a:endParaRPr lang="es-419" altLang="en-US" sz="1400" dirty="0">
              <a:latin typeface="+mn-lt"/>
            </a:endParaRPr>
          </a:p>
          <a:p>
            <a:pPr>
              <a:spcBef>
                <a:spcPct val="10000"/>
              </a:spcBef>
              <a:spcAft>
                <a:spcPct val="10000"/>
              </a:spcAft>
              <a:buFontTx/>
              <a:buChar char="•"/>
            </a:pPr>
            <a:endParaRPr lang="es-419" altLang="en-US" sz="1400" dirty="0">
              <a:latin typeface="+mn-lt"/>
            </a:endParaRPr>
          </a:p>
          <a:p>
            <a:pPr>
              <a:spcBef>
                <a:spcPct val="10000"/>
              </a:spcBef>
              <a:spcAft>
                <a:spcPct val="10000"/>
              </a:spcAft>
              <a:buFontTx/>
              <a:buChar char="•"/>
            </a:pPr>
            <a:endParaRPr lang="es-419" altLang="en-US" sz="1400" dirty="0">
              <a:latin typeface="+mn-lt"/>
            </a:endParaRPr>
          </a:p>
          <a:p>
            <a:pPr>
              <a:spcBef>
                <a:spcPct val="10000"/>
              </a:spcBef>
              <a:spcAft>
                <a:spcPct val="10000"/>
              </a:spcAft>
              <a:buFontTx/>
              <a:buChar char="•"/>
            </a:pPr>
            <a:endParaRPr lang="es-419" altLang="en-US" sz="1400" dirty="0">
              <a:latin typeface="+mn-lt"/>
            </a:endParaRPr>
          </a:p>
          <a:p>
            <a:pPr>
              <a:spcBef>
                <a:spcPct val="10000"/>
              </a:spcBef>
              <a:spcAft>
                <a:spcPct val="10000"/>
              </a:spcAft>
              <a:buFontTx/>
              <a:buChar char="•"/>
            </a:pPr>
            <a:endParaRPr lang="es-419" altLang="en-US" sz="800" dirty="0">
              <a:latin typeface="+mn-lt"/>
            </a:endParaRPr>
          </a:p>
          <a:p>
            <a:pPr marL="342900" indent="-342900">
              <a:spcBef>
                <a:spcPct val="10000"/>
              </a:spcBef>
              <a:spcAft>
                <a:spcPct val="10000"/>
              </a:spcAft>
              <a:buFont typeface="Arial" panose="020B0604020202020204" pitchFamily="34" charset="0"/>
              <a:buChar char="•"/>
            </a:pPr>
            <a:r>
              <a:rPr lang="es-419" altLang="en-US" sz="1400" dirty="0">
                <a:latin typeface="Arial" pitchFamily="34" charset="0"/>
              </a:rPr>
              <a:t>flujos de trabajo y de datos pueden ser claramente definidos y administrados por cada actor independiente de los demás</a:t>
            </a:r>
            <a:endParaRPr lang="es-419" altLang="en-US" sz="1400" dirty="0"/>
          </a:p>
        </p:txBody>
      </p:sp>
      <p:grpSp>
        <p:nvGrpSpPr>
          <p:cNvPr id="3" name="Gruppieren 2"/>
          <p:cNvGrpSpPr/>
          <p:nvPr/>
        </p:nvGrpSpPr>
        <p:grpSpPr>
          <a:xfrm>
            <a:off x="2286085" y="2129764"/>
            <a:ext cx="2996921" cy="1792973"/>
            <a:chOff x="900113" y="1123950"/>
            <a:chExt cx="5895975" cy="4394200"/>
          </a:xfrm>
        </p:grpSpPr>
        <p:sp>
          <p:nvSpPr>
            <p:cNvPr id="8" name="Rectangle 140"/>
            <p:cNvSpPr>
              <a:spLocks noChangeArrowheads="1"/>
            </p:cNvSpPr>
            <p:nvPr/>
          </p:nvSpPr>
          <p:spPr bwMode="auto">
            <a:xfrm>
              <a:off x="900113" y="1123950"/>
              <a:ext cx="5832475" cy="4392613"/>
            </a:xfrm>
            <a:prstGeom prst="rect">
              <a:avLst/>
            </a:prstGeom>
            <a:solidFill>
              <a:srgbClr val="FFFFFF">
                <a:alpha val="50195"/>
              </a:srgb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grpSp>
          <p:nvGrpSpPr>
            <p:cNvPr id="9" name="Group 6"/>
            <p:cNvGrpSpPr>
              <a:grpSpLocks/>
            </p:cNvGrpSpPr>
            <p:nvPr/>
          </p:nvGrpSpPr>
          <p:grpSpPr bwMode="auto">
            <a:xfrm>
              <a:off x="900113" y="1125538"/>
              <a:ext cx="5830887" cy="792162"/>
              <a:chOff x="612" y="618"/>
              <a:chExt cx="3673" cy="499"/>
            </a:xfrm>
          </p:grpSpPr>
          <p:sp>
            <p:nvSpPr>
              <p:cNvPr id="10" name="Rectangle 7"/>
              <p:cNvSpPr>
                <a:spLocks noChangeArrowheads="1"/>
              </p:cNvSpPr>
              <p:nvPr/>
            </p:nvSpPr>
            <p:spPr bwMode="auto">
              <a:xfrm>
                <a:off x="612" y="618"/>
                <a:ext cx="3673" cy="499"/>
              </a:xfrm>
              <a:prstGeom prst="rect">
                <a:avLst/>
              </a:prstGeom>
              <a:solidFill>
                <a:srgbClr val="DDDDDD"/>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11" name="Rectangle 8"/>
              <p:cNvSpPr>
                <a:spLocks noChangeArrowheads="1"/>
              </p:cNvSpPr>
              <p:nvPr/>
            </p:nvSpPr>
            <p:spPr bwMode="auto">
              <a:xfrm>
                <a:off x="1746" y="713"/>
                <a:ext cx="906" cy="2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419" altLang="de-DE" sz="600" b="1" dirty="0"/>
                  <a:t>Institution,</a:t>
                </a:r>
              </a:p>
              <a:p>
                <a:pPr>
                  <a:spcBef>
                    <a:spcPct val="0"/>
                  </a:spcBef>
                  <a:buFont typeface="Arial" pitchFamily="34" charset="0"/>
                  <a:buNone/>
                </a:pPr>
                <a:r>
                  <a:rPr lang="es-419" altLang="de-DE" sz="600" b="1" dirty="0"/>
                  <a:t>stakeholder</a:t>
                </a:r>
              </a:p>
            </p:txBody>
          </p:sp>
          <p:sp>
            <p:nvSpPr>
              <p:cNvPr id="12" name="Rectangle 9"/>
              <p:cNvSpPr>
                <a:spLocks noChangeArrowheads="1"/>
              </p:cNvSpPr>
              <p:nvPr/>
            </p:nvSpPr>
            <p:spPr bwMode="auto">
              <a:xfrm>
                <a:off x="675" y="713"/>
                <a:ext cx="501" cy="1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419" altLang="de-DE" sz="600" b="1" dirty="0"/>
                  <a:t>Legal topic</a:t>
                </a:r>
                <a:endParaRPr lang="es-419" altLang="de-DE" sz="600" dirty="0"/>
              </a:p>
            </p:txBody>
          </p:sp>
          <p:sp>
            <p:nvSpPr>
              <p:cNvPr id="13" name="Rectangle 10"/>
              <p:cNvSpPr>
                <a:spLocks noChangeArrowheads="1"/>
              </p:cNvSpPr>
              <p:nvPr/>
            </p:nvSpPr>
            <p:spPr bwMode="auto">
              <a:xfrm>
                <a:off x="3318" y="713"/>
                <a:ext cx="936" cy="21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gn="ctr">
                  <a:lnSpc>
                    <a:spcPct val="85000"/>
                  </a:lnSpc>
                  <a:spcBef>
                    <a:spcPct val="0"/>
                  </a:spcBef>
                  <a:buFont typeface="Arial" pitchFamily="34" charset="0"/>
                  <a:buNone/>
                </a:pPr>
                <a:r>
                  <a:rPr lang="es-419" altLang="de-DE" sz="525" dirty="0"/>
                  <a:t>spatial data,</a:t>
                </a:r>
              </a:p>
              <a:p>
                <a:pPr algn="ctr">
                  <a:lnSpc>
                    <a:spcPct val="85000"/>
                  </a:lnSpc>
                  <a:spcBef>
                    <a:spcPct val="0"/>
                  </a:spcBef>
                  <a:buFont typeface="Arial" pitchFamily="34" charset="0"/>
                  <a:buNone/>
                </a:pPr>
                <a:r>
                  <a:rPr lang="es-419" altLang="de-DE" sz="525" dirty="0"/>
                  <a:t>geoinformation</a:t>
                </a:r>
              </a:p>
            </p:txBody>
          </p:sp>
          <p:sp>
            <p:nvSpPr>
              <p:cNvPr id="14" name="Rectangle 11"/>
              <p:cNvSpPr>
                <a:spLocks noChangeArrowheads="1"/>
              </p:cNvSpPr>
              <p:nvPr/>
            </p:nvSpPr>
            <p:spPr bwMode="auto">
              <a:xfrm>
                <a:off x="2843" y="713"/>
                <a:ext cx="409" cy="21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gn="ctr">
                  <a:lnSpc>
                    <a:spcPct val="85000"/>
                  </a:lnSpc>
                  <a:spcBef>
                    <a:spcPct val="0"/>
                  </a:spcBef>
                  <a:buFont typeface="Arial" pitchFamily="34" charset="0"/>
                  <a:buNone/>
                </a:pPr>
                <a:r>
                  <a:rPr lang="es-419" altLang="de-DE" sz="525" dirty="0"/>
                  <a:t>textual </a:t>
                </a:r>
                <a:br>
                  <a:rPr lang="es-419" altLang="de-DE" sz="525" dirty="0"/>
                </a:br>
                <a:r>
                  <a:rPr lang="es-419" altLang="de-DE" sz="525" dirty="0"/>
                  <a:t>information</a:t>
                </a:r>
              </a:p>
            </p:txBody>
          </p:sp>
        </p:grpSp>
        <p:sp>
          <p:nvSpPr>
            <p:cNvPr id="15" name="AutoShape 12"/>
            <p:cNvSpPr>
              <a:spLocks noChangeArrowheads="1"/>
            </p:cNvSpPr>
            <p:nvPr/>
          </p:nvSpPr>
          <p:spPr bwMode="auto">
            <a:xfrm>
              <a:off x="5868144" y="2317750"/>
              <a:ext cx="304800" cy="2584450"/>
            </a:xfrm>
            <a:prstGeom prst="upDownArrow">
              <a:avLst>
                <a:gd name="adj1" fmla="val 32500"/>
                <a:gd name="adj2" fmla="val 68069"/>
              </a:avLst>
            </a:prstGeom>
            <a:gradFill rotWithShape="0">
              <a:gsLst>
                <a:gs pos="0">
                  <a:srgbClr val="FF9900"/>
                </a:gs>
                <a:gs pos="50000">
                  <a:srgbClr val="FFCC66"/>
                </a:gs>
                <a:gs pos="100000">
                  <a:srgbClr val="FF9900"/>
                </a:gs>
              </a:gsLst>
              <a:lin ang="5400000" scaled="1"/>
            </a:gra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grpSp>
          <p:nvGrpSpPr>
            <p:cNvPr id="16" name="Group 24"/>
            <p:cNvGrpSpPr>
              <a:grpSpLocks/>
            </p:cNvGrpSpPr>
            <p:nvPr/>
          </p:nvGrpSpPr>
          <p:grpSpPr bwMode="auto">
            <a:xfrm>
              <a:off x="900113" y="1963738"/>
              <a:ext cx="5832475" cy="3554412"/>
              <a:chOff x="612" y="1146"/>
              <a:chExt cx="3674" cy="2239"/>
            </a:xfrm>
          </p:grpSpPr>
          <p:sp>
            <p:nvSpPr>
              <p:cNvPr id="17" name="Rectangle 25"/>
              <p:cNvSpPr>
                <a:spLocks noChangeArrowheads="1"/>
              </p:cNvSpPr>
              <p:nvPr/>
            </p:nvSpPr>
            <p:spPr bwMode="auto">
              <a:xfrm>
                <a:off x="612" y="2016"/>
                <a:ext cx="3674" cy="272"/>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18" name="Rectangle 26"/>
              <p:cNvSpPr>
                <a:spLocks noChangeArrowheads="1"/>
              </p:cNvSpPr>
              <p:nvPr/>
            </p:nvSpPr>
            <p:spPr bwMode="auto">
              <a:xfrm>
                <a:off x="612" y="1726"/>
                <a:ext cx="3674" cy="272"/>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19" name="Rectangle 27"/>
              <p:cNvSpPr>
                <a:spLocks noChangeArrowheads="1"/>
              </p:cNvSpPr>
              <p:nvPr/>
            </p:nvSpPr>
            <p:spPr bwMode="auto">
              <a:xfrm>
                <a:off x="612" y="1146"/>
                <a:ext cx="3674" cy="272"/>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20" name="Rectangle 28"/>
              <p:cNvSpPr>
                <a:spLocks noChangeArrowheads="1"/>
              </p:cNvSpPr>
              <p:nvPr/>
            </p:nvSpPr>
            <p:spPr bwMode="auto">
              <a:xfrm>
                <a:off x="612" y="1436"/>
                <a:ext cx="3674" cy="272"/>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21" name="Rectangle 29"/>
              <p:cNvSpPr>
                <a:spLocks noChangeArrowheads="1"/>
              </p:cNvSpPr>
              <p:nvPr/>
            </p:nvSpPr>
            <p:spPr bwMode="auto">
              <a:xfrm>
                <a:off x="612" y="2306"/>
                <a:ext cx="3674" cy="272"/>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rgbClr val="F9F977">
                        <a:alpha val="39999"/>
                      </a:srgbClr>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22" name="Rectangle 30"/>
              <p:cNvSpPr>
                <a:spLocks noChangeArrowheads="1"/>
              </p:cNvSpPr>
              <p:nvPr/>
            </p:nvSpPr>
            <p:spPr bwMode="auto">
              <a:xfrm>
                <a:off x="612" y="2886"/>
                <a:ext cx="3674" cy="499"/>
              </a:xfrm>
              <a:prstGeom prst="rect">
                <a:avLst/>
              </a:prstGeom>
              <a:noFill/>
              <a:ln w="3175">
                <a:solidFill>
                  <a:schemeClr val="tx1"/>
                </a:solidFill>
                <a:miter lim="800000"/>
                <a:headEnd/>
                <a:tailEnd/>
              </a:ln>
              <a:effectLst/>
              <a:extLst>
                <a:ext uri="{909E8E84-426E-40DD-AFC4-6F175D3DCCD1}">
                  <a14:hiddenFill xmlns:a14="http://schemas.microsoft.com/office/drawing/2010/main">
                    <a:gradFill rotWithShape="1">
                      <a:gsLst>
                        <a:gs pos="0">
                          <a:srgbClr val="C6D9F1"/>
                        </a:gs>
                        <a:gs pos="100000">
                          <a:srgbClr val="FBD4B4">
                            <a:alpha val="39998"/>
                          </a:srgbClr>
                        </a:gs>
                      </a:gsLst>
                      <a:lin ang="18900000" scaled="1"/>
                    </a:gra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23" name="Rectangle 31"/>
              <p:cNvSpPr>
                <a:spLocks noChangeArrowheads="1"/>
              </p:cNvSpPr>
              <p:nvPr/>
            </p:nvSpPr>
            <p:spPr bwMode="auto">
              <a:xfrm>
                <a:off x="612" y="2596"/>
                <a:ext cx="3674" cy="272"/>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rgbClr val="CCFF99">
                        <a:alpha val="39999"/>
                      </a:srgbClr>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grpSp>
        <p:grpSp>
          <p:nvGrpSpPr>
            <p:cNvPr id="24" name="Group 39"/>
            <p:cNvGrpSpPr>
              <a:grpSpLocks/>
            </p:cNvGrpSpPr>
            <p:nvPr/>
          </p:nvGrpSpPr>
          <p:grpSpPr bwMode="auto">
            <a:xfrm>
              <a:off x="1116013" y="2060575"/>
              <a:ext cx="5538787" cy="3324226"/>
              <a:chOff x="765" y="1205"/>
              <a:chExt cx="3489" cy="2094"/>
            </a:xfrm>
          </p:grpSpPr>
          <p:sp>
            <p:nvSpPr>
              <p:cNvPr id="25" name="Rectangle 40"/>
              <p:cNvSpPr>
                <a:spLocks noChangeArrowheads="1"/>
              </p:cNvSpPr>
              <p:nvPr/>
            </p:nvSpPr>
            <p:spPr bwMode="auto">
              <a:xfrm>
                <a:off x="765" y="2115"/>
                <a:ext cx="763" cy="10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419" altLang="de-DE" sz="525" dirty="0"/>
                  <a:t>Collective land rights</a:t>
                </a:r>
              </a:p>
            </p:txBody>
          </p:sp>
          <p:sp>
            <p:nvSpPr>
              <p:cNvPr id="26" name="Rectangle 41"/>
              <p:cNvSpPr>
                <a:spLocks noChangeArrowheads="1"/>
              </p:cNvSpPr>
              <p:nvPr/>
            </p:nvSpPr>
            <p:spPr bwMode="auto">
              <a:xfrm>
                <a:off x="1746" y="2046"/>
                <a:ext cx="771" cy="234"/>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419" altLang="de-DE" sz="525" dirty="0"/>
                  <a:t>Corporations, tribes, clan</a:t>
                </a:r>
              </a:p>
            </p:txBody>
          </p:sp>
          <p:sp>
            <p:nvSpPr>
              <p:cNvPr id="27" name="Oval 42"/>
              <p:cNvSpPr>
                <a:spLocks noChangeArrowheads="1"/>
              </p:cNvSpPr>
              <p:nvPr/>
            </p:nvSpPr>
            <p:spPr bwMode="auto">
              <a:xfrm>
                <a:off x="2653" y="2153"/>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28" name="Line 43"/>
              <p:cNvSpPr>
                <a:spLocks noChangeShapeType="1"/>
              </p:cNvSpPr>
              <p:nvPr/>
            </p:nvSpPr>
            <p:spPr bwMode="auto">
              <a:xfrm>
                <a:off x="3152" y="2160"/>
                <a:ext cx="328"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750" dirty="0"/>
              </a:p>
            </p:txBody>
          </p:sp>
          <p:sp>
            <p:nvSpPr>
              <p:cNvPr id="29" name="Freeform 44"/>
              <p:cNvSpPr>
                <a:spLocks noChangeAspect="1"/>
              </p:cNvSpPr>
              <p:nvPr/>
            </p:nvSpPr>
            <p:spPr bwMode="auto">
              <a:xfrm>
                <a:off x="3438" y="2183"/>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30" name="Freeform 45"/>
              <p:cNvSpPr>
                <a:spLocks noChangeAspect="1"/>
              </p:cNvSpPr>
              <p:nvPr/>
            </p:nvSpPr>
            <p:spPr bwMode="auto">
              <a:xfrm>
                <a:off x="3438" y="2144"/>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31" name="Freeform 46"/>
              <p:cNvSpPr>
                <a:spLocks noChangeAspect="1"/>
              </p:cNvSpPr>
              <p:nvPr/>
            </p:nvSpPr>
            <p:spPr bwMode="auto">
              <a:xfrm>
                <a:off x="3438" y="2104"/>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32" name="Freeform 47"/>
              <p:cNvSpPr>
                <a:spLocks noChangeAspect="1"/>
              </p:cNvSpPr>
              <p:nvPr/>
            </p:nvSpPr>
            <p:spPr bwMode="auto">
              <a:xfrm>
                <a:off x="3438" y="2065"/>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33" name="Oval 48"/>
              <p:cNvSpPr>
                <a:spLocks noChangeArrowheads="1"/>
              </p:cNvSpPr>
              <p:nvPr/>
            </p:nvSpPr>
            <p:spPr bwMode="auto">
              <a:xfrm>
                <a:off x="2653" y="2109"/>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34" name="Oval 49"/>
              <p:cNvSpPr>
                <a:spLocks noChangeArrowheads="1"/>
              </p:cNvSpPr>
              <p:nvPr/>
            </p:nvSpPr>
            <p:spPr bwMode="auto">
              <a:xfrm>
                <a:off x="2653" y="2069"/>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35" name="Rectangle 50"/>
              <p:cNvSpPr>
                <a:spLocks noChangeArrowheads="1"/>
              </p:cNvSpPr>
              <p:nvPr/>
            </p:nvSpPr>
            <p:spPr bwMode="auto">
              <a:xfrm>
                <a:off x="765" y="1821"/>
                <a:ext cx="1026" cy="10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419" altLang="de-DE" sz="525" dirty="0"/>
                  <a:t>Land-use planning</a:t>
                </a:r>
              </a:p>
            </p:txBody>
          </p:sp>
          <p:sp>
            <p:nvSpPr>
              <p:cNvPr id="36" name="Rectangle 51"/>
              <p:cNvSpPr>
                <a:spLocks noChangeArrowheads="1"/>
              </p:cNvSpPr>
              <p:nvPr/>
            </p:nvSpPr>
            <p:spPr bwMode="auto">
              <a:xfrm>
                <a:off x="1746" y="1821"/>
                <a:ext cx="784" cy="10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419" altLang="de-DE" sz="525" dirty="0"/>
                  <a:t>Planning dept.</a:t>
                </a:r>
              </a:p>
            </p:txBody>
          </p:sp>
          <p:sp>
            <p:nvSpPr>
              <p:cNvPr id="37" name="Oval 52"/>
              <p:cNvSpPr>
                <a:spLocks noChangeArrowheads="1"/>
              </p:cNvSpPr>
              <p:nvPr/>
            </p:nvSpPr>
            <p:spPr bwMode="auto">
              <a:xfrm>
                <a:off x="2712" y="1868"/>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38" name="Line 53"/>
              <p:cNvSpPr>
                <a:spLocks noChangeShapeType="1"/>
              </p:cNvSpPr>
              <p:nvPr/>
            </p:nvSpPr>
            <p:spPr bwMode="auto">
              <a:xfrm>
                <a:off x="3301" y="1874"/>
                <a:ext cx="363"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750" dirty="0"/>
              </a:p>
            </p:txBody>
          </p:sp>
          <p:sp>
            <p:nvSpPr>
              <p:cNvPr id="39" name="Freeform 54"/>
              <p:cNvSpPr>
                <a:spLocks noChangeAspect="1"/>
              </p:cNvSpPr>
              <p:nvPr/>
            </p:nvSpPr>
            <p:spPr bwMode="auto">
              <a:xfrm>
                <a:off x="3606" y="1834"/>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40" name="Oval 55"/>
              <p:cNvSpPr>
                <a:spLocks noChangeArrowheads="1"/>
              </p:cNvSpPr>
              <p:nvPr/>
            </p:nvSpPr>
            <p:spPr bwMode="auto">
              <a:xfrm>
                <a:off x="2712" y="1837"/>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41" name="Oval 56"/>
              <p:cNvSpPr>
                <a:spLocks noChangeArrowheads="1"/>
              </p:cNvSpPr>
              <p:nvPr/>
            </p:nvSpPr>
            <p:spPr bwMode="auto">
              <a:xfrm>
                <a:off x="2712" y="1797"/>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42" name="Rectangle 57"/>
              <p:cNvSpPr>
                <a:spLocks noChangeArrowheads="1"/>
              </p:cNvSpPr>
              <p:nvPr/>
            </p:nvSpPr>
            <p:spPr bwMode="auto">
              <a:xfrm>
                <a:off x="765" y="1252"/>
                <a:ext cx="830" cy="10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419" altLang="de-DE" sz="525" dirty="0"/>
                  <a:t>Water/noise protection</a:t>
                </a:r>
              </a:p>
            </p:txBody>
          </p:sp>
          <p:sp>
            <p:nvSpPr>
              <p:cNvPr id="43" name="Rectangle 58"/>
              <p:cNvSpPr>
                <a:spLocks noChangeArrowheads="1"/>
              </p:cNvSpPr>
              <p:nvPr/>
            </p:nvSpPr>
            <p:spPr bwMode="auto">
              <a:xfrm>
                <a:off x="1746" y="1253"/>
                <a:ext cx="658" cy="10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419" altLang="de-DE" sz="525" dirty="0"/>
                  <a:t>Local government</a:t>
                </a:r>
              </a:p>
            </p:txBody>
          </p:sp>
          <p:sp>
            <p:nvSpPr>
              <p:cNvPr id="44" name="Freeform 59"/>
              <p:cNvSpPr>
                <a:spLocks noChangeAspect="1"/>
              </p:cNvSpPr>
              <p:nvPr/>
            </p:nvSpPr>
            <p:spPr bwMode="auto">
              <a:xfrm>
                <a:off x="3438" y="1290"/>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45" name="Oval 60"/>
              <p:cNvSpPr>
                <a:spLocks noChangeArrowheads="1"/>
              </p:cNvSpPr>
              <p:nvPr/>
            </p:nvSpPr>
            <p:spPr bwMode="auto">
              <a:xfrm>
                <a:off x="2712" y="1250"/>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46" name="Line 61"/>
              <p:cNvSpPr>
                <a:spLocks noChangeShapeType="1"/>
              </p:cNvSpPr>
              <p:nvPr/>
            </p:nvSpPr>
            <p:spPr bwMode="auto">
              <a:xfrm>
                <a:off x="3301" y="1298"/>
                <a:ext cx="192"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750" dirty="0"/>
              </a:p>
            </p:txBody>
          </p:sp>
          <p:sp>
            <p:nvSpPr>
              <p:cNvPr id="47" name="Freeform 62"/>
              <p:cNvSpPr>
                <a:spLocks noChangeAspect="1"/>
              </p:cNvSpPr>
              <p:nvPr/>
            </p:nvSpPr>
            <p:spPr bwMode="auto">
              <a:xfrm>
                <a:off x="3438" y="1250"/>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48" name="Oval 63"/>
              <p:cNvSpPr>
                <a:spLocks noChangeArrowheads="1"/>
              </p:cNvSpPr>
              <p:nvPr/>
            </p:nvSpPr>
            <p:spPr bwMode="auto">
              <a:xfrm>
                <a:off x="2712" y="1205"/>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49" name="Rectangle 64"/>
              <p:cNvSpPr>
                <a:spLocks noChangeArrowheads="1"/>
              </p:cNvSpPr>
              <p:nvPr/>
            </p:nvSpPr>
            <p:spPr bwMode="auto">
              <a:xfrm>
                <a:off x="1746" y="1528"/>
                <a:ext cx="513" cy="10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419" altLang="de-DE" sz="525" dirty="0"/>
                  <a:t>Environ. dept.</a:t>
                </a:r>
              </a:p>
            </p:txBody>
          </p:sp>
          <p:sp>
            <p:nvSpPr>
              <p:cNvPr id="50" name="Rectangle 65"/>
              <p:cNvSpPr>
                <a:spLocks noChangeArrowheads="1"/>
              </p:cNvSpPr>
              <p:nvPr/>
            </p:nvSpPr>
            <p:spPr bwMode="auto">
              <a:xfrm>
                <a:off x="765" y="1528"/>
                <a:ext cx="1026" cy="10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419" altLang="de-DE" sz="525" dirty="0"/>
                  <a:t>Environ. protection</a:t>
                </a:r>
              </a:p>
            </p:txBody>
          </p:sp>
          <p:sp>
            <p:nvSpPr>
              <p:cNvPr id="51" name="Line 66"/>
              <p:cNvSpPr>
                <a:spLocks noChangeShapeType="1"/>
              </p:cNvSpPr>
              <p:nvPr/>
            </p:nvSpPr>
            <p:spPr bwMode="auto">
              <a:xfrm>
                <a:off x="3301" y="1586"/>
                <a:ext cx="318"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750" dirty="0"/>
              </a:p>
            </p:txBody>
          </p:sp>
          <p:sp>
            <p:nvSpPr>
              <p:cNvPr id="52" name="Freeform 67"/>
              <p:cNvSpPr>
                <a:spLocks noChangeAspect="1"/>
              </p:cNvSpPr>
              <p:nvPr/>
            </p:nvSpPr>
            <p:spPr bwMode="auto">
              <a:xfrm>
                <a:off x="3574" y="1579"/>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53" name="Freeform 68"/>
              <p:cNvSpPr>
                <a:spLocks noChangeAspect="1"/>
              </p:cNvSpPr>
              <p:nvPr/>
            </p:nvSpPr>
            <p:spPr bwMode="auto">
              <a:xfrm>
                <a:off x="3574" y="1540"/>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54" name="Oval 69"/>
              <p:cNvSpPr>
                <a:spLocks noChangeArrowheads="1"/>
              </p:cNvSpPr>
              <p:nvPr/>
            </p:nvSpPr>
            <p:spPr bwMode="auto">
              <a:xfrm>
                <a:off x="2834" y="1538"/>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55" name="Rectangle 70"/>
              <p:cNvSpPr>
                <a:spLocks noChangeArrowheads="1"/>
              </p:cNvSpPr>
              <p:nvPr/>
            </p:nvSpPr>
            <p:spPr bwMode="auto">
              <a:xfrm>
                <a:off x="765" y="2394"/>
                <a:ext cx="536" cy="11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419" altLang="de-DE" sz="525" dirty="0"/>
                  <a:t>Land valuation</a:t>
                </a:r>
              </a:p>
            </p:txBody>
          </p:sp>
          <p:sp>
            <p:nvSpPr>
              <p:cNvPr id="56" name="Rectangle 71"/>
              <p:cNvSpPr>
                <a:spLocks noChangeArrowheads="1"/>
              </p:cNvSpPr>
              <p:nvPr/>
            </p:nvSpPr>
            <p:spPr bwMode="auto">
              <a:xfrm>
                <a:off x="1746" y="2402"/>
                <a:ext cx="457" cy="10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419" altLang="de-DE" sz="525" dirty="0"/>
                  <a:t>Government</a:t>
                </a:r>
              </a:p>
            </p:txBody>
          </p:sp>
          <p:sp>
            <p:nvSpPr>
              <p:cNvPr id="57" name="Line 72"/>
              <p:cNvSpPr>
                <a:spLocks noChangeShapeType="1"/>
              </p:cNvSpPr>
              <p:nvPr/>
            </p:nvSpPr>
            <p:spPr bwMode="auto">
              <a:xfrm>
                <a:off x="3301" y="2437"/>
                <a:ext cx="318"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750" dirty="0"/>
              </a:p>
            </p:txBody>
          </p:sp>
          <p:sp>
            <p:nvSpPr>
              <p:cNvPr id="58" name="Freeform 73"/>
              <p:cNvSpPr>
                <a:spLocks noChangeAspect="1"/>
              </p:cNvSpPr>
              <p:nvPr/>
            </p:nvSpPr>
            <p:spPr bwMode="auto">
              <a:xfrm>
                <a:off x="3574" y="2426"/>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59" name="Freeform 74"/>
              <p:cNvSpPr>
                <a:spLocks noChangeAspect="1"/>
              </p:cNvSpPr>
              <p:nvPr/>
            </p:nvSpPr>
            <p:spPr bwMode="auto">
              <a:xfrm>
                <a:off x="3574" y="2386"/>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60" name="Oval 75"/>
              <p:cNvSpPr>
                <a:spLocks noChangeArrowheads="1"/>
              </p:cNvSpPr>
              <p:nvPr/>
            </p:nvSpPr>
            <p:spPr bwMode="auto">
              <a:xfrm>
                <a:off x="2795" y="2389"/>
                <a:ext cx="584" cy="93"/>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61" name="Rectangle 76"/>
              <p:cNvSpPr>
                <a:spLocks noChangeArrowheads="1"/>
              </p:cNvSpPr>
              <p:nvPr/>
            </p:nvSpPr>
            <p:spPr bwMode="auto">
              <a:xfrm>
                <a:off x="765" y="2947"/>
                <a:ext cx="650" cy="3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419" altLang="de-DE" sz="675" dirty="0"/>
                  <a:t>Land registry,</a:t>
                </a:r>
              </a:p>
              <a:p>
                <a:pPr>
                  <a:spcBef>
                    <a:spcPct val="0"/>
                  </a:spcBef>
                  <a:buFont typeface="Arial" pitchFamily="34" charset="0"/>
                  <a:buNone/>
                </a:pPr>
                <a:r>
                  <a:rPr lang="es-419" altLang="de-DE" sz="675" dirty="0"/>
                  <a:t>cadastre</a:t>
                </a:r>
              </a:p>
            </p:txBody>
          </p:sp>
          <p:sp>
            <p:nvSpPr>
              <p:cNvPr id="62" name="Rectangle 77"/>
              <p:cNvSpPr>
                <a:spLocks noChangeArrowheads="1"/>
              </p:cNvSpPr>
              <p:nvPr/>
            </p:nvSpPr>
            <p:spPr bwMode="auto">
              <a:xfrm>
                <a:off x="1746" y="2947"/>
                <a:ext cx="1050" cy="35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spcBef>
                    <a:spcPct val="0"/>
                  </a:spcBef>
                  <a:buFont typeface="Arial" pitchFamily="34" charset="0"/>
                  <a:buNone/>
                </a:pPr>
                <a:r>
                  <a:rPr lang="es-419" altLang="de-DE" sz="525" dirty="0"/>
                  <a:t>National government</a:t>
                </a:r>
              </a:p>
              <a:p>
                <a:pPr>
                  <a:spcBef>
                    <a:spcPct val="0"/>
                  </a:spcBef>
                  <a:buFont typeface="Arial" pitchFamily="34" charset="0"/>
                  <a:buNone/>
                </a:pPr>
                <a:r>
                  <a:rPr lang="es-419" altLang="de-DE" sz="525" dirty="0"/>
                  <a:t>State government</a:t>
                </a:r>
              </a:p>
              <a:p>
                <a:pPr>
                  <a:spcBef>
                    <a:spcPct val="0"/>
                  </a:spcBef>
                  <a:buFont typeface="Arial" pitchFamily="34" charset="0"/>
                  <a:buNone/>
                </a:pPr>
                <a:r>
                  <a:rPr lang="es-419" altLang="de-DE" sz="525" dirty="0"/>
                  <a:t>Local government</a:t>
                </a:r>
              </a:p>
            </p:txBody>
          </p:sp>
          <p:sp>
            <p:nvSpPr>
              <p:cNvPr id="63" name="Line 78"/>
              <p:cNvSpPr>
                <a:spLocks noChangeShapeType="1"/>
              </p:cNvSpPr>
              <p:nvPr/>
            </p:nvSpPr>
            <p:spPr bwMode="auto">
              <a:xfrm>
                <a:off x="3301" y="3135"/>
                <a:ext cx="288"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750" dirty="0"/>
              </a:p>
            </p:txBody>
          </p:sp>
          <p:sp>
            <p:nvSpPr>
              <p:cNvPr id="64" name="Oval 79"/>
              <p:cNvSpPr>
                <a:spLocks noChangeArrowheads="1"/>
              </p:cNvSpPr>
              <p:nvPr/>
            </p:nvSpPr>
            <p:spPr bwMode="auto">
              <a:xfrm>
                <a:off x="2749" y="3135"/>
                <a:ext cx="584" cy="93"/>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65" name="Oval 80"/>
              <p:cNvSpPr>
                <a:spLocks noChangeArrowheads="1"/>
              </p:cNvSpPr>
              <p:nvPr/>
            </p:nvSpPr>
            <p:spPr bwMode="auto">
              <a:xfrm>
                <a:off x="2749" y="3095"/>
                <a:ext cx="584" cy="93"/>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66" name="Oval 81"/>
              <p:cNvSpPr>
                <a:spLocks noChangeArrowheads="1"/>
              </p:cNvSpPr>
              <p:nvPr/>
            </p:nvSpPr>
            <p:spPr bwMode="auto">
              <a:xfrm>
                <a:off x="2749" y="3055"/>
                <a:ext cx="584" cy="93"/>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grpSp>
            <p:nvGrpSpPr>
              <p:cNvPr id="67" name="Group 82"/>
              <p:cNvGrpSpPr>
                <a:grpSpLocks/>
              </p:cNvGrpSpPr>
              <p:nvPr/>
            </p:nvGrpSpPr>
            <p:grpSpPr bwMode="auto">
              <a:xfrm>
                <a:off x="3560" y="2999"/>
                <a:ext cx="648" cy="216"/>
                <a:chOff x="3560" y="2939"/>
                <a:chExt cx="648" cy="216"/>
              </a:xfrm>
            </p:grpSpPr>
            <p:sp>
              <p:nvSpPr>
                <p:cNvPr id="77" name="Freeform 83"/>
                <p:cNvSpPr>
                  <a:spLocks noChangeAspect="1"/>
                </p:cNvSpPr>
                <p:nvPr/>
              </p:nvSpPr>
              <p:spPr bwMode="auto">
                <a:xfrm>
                  <a:off x="3560" y="3101"/>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78" name="Freeform 84"/>
                <p:cNvSpPr>
                  <a:spLocks noChangeAspect="1"/>
                </p:cNvSpPr>
                <p:nvPr/>
              </p:nvSpPr>
              <p:spPr bwMode="auto">
                <a:xfrm>
                  <a:off x="3560" y="3062"/>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79" name="Freeform 85"/>
                <p:cNvSpPr>
                  <a:spLocks noChangeAspect="1"/>
                </p:cNvSpPr>
                <p:nvPr/>
              </p:nvSpPr>
              <p:spPr bwMode="auto">
                <a:xfrm>
                  <a:off x="3560" y="3022"/>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80" name="Freeform 86"/>
                <p:cNvSpPr>
                  <a:spLocks noChangeAspect="1"/>
                </p:cNvSpPr>
                <p:nvPr/>
              </p:nvSpPr>
              <p:spPr bwMode="auto">
                <a:xfrm>
                  <a:off x="3560" y="2978"/>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81" name="Freeform 87"/>
                <p:cNvSpPr>
                  <a:spLocks noChangeAspect="1"/>
                </p:cNvSpPr>
                <p:nvPr/>
              </p:nvSpPr>
              <p:spPr bwMode="auto">
                <a:xfrm>
                  <a:off x="3560" y="2939"/>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grpSp>
          <p:sp>
            <p:nvSpPr>
              <p:cNvPr id="68" name="Rectangle 88"/>
              <p:cNvSpPr>
                <a:spLocks noChangeArrowheads="1"/>
              </p:cNvSpPr>
              <p:nvPr/>
            </p:nvSpPr>
            <p:spPr bwMode="auto">
              <a:xfrm>
                <a:off x="765" y="2680"/>
                <a:ext cx="801" cy="10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419" altLang="de-DE" sz="525" dirty="0"/>
                  <a:t>Public-law restrictions</a:t>
                </a:r>
              </a:p>
            </p:txBody>
          </p:sp>
          <p:sp>
            <p:nvSpPr>
              <p:cNvPr id="69" name="Rectangle 89"/>
              <p:cNvSpPr>
                <a:spLocks noChangeArrowheads="1"/>
              </p:cNvSpPr>
              <p:nvPr/>
            </p:nvSpPr>
            <p:spPr bwMode="auto">
              <a:xfrm>
                <a:off x="1746" y="2679"/>
                <a:ext cx="457" cy="10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a:lnSpc>
                    <a:spcPct val="85000"/>
                  </a:lnSpc>
                  <a:spcBef>
                    <a:spcPct val="0"/>
                  </a:spcBef>
                  <a:buFont typeface="Arial" pitchFamily="34" charset="0"/>
                  <a:buNone/>
                </a:pPr>
                <a:r>
                  <a:rPr lang="es-419" altLang="de-DE" sz="525" dirty="0"/>
                  <a:t>Government</a:t>
                </a:r>
              </a:p>
            </p:txBody>
          </p:sp>
          <p:sp>
            <p:nvSpPr>
              <p:cNvPr id="70" name="Oval 90"/>
              <p:cNvSpPr>
                <a:spLocks noChangeArrowheads="1"/>
              </p:cNvSpPr>
              <p:nvPr/>
            </p:nvSpPr>
            <p:spPr bwMode="auto">
              <a:xfrm>
                <a:off x="2704" y="2702"/>
                <a:ext cx="584" cy="93"/>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sp>
            <p:nvSpPr>
              <p:cNvPr id="71" name="Line 91"/>
              <p:cNvSpPr>
                <a:spLocks noChangeShapeType="1"/>
              </p:cNvSpPr>
              <p:nvPr/>
            </p:nvSpPr>
            <p:spPr bwMode="auto">
              <a:xfrm>
                <a:off x="3288" y="2712"/>
                <a:ext cx="205"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750" dirty="0"/>
              </a:p>
            </p:txBody>
          </p:sp>
          <p:grpSp>
            <p:nvGrpSpPr>
              <p:cNvPr id="72" name="Group 92"/>
              <p:cNvGrpSpPr>
                <a:grpSpLocks/>
              </p:cNvGrpSpPr>
              <p:nvPr/>
            </p:nvGrpSpPr>
            <p:grpSpPr bwMode="auto">
              <a:xfrm>
                <a:off x="3470" y="2658"/>
                <a:ext cx="648" cy="133"/>
                <a:chOff x="3470" y="2668"/>
                <a:chExt cx="648" cy="133"/>
              </a:xfrm>
            </p:grpSpPr>
            <p:sp>
              <p:nvSpPr>
                <p:cNvPr id="74" name="Freeform 93"/>
                <p:cNvSpPr>
                  <a:spLocks noChangeAspect="1"/>
                </p:cNvSpPr>
                <p:nvPr/>
              </p:nvSpPr>
              <p:spPr bwMode="auto">
                <a:xfrm>
                  <a:off x="3470" y="2747"/>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75" name="Freeform 94"/>
                <p:cNvSpPr>
                  <a:spLocks noChangeAspect="1"/>
                </p:cNvSpPr>
                <p:nvPr/>
              </p:nvSpPr>
              <p:spPr bwMode="auto">
                <a:xfrm>
                  <a:off x="3470" y="2708"/>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sp>
              <p:nvSpPr>
                <p:cNvPr id="76" name="Freeform 95"/>
                <p:cNvSpPr>
                  <a:spLocks noChangeAspect="1"/>
                </p:cNvSpPr>
                <p:nvPr/>
              </p:nvSpPr>
              <p:spPr bwMode="auto">
                <a:xfrm>
                  <a:off x="3470" y="2668"/>
                  <a:ext cx="648" cy="54"/>
                </a:xfrm>
                <a:custGeom>
                  <a:avLst/>
                  <a:gdLst>
                    <a:gd name="T0" fmla="*/ 0 w 924"/>
                    <a:gd name="T1" fmla="*/ 1 h 84"/>
                    <a:gd name="T2" fmla="*/ 11 w 924"/>
                    <a:gd name="T3" fmla="*/ 1 h 84"/>
                    <a:gd name="T4" fmla="*/ 13 w 924"/>
                    <a:gd name="T5" fmla="*/ 0 h 84"/>
                    <a:gd name="T6" fmla="*/ 4 w 924"/>
                    <a:gd name="T7" fmla="*/ 0 h 84"/>
                    <a:gd name="T8" fmla="*/ 0 w 924"/>
                    <a:gd name="T9" fmla="*/ 1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s-419" sz="750" dirty="0"/>
                </a:p>
              </p:txBody>
            </p:sp>
          </p:grpSp>
          <p:sp>
            <p:nvSpPr>
              <p:cNvPr id="73" name="Oval 96"/>
              <p:cNvSpPr>
                <a:spLocks noChangeArrowheads="1"/>
              </p:cNvSpPr>
              <p:nvPr/>
            </p:nvSpPr>
            <p:spPr bwMode="auto">
              <a:xfrm>
                <a:off x="2704" y="2664"/>
                <a:ext cx="584" cy="93"/>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lnSpc>
                    <a:spcPct val="94000"/>
                  </a:lnSpc>
                  <a:spcBef>
                    <a:spcPts val="700"/>
                  </a:spcBef>
                  <a:buFont typeface="Arial" pitchFamily="34" charset="0"/>
                  <a:buChar char="•"/>
                  <a:defRPr sz="2000">
                    <a:solidFill>
                      <a:srgbClr val="000000"/>
                    </a:solidFill>
                    <a:latin typeface="Arial" pitchFamily="34" charset="0"/>
                  </a:defRPr>
                </a:lvl1pPr>
                <a:lvl2pPr marL="742950" indent="-285750">
                  <a:lnSpc>
                    <a:spcPct val="94000"/>
                  </a:lnSpc>
                  <a:spcBef>
                    <a:spcPts val="700"/>
                  </a:spcBef>
                  <a:buFont typeface="Arial" pitchFamily="34" charset="0"/>
                  <a:buChar char="•"/>
                  <a:defRPr sz="2000">
                    <a:solidFill>
                      <a:srgbClr val="000000"/>
                    </a:solidFill>
                    <a:latin typeface="Arial" pitchFamily="34" charset="0"/>
                  </a:defRPr>
                </a:lvl2pPr>
                <a:lvl3pPr marL="1143000" indent="-228600">
                  <a:lnSpc>
                    <a:spcPct val="94000"/>
                  </a:lnSpc>
                  <a:spcBef>
                    <a:spcPts val="700"/>
                  </a:spcBef>
                  <a:buFont typeface="Arial" pitchFamily="34" charset="0"/>
                  <a:buChar char="•"/>
                  <a:defRPr sz="2000">
                    <a:solidFill>
                      <a:srgbClr val="000000"/>
                    </a:solidFill>
                    <a:latin typeface="Arial" pitchFamily="34" charset="0"/>
                  </a:defRPr>
                </a:lvl3pPr>
                <a:lvl4pPr marL="1600200" indent="-228600">
                  <a:lnSpc>
                    <a:spcPct val="94000"/>
                  </a:lnSpc>
                  <a:spcBef>
                    <a:spcPts val="700"/>
                  </a:spcBef>
                  <a:buFont typeface="Arial" pitchFamily="34" charset="0"/>
                  <a:buChar char="•"/>
                  <a:defRPr sz="2800">
                    <a:solidFill>
                      <a:srgbClr val="000000"/>
                    </a:solidFill>
                    <a:latin typeface="Arial" pitchFamily="34" charset="0"/>
                  </a:defRPr>
                </a:lvl4pPr>
                <a:lvl5pPr marL="2057400" indent="-228600">
                  <a:lnSpc>
                    <a:spcPct val="94000"/>
                  </a:lnSpc>
                  <a:spcBef>
                    <a:spcPts val="650"/>
                  </a:spcBef>
                  <a:buFont typeface="Arial" pitchFamily="34" charset="0"/>
                  <a:buChar char="•"/>
                  <a:defRPr sz="2600">
                    <a:solidFill>
                      <a:srgbClr val="000000"/>
                    </a:solidFill>
                    <a:latin typeface="Arial" pitchFamily="34" charset="0"/>
                  </a:defRPr>
                </a:lvl5pPr>
                <a:lvl6pPr marL="25146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6pPr>
                <a:lvl7pPr marL="29718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7pPr>
                <a:lvl8pPr marL="34290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8pPr>
                <a:lvl9pPr marL="3886200" indent="-228600" defTabSz="449263" eaLnBrk="0" fontAlgn="base" hangingPunct="0">
                  <a:lnSpc>
                    <a:spcPct val="94000"/>
                  </a:lnSpc>
                  <a:spcBef>
                    <a:spcPts val="650"/>
                  </a:spcBef>
                  <a:spcAft>
                    <a:spcPct val="0"/>
                  </a:spcAft>
                  <a:buClr>
                    <a:srgbClr val="000000"/>
                  </a:buClr>
                  <a:buSzPct val="100000"/>
                  <a:buFont typeface="Arial" pitchFamily="34" charset="0"/>
                  <a:buChar char="•"/>
                  <a:defRPr sz="2600">
                    <a:solidFill>
                      <a:srgbClr val="000000"/>
                    </a:solidFill>
                    <a:latin typeface="Arial" pitchFamily="34" charset="0"/>
                  </a:defRPr>
                </a:lvl9pPr>
              </a:lstStyle>
              <a:p>
                <a:pPr eaLnBrk="1" hangingPunct="1">
                  <a:spcBef>
                    <a:spcPct val="0"/>
                  </a:spcBef>
                  <a:buFont typeface="Arial" pitchFamily="34" charset="0"/>
                  <a:buNone/>
                </a:pPr>
                <a:endParaRPr lang="es-419" altLang="de-DE" sz="825" dirty="0">
                  <a:latin typeface="Dax-Regular"/>
                </a:endParaRPr>
              </a:p>
            </p:txBody>
          </p:sp>
        </p:grpSp>
        <p:grpSp>
          <p:nvGrpSpPr>
            <p:cNvPr id="82" name="Group 104"/>
            <p:cNvGrpSpPr>
              <a:grpSpLocks/>
            </p:cNvGrpSpPr>
            <p:nvPr/>
          </p:nvGrpSpPr>
          <p:grpSpPr bwMode="auto">
            <a:xfrm>
              <a:off x="5437188" y="4916488"/>
              <a:ext cx="1287462" cy="322262"/>
              <a:chOff x="4649" y="2976"/>
              <a:chExt cx="811" cy="203"/>
            </a:xfrm>
          </p:grpSpPr>
          <p:sp>
            <p:nvSpPr>
              <p:cNvPr id="83" name="Freeform 105"/>
              <p:cNvSpPr>
                <a:spLocks/>
              </p:cNvSpPr>
              <p:nvPr/>
            </p:nvSpPr>
            <p:spPr bwMode="auto">
              <a:xfrm>
                <a:off x="4649" y="3111"/>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84" name="Freeform 106"/>
              <p:cNvSpPr>
                <a:spLocks/>
              </p:cNvSpPr>
              <p:nvPr/>
            </p:nvSpPr>
            <p:spPr bwMode="auto">
              <a:xfrm>
                <a:off x="4649" y="3077"/>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85" name="Freeform 107"/>
              <p:cNvSpPr>
                <a:spLocks/>
              </p:cNvSpPr>
              <p:nvPr/>
            </p:nvSpPr>
            <p:spPr bwMode="auto">
              <a:xfrm>
                <a:off x="4649" y="3042"/>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86" name="Freeform 108"/>
              <p:cNvSpPr>
                <a:spLocks/>
              </p:cNvSpPr>
              <p:nvPr/>
            </p:nvSpPr>
            <p:spPr bwMode="auto">
              <a:xfrm>
                <a:off x="4649" y="3012"/>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87" name="Freeform 109"/>
              <p:cNvSpPr>
                <a:spLocks/>
              </p:cNvSpPr>
              <p:nvPr/>
            </p:nvSpPr>
            <p:spPr bwMode="auto">
              <a:xfrm>
                <a:off x="4649" y="2976"/>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grpSp>
        <p:grpSp>
          <p:nvGrpSpPr>
            <p:cNvPr id="88" name="Group 110"/>
            <p:cNvGrpSpPr>
              <a:grpSpLocks/>
            </p:cNvGrpSpPr>
            <p:nvPr/>
          </p:nvGrpSpPr>
          <p:grpSpPr bwMode="auto">
            <a:xfrm>
              <a:off x="5508625" y="3930650"/>
              <a:ext cx="1287463" cy="169863"/>
              <a:chOff x="4624" y="2385"/>
              <a:chExt cx="811" cy="107"/>
            </a:xfrm>
          </p:grpSpPr>
          <p:sp>
            <p:nvSpPr>
              <p:cNvPr id="89" name="Freeform 111"/>
              <p:cNvSpPr>
                <a:spLocks/>
              </p:cNvSpPr>
              <p:nvPr/>
            </p:nvSpPr>
            <p:spPr bwMode="auto">
              <a:xfrm>
                <a:off x="4624" y="2423"/>
                <a:ext cx="811" cy="69"/>
              </a:xfrm>
              <a:custGeom>
                <a:avLst/>
                <a:gdLst>
                  <a:gd name="T0" fmla="*/ 0 w 924"/>
                  <a:gd name="T1" fmla="*/ 8 h 84"/>
                  <a:gd name="T2" fmla="*/ 164 w 924"/>
                  <a:gd name="T3" fmla="*/ 8 h 84"/>
                  <a:gd name="T4" fmla="*/ 193 w 924"/>
                  <a:gd name="T5" fmla="*/ 0 h 84"/>
                  <a:gd name="T6" fmla="*/ 64 w 924"/>
                  <a:gd name="T7" fmla="*/ 0 h 84"/>
                  <a:gd name="T8" fmla="*/ 0 w 924"/>
                  <a:gd name="T9" fmla="*/ 8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90" name="Freeform 112"/>
              <p:cNvSpPr>
                <a:spLocks/>
              </p:cNvSpPr>
              <p:nvPr/>
            </p:nvSpPr>
            <p:spPr bwMode="auto">
              <a:xfrm>
                <a:off x="4624" y="2385"/>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grpSp>
        <p:grpSp>
          <p:nvGrpSpPr>
            <p:cNvPr id="91" name="Group 113"/>
            <p:cNvGrpSpPr>
              <a:grpSpLocks/>
            </p:cNvGrpSpPr>
            <p:nvPr/>
          </p:nvGrpSpPr>
          <p:grpSpPr bwMode="auto">
            <a:xfrm>
              <a:off x="5437188" y="2565400"/>
              <a:ext cx="1287462" cy="169863"/>
              <a:chOff x="4624" y="1537"/>
              <a:chExt cx="811" cy="107"/>
            </a:xfrm>
          </p:grpSpPr>
          <p:sp>
            <p:nvSpPr>
              <p:cNvPr id="92" name="Freeform 114"/>
              <p:cNvSpPr>
                <a:spLocks/>
              </p:cNvSpPr>
              <p:nvPr/>
            </p:nvSpPr>
            <p:spPr bwMode="auto">
              <a:xfrm>
                <a:off x="4624" y="1576"/>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93" name="Freeform 115"/>
              <p:cNvSpPr>
                <a:spLocks/>
              </p:cNvSpPr>
              <p:nvPr/>
            </p:nvSpPr>
            <p:spPr bwMode="auto">
              <a:xfrm>
                <a:off x="4624" y="1537"/>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grpSp>
        <p:grpSp>
          <p:nvGrpSpPr>
            <p:cNvPr id="94" name="Group 116"/>
            <p:cNvGrpSpPr>
              <a:grpSpLocks/>
            </p:cNvGrpSpPr>
            <p:nvPr/>
          </p:nvGrpSpPr>
          <p:grpSpPr bwMode="auto">
            <a:xfrm>
              <a:off x="5249863" y="2114550"/>
              <a:ext cx="1287462" cy="169863"/>
              <a:chOff x="4624" y="1248"/>
              <a:chExt cx="811" cy="107"/>
            </a:xfrm>
          </p:grpSpPr>
          <p:sp>
            <p:nvSpPr>
              <p:cNvPr id="95" name="Freeform 117"/>
              <p:cNvSpPr>
                <a:spLocks/>
              </p:cNvSpPr>
              <p:nvPr/>
            </p:nvSpPr>
            <p:spPr bwMode="auto">
              <a:xfrm>
                <a:off x="4624" y="1287"/>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96" name="Freeform 118"/>
              <p:cNvSpPr>
                <a:spLocks/>
              </p:cNvSpPr>
              <p:nvPr/>
            </p:nvSpPr>
            <p:spPr bwMode="auto">
              <a:xfrm>
                <a:off x="4624" y="1248"/>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grpSp>
        <p:grpSp>
          <p:nvGrpSpPr>
            <p:cNvPr id="97" name="Group 119"/>
            <p:cNvGrpSpPr>
              <a:grpSpLocks/>
            </p:cNvGrpSpPr>
            <p:nvPr/>
          </p:nvGrpSpPr>
          <p:grpSpPr bwMode="auto">
            <a:xfrm>
              <a:off x="5292725" y="4364038"/>
              <a:ext cx="1287463" cy="211137"/>
              <a:chOff x="4762" y="2215"/>
              <a:chExt cx="811" cy="133"/>
            </a:xfrm>
          </p:grpSpPr>
          <p:sp>
            <p:nvSpPr>
              <p:cNvPr id="98" name="Freeform 120"/>
              <p:cNvSpPr>
                <a:spLocks/>
              </p:cNvSpPr>
              <p:nvPr/>
            </p:nvSpPr>
            <p:spPr bwMode="auto">
              <a:xfrm>
                <a:off x="4762" y="2281"/>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99" name="Freeform 121"/>
              <p:cNvSpPr>
                <a:spLocks/>
              </p:cNvSpPr>
              <p:nvPr/>
            </p:nvSpPr>
            <p:spPr bwMode="auto">
              <a:xfrm>
                <a:off x="4762" y="2251"/>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100" name="Freeform 122"/>
              <p:cNvSpPr>
                <a:spLocks/>
              </p:cNvSpPr>
              <p:nvPr/>
            </p:nvSpPr>
            <p:spPr bwMode="auto">
              <a:xfrm>
                <a:off x="4762" y="2215"/>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grpSp>
        <p:grpSp>
          <p:nvGrpSpPr>
            <p:cNvPr id="101" name="Group 123"/>
            <p:cNvGrpSpPr>
              <a:grpSpLocks/>
            </p:cNvGrpSpPr>
            <p:nvPr/>
          </p:nvGrpSpPr>
          <p:grpSpPr bwMode="auto">
            <a:xfrm>
              <a:off x="5292725" y="3435350"/>
              <a:ext cx="1287463" cy="258763"/>
              <a:chOff x="4626" y="2049"/>
              <a:chExt cx="811" cy="163"/>
            </a:xfrm>
          </p:grpSpPr>
          <p:sp>
            <p:nvSpPr>
              <p:cNvPr id="102" name="Freeform 124"/>
              <p:cNvSpPr>
                <a:spLocks/>
              </p:cNvSpPr>
              <p:nvPr/>
            </p:nvSpPr>
            <p:spPr bwMode="auto">
              <a:xfrm>
                <a:off x="4626" y="2145"/>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103" name="Freeform 125"/>
              <p:cNvSpPr>
                <a:spLocks/>
              </p:cNvSpPr>
              <p:nvPr/>
            </p:nvSpPr>
            <p:spPr bwMode="auto">
              <a:xfrm>
                <a:off x="4626" y="2115"/>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104" name="Freeform 126"/>
              <p:cNvSpPr>
                <a:spLocks/>
              </p:cNvSpPr>
              <p:nvPr/>
            </p:nvSpPr>
            <p:spPr bwMode="auto">
              <a:xfrm>
                <a:off x="4626" y="2079"/>
                <a:ext cx="811" cy="67"/>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sp>
            <p:nvSpPr>
              <p:cNvPr id="105" name="Freeform 127"/>
              <p:cNvSpPr>
                <a:spLocks/>
              </p:cNvSpPr>
              <p:nvPr/>
            </p:nvSpPr>
            <p:spPr bwMode="auto">
              <a:xfrm>
                <a:off x="4626" y="2049"/>
                <a:ext cx="811" cy="68"/>
              </a:xfrm>
              <a:custGeom>
                <a:avLst/>
                <a:gdLst>
                  <a:gd name="T0" fmla="*/ 0 w 924"/>
                  <a:gd name="T1" fmla="*/ 6 h 84"/>
                  <a:gd name="T2" fmla="*/ 164 w 924"/>
                  <a:gd name="T3" fmla="*/ 6 h 84"/>
                  <a:gd name="T4" fmla="*/ 193 w 924"/>
                  <a:gd name="T5" fmla="*/ 0 h 84"/>
                  <a:gd name="T6" fmla="*/ 64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grpSp>
        <p:sp>
          <p:nvSpPr>
            <p:cNvPr id="106" name="Freeform 128"/>
            <p:cNvSpPr>
              <a:spLocks/>
            </p:cNvSpPr>
            <p:nvPr/>
          </p:nvSpPr>
          <p:spPr bwMode="auto">
            <a:xfrm>
              <a:off x="5446713" y="3040063"/>
              <a:ext cx="1287462" cy="107950"/>
            </a:xfrm>
            <a:custGeom>
              <a:avLst/>
              <a:gdLst>
                <a:gd name="T0" fmla="*/ 0 w 924"/>
                <a:gd name="T1" fmla="*/ 2147483647 h 84"/>
                <a:gd name="T2" fmla="*/ 2147483647 w 924"/>
                <a:gd name="T3" fmla="*/ 2147483647 h 84"/>
                <a:gd name="T4" fmla="*/ 2147483647 w 924"/>
                <a:gd name="T5" fmla="*/ 0 h 84"/>
                <a:gd name="T6" fmla="*/ 2147483647 w 924"/>
                <a:gd name="T7" fmla="*/ 0 h 84"/>
                <a:gd name="T8" fmla="*/ 0 w 924"/>
                <a:gd name="T9" fmla="*/ 2147483647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s-419" sz="750" dirty="0"/>
            </a:p>
          </p:txBody>
        </p:sp>
      </p:grpSp>
      <p:pic>
        <p:nvPicPr>
          <p:cNvPr id="6" name="Picture 6"/>
          <p:cNvPicPr>
            <a:picLocks noChangeAspect="1" noChangeArrowheads="1"/>
          </p:cNvPicPr>
          <p:nvPr/>
        </p:nvPicPr>
        <p:blipFill>
          <a:blip r:embed="rId3" cstate="print">
            <a:extLst>
              <a:ext uri="{28A0092B-C50C-407E-A947-70E740481C1C}">
                <a14:useLocalDpi xmlns:a14="http://schemas.microsoft.com/office/drawing/2010/main" val="0"/>
              </a:ext>
            </a:extLst>
          </a:blip>
          <a:srcRect l="16562" t="15115" r="47444" b="8315"/>
          <a:stretch>
            <a:fillRect/>
          </a:stretch>
        </p:blipFill>
        <p:spPr bwMode="auto">
          <a:xfrm>
            <a:off x="5904136" y="1923678"/>
            <a:ext cx="1503760" cy="19990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7" name="Text Box 127"/>
          <p:cNvSpPr txBox="1">
            <a:spLocks noChangeArrowheads="1"/>
          </p:cNvSpPr>
          <p:nvPr/>
        </p:nvSpPr>
        <p:spPr bwMode="auto">
          <a:xfrm rot="-2518838">
            <a:off x="6008261" y="2825516"/>
            <a:ext cx="1627585"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gn="ctr">
              <a:spcBef>
                <a:spcPct val="10000"/>
              </a:spcBef>
              <a:spcAft>
                <a:spcPct val="10000"/>
              </a:spcAft>
              <a:buFont typeface="Wingdings" pitchFamily="2" charset="2"/>
              <a:buNone/>
            </a:pPr>
            <a:r>
              <a:rPr lang="es-419" altLang="en-US" sz="1200" b="1" dirty="0">
                <a:solidFill>
                  <a:srgbClr val="CC0000"/>
                </a:solidFill>
              </a:rPr>
              <a:t>work flow definition</a:t>
            </a:r>
          </a:p>
        </p:txBody>
      </p:sp>
      <p:sp>
        <p:nvSpPr>
          <p:cNvPr id="2" name="Titre 1"/>
          <p:cNvSpPr>
            <a:spLocks noGrp="1"/>
          </p:cNvSpPr>
          <p:nvPr>
            <p:ph type="title"/>
          </p:nvPr>
        </p:nvSpPr>
        <p:spPr/>
        <p:txBody>
          <a:bodyPr/>
          <a:lstStyle/>
          <a:p>
            <a:r>
              <a:rPr lang="es-419" altLang="en-US" dirty="0">
                <a:latin typeface="Arial" charset="0"/>
              </a:rPr>
              <a:t>Capas de información independientes</a:t>
            </a:r>
            <a:br>
              <a:rPr lang="es-419" dirty="0"/>
            </a:br>
            <a:endParaRPr lang="es-419" dirty="0"/>
          </a:p>
        </p:txBody>
      </p:sp>
      <p:sp>
        <p:nvSpPr>
          <p:cNvPr id="108" name="Line 126"/>
          <p:cNvSpPr>
            <a:spLocks noChangeShapeType="1"/>
          </p:cNvSpPr>
          <p:nvPr/>
        </p:nvSpPr>
        <p:spPr bwMode="auto">
          <a:xfrm>
            <a:off x="2195737" y="3131360"/>
            <a:ext cx="3564731" cy="0"/>
          </a:xfrm>
          <a:prstGeom prst="line">
            <a:avLst/>
          </a:prstGeom>
          <a:noFill/>
          <a:ln w="57150">
            <a:solidFill>
              <a:srgbClr val="FF3300">
                <a:alpha val="69804"/>
              </a:srgbClr>
            </a:solidFill>
            <a:round/>
            <a:headEnd/>
            <a:tailEnd type="triangle"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
        <p:nvSpPr>
          <p:cNvPr id="126" name="Line 126"/>
          <p:cNvSpPr>
            <a:spLocks noChangeShapeType="1"/>
          </p:cNvSpPr>
          <p:nvPr/>
        </p:nvSpPr>
        <p:spPr bwMode="auto">
          <a:xfrm>
            <a:off x="2169146" y="2753318"/>
            <a:ext cx="3564731" cy="0"/>
          </a:xfrm>
          <a:prstGeom prst="line">
            <a:avLst/>
          </a:prstGeom>
          <a:noFill/>
          <a:ln w="57150">
            <a:solidFill>
              <a:srgbClr val="FF3300">
                <a:alpha val="69804"/>
              </a:srgbClr>
            </a:solidFill>
            <a:round/>
            <a:headEnd/>
            <a:tailEnd type="triangle"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s-419" sz="1013" dirty="0"/>
          </a:p>
        </p:txBody>
      </p:sp>
    </p:spTree>
    <p:extLst>
      <p:ext uri="{BB962C8B-B14F-4D97-AF65-F5344CB8AC3E}">
        <p14:creationId xmlns:p14="http://schemas.microsoft.com/office/powerpoint/2010/main" val="12047076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0"/>
                                  </p:stCondLst>
                                  <p:childTnLst>
                                    <p:set>
                                      <p:cBhvr>
                                        <p:cTn id="6" dur="1" fill="hold">
                                          <p:stCondLst>
                                            <p:cond delay="0"/>
                                          </p:stCondLst>
                                        </p:cTn>
                                        <p:tgtEl>
                                          <p:spTgt spid="126"/>
                                        </p:tgtEl>
                                        <p:attrNameLst>
                                          <p:attrName>style.visibility</p:attrName>
                                        </p:attrNameLst>
                                      </p:cBhvr>
                                      <p:to>
                                        <p:strVal val="visible"/>
                                      </p:to>
                                    </p:set>
                                    <p:animEffect transition="in" filter="wipe(left)">
                                      <p:cBhvr>
                                        <p:cTn id="7" dur="1000"/>
                                        <p:tgtEl>
                                          <p:spTgt spid="126"/>
                                        </p:tgtEl>
                                      </p:cBhvr>
                                    </p:animEffect>
                                  </p:childTnLst>
                                </p:cTn>
                              </p:par>
                              <p:par>
                                <p:cTn id="8" presetID="22" presetClass="entr" presetSubtype="8" fill="hold" grpId="0" nodeType="withEffect">
                                  <p:stCondLst>
                                    <p:cond delay="0"/>
                                  </p:stCondLst>
                                  <p:childTnLst>
                                    <p:set>
                                      <p:cBhvr>
                                        <p:cTn id="9" dur="1" fill="hold">
                                          <p:stCondLst>
                                            <p:cond delay="0"/>
                                          </p:stCondLst>
                                        </p:cTn>
                                        <p:tgtEl>
                                          <p:spTgt spid="108"/>
                                        </p:tgtEl>
                                        <p:attrNameLst>
                                          <p:attrName>style.visibility</p:attrName>
                                        </p:attrNameLst>
                                      </p:cBhvr>
                                      <p:to>
                                        <p:strVal val="visible"/>
                                      </p:to>
                                    </p:set>
                                    <p:animEffect transition="in" filter="wipe(left)">
                                      <p:cBhvr>
                                        <p:cTn id="10" dur="1000"/>
                                        <p:tgtEl>
                                          <p:spTgt spid="108"/>
                                        </p:tgtEl>
                                      </p:cBhvr>
                                    </p:animEffect>
                                  </p:childTnLst>
                                </p:cTn>
                              </p:par>
                            </p:childTnLst>
                          </p:cTn>
                        </p:par>
                        <p:par>
                          <p:cTn id="11" fill="hold">
                            <p:stCondLst>
                              <p:cond delay="1000"/>
                            </p:stCondLst>
                            <p:childTnLst>
                              <p:par>
                                <p:cTn id="12" presetID="22" presetClass="entr" presetSubtype="8" fill="hold" nodeType="afterEffect">
                                  <p:stCondLst>
                                    <p:cond delay="0"/>
                                  </p:stCondLst>
                                  <p:childTnLst>
                                    <p:set>
                                      <p:cBhvr>
                                        <p:cTn id="13" dur="1" fill="hold">
                                          <p:stCondLst>
                                            <p:cond delay="0"/>
                                          </p:stCondLst>
                                        </p:cTn>
                                        <p:tgtEl>
                                          <p:spTgt spid="6"/>
                                        </p:tgtEl>
                                        <p:attrNameLst>
                                          <p:attrName>style.visibility</p:attrName>
                                        </p:attrNameLst>
                                      </p:cBhvr>
                                      <p:to>
                                        <p:strVal val="visible"/>
                                      </p:to>
                                    </p:set>
                                    <p:animEffect transition="in" filter="wipe(left)">
                                      <p:cBhvr>
                                        <p:cTn id="14" dur="500"/>
                                        <p:tgtEl>
                                          <p:spTgt spid="6"/>
                                        </p:tgtEl>
                                      </p:cBhvr>
                                    </p:animEffect>
                                  </p:childTnLst>
                                </p:cTn>
                              </p:par>
                              <p:par>
                                <p:cTn id="15" presetID="22" presetClass="entr" presetSubtype="8" fill="hold" grpId="0" nodeType="withEffect">
                                  <p:stCondLst>
                                    <p:cond delay="0"/>
                                  </p:stCondLst>
                                  <p:childTnLst>
                                    <p:set>
                                      <p:cBhvr>
                                        <p:cTn id="16" dur="1" fill="hold">
                                          <p:stCondLst>
                                            <p:cond delay="0"/>
                                          </p:stCondLst>
                                        </p:cTn>
                                        <p:tgtEl>
                                          <p:spTgt spid="127"/>
                                        </p:tgtEl>
                                        <p:attrNameLst>
                                          <p:attrName>style.visibility</p:attrName>
                                        </p:attrNameLst>
                                      </p:cBhvr>
                                      <p:to>
                                        <p:strVal val="visible"/>
                                      </p:to>
                                    </p:set>
                                    <p:animEffect transition="in" filter="wipe(left)">
                                      <p:cBhvr>
                                        <p:cTn id="17" dur="1000"/>
                                        <p:tgtEl>
                                          <p:spTgt spid="127"/>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nodeType="clickEffect">
                                  <p:stCondLst>
                                    <p:cond delay="0"/>
                                  </p:stCondLst>
                                  <p:childTnLst>
                                    <p:set>
                                      <p:cBhvr>
                                        <p:cTn id="21" dur="1" fill="hold">
                                          <p:stCondLst>
                                            <p:cond delay="0"/>
                                          </p:stCondLst>
                                        </p:cTn>
                                        <p:tgtEl>
                                          <p:spTgt spid="5">
                                            <p:txEl>
                                              <p:pRg st="12" end="12"/>
                                            </p:txEl>
                                          </p:spTgt>
                                        </p:tgtEl>
                                        <p:attrNameLst>
                                          <p:attrName>style.visibility</p:attrName>
                                        </p:attrNameLst>
                                      </p:cBhvr>
                                      <p:to>
                                        <p:strVal val="visible"/>
                                      </p:to>
                                    </p:set>
                                    <p:animEffect transition="in" filter="wipe(left)">
                                      <p:cBhvr>
                                        <p:cTn id="22" dur="750"/>
                                        <p:tgtEl>
                                          <p:spTgt spid="5">
                                            <p:txEl>
                                              <p:pRg st="12" end="1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7" grpId="0"/>
      <p:bldP spid="108" grpId="0" animBg="1"/>
      <p:bldP spid="126" grpId="0" animBg="1"/>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es-419" dirty="0"/>
              <a:t>Contenido</a:t>
            </a:r>
            <a:endParaRPr lang="en-GB" dirty="0"/>
          </a:p>
        </p:txBody>
      </p:sp>
      <p:sp>
        <p:nvSpPr>
          <p:cNvPr id="4" name="Textfeld 3"/>
          <p:cNvSpPr txBox="1"/>
          <p:nvPr/>
        </p:nvSpPr>
        <p:spPr>
          <a:xfrm>
            <a:off x="1403648" y="996280"/>
            <a:ext cx="6984776" cy="3231654"/>
          </a:xfrm>
          <a:prstGeom prst="rect">
            <a:avLst/>
          </a:prstGeom>
          <a:solidFill>
            <a:srgbClr val="EAEAEA"/>
          </a:solidFill>
        </p:spPr>
        <p:txBody>
          <a:bodyPr wrap="square" rtlCol="0">
            <a:spAutoFit/>
          </a:bodyPr>
          <a:lstStyle>
            <a:defPPr>
              <a:defRPr lang="en-US"/>
            </a:defPPr>
            <a:lvl1pPr marL="342900" indent="-342900">
              <a:spcBef>
                <a:spcPts val="1200"/>
              </a:spcBef>
              <a:buFont typeface="Wingdings" panose="05000000000000000000" pitchFamily="2" charset="2"/>
              <a:buChar char="Ø"/>
              <a:defRPr sz="2000" b="1"/>
            </a:lvl1pPr>
            <a:lvl2pPr marL="800100" lvl="1" indent="-342900">
              <a:spcBef>
                <a:spcPts val="1200"/>
              </a:spcBef>
              <a:buFont typeface="Wingdings" panose="05000000000000000000" pitchFamily="2" charset="2"/>
              <a:buChar char="Ø"/>
            </a:lvl2pPr>
          </a:lstStyle>
          <a:p>
            <a:r>
              <a:rPr lang="es-419" sz="1800" dirty="0">
                <a:solidFill>
                  <a:schemeClr val="bg1">
                    <a:lumMod val="50000"/>
                  </a:schemeClr>
                </a:solidFill>
              </a:rPr>
              <a:t>Sistema Catastral en Suiza</a:t>
            </a:r>
          </a:p>
          <a:p>
            <a:pPr lvl="1"/>
            <a:r>
              <a:rPr lang="es-419" sz="1600" dirty="0">
                <a:solidFill>
                  <a:schemeClr val="bg1">
                    <a:lumMod val="50000"/>
                  </a:schemeClr>
                </a:solidFill>
              </a:rPr>
              <a:t>Estructura política y administrativa</a:t>
            </a:r>
          </a:p>
          <a:p>
            <a:pPr lvl="1"/>
            <a:r>
              <a:rPr lang="es-419" sz="1600" dirty="0">
                <a:solidFill>
                  <a:schemeClr val="bg1">
                    <a:lumMod val="50000"/>
                  </a:schemeClr>
                </a:solidFill>
              </a:rPr>
              <a:t>Administración de tierras: base legal y organización </a:t>
            </a:r>
          </a:p>
          <a:p>
            <a:pPr lvl="1"/>
            <a:r>
              <a:rPr lang="es-419" sz="1600" dirty="0">
                <a:solidFill>
                  <a:schemeClr val="bg1">
                    <a:lumMod val="50000"/>
                  </a:schemeClr>
                </a:solidFill>
              </a:rPr>
              <a:t>Elementos técnicos y conceptuales</a:t>
            </a:r>
          </a:p>
          <a:p>
            <a:r>
              <a:rPr lang="es-419" sz="1800" dirty="0">
                <a:solidFill>
                  <a:schemeClr val="bg1">
                    <a:lumMod val="50000"/>
                  </a:schemeClr>
                </a:solidFill>
              </a:rPr>
              <a:t>Evolución del Sistema Catastral</a:t>
            </a:r>
          </a:p>
          <a:p>
            <a:pPr lvl="1"/>
            <a:r>
              <a:rPr lang="es-ES" sz="1600" dirty="0">
                <a:solidFill>
                  <a:schemeClr val="bg1">
                    <a:lumMod val="50000"/>
                  </a:schemeClr>
                </a:solidFill>
              </a:rPr>
              <a:t>Digitalización al servicio de las infraestructuras de geodatos</a:t>
            </a:r>
            <a:endParaRPr lang="es-419" sz="1600" dirty="0">
              <a:solidFill>
                <a:schemeClr val="bg1">
                  <a:lumMod val="50000"/>
                </a:schemeClr>
              </a:solidFill>
            </a:endParaRPr>
          </a:p>
          <a:p>
            <a:pPr lvl="1"/>
            <a:r>
              <a:rPr lang="es-ES" sz="1600" b="1" dirty="0">
                <a:solidFill>
                  <a:srgbClr val="C00000"/>
                </a:solidFill>
              </a:rPr>
              <a:t>Ampliación de las dimensiones jurídicas y geométricas</a:t>
            </a:r>
            <a:endParaRPr lang="es-419" sz="1600" b="1" dirty="0">
              <a:solidFill>
                <a:srgbClr val="C00000"/>
              </a:solidFill>
            </a:endParaRPr>
          </a:p>
          <a:p>
            <a:r>
              <a:rPr lang="es-419" sz="1800" dirty="0">
                <a:solidFill>
                  <a:schemeClr val="bg1">
                    <a:lumMod val="50000"/>
                  </a:schemeClr>
                </a:solidFill>
              </a:rPr>
              <a:t>Conclusiones</a:t>
            </a:r>
          </a:p>
        </p:txBody>
      </p:sp>
    </p:spTree>
    <p:extLst>
      <p:ext uri="{BB962C8B-B14F-4D97-AF65-F5344CB8AC3E}">
        <p14:creationId xmlns:p14="http://schemas.microsoft.com/office/powerpoint/2010/main" val="36231776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4">
                                            <p:txEl>
                                              <p:pRg st="6" end="6"/>
                                            </p:txEl>
                                          </p:spTgt>
                                        </p:tgtEl>
                                        <p:attrNameLst>
                                          <p:attrName>style.visibility</p:attrName>
                                        </p:attrNameLst>
                                      </p:cBhvr>
                                      <p:to>
                                        <p:strVal val="visible"/>
                                      </p:to>
                                    </p:set>
                                    <p:animEffect transition="in" filter="wipe(left)">
                                      <p:cBhvr>
                                        <p:cTn id="7" dur="500"/>
                                        <p:tgtEl>
                                          <p:spTgt spid="4">
                                            <p:txEl>
                                              <p:pRg st="6" end="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682" name="Rectangle 2"/>
          <p:cNvSpPr>
            <a:spLocks noGrp="1" noChangeArrowheads="1"/>
          </p:cNvSpPr>
          <p:nvPr>
            <p:ph type="title"/>
          </p:nvPr>
        </p:nvSpPr>
        <p:spPr/>
        <p:txBody>
          <a:bodyPr/>
          <a:lstStyle/>
          <a:p>
            <a:pPr eaLnBrk="1" hangingPunct="1">
              <a:defRPr/>
            </a:pPr>
            <a:r>
              <a:rPr lang="es-419" dirty="0"/>
              <a:t>Aluvión de restricciones de derecho público</a:t>
            </a:r>
          </a:p>
        </p:txBody>
      </p:sp>
      <p:pic>
        <p:nvPicPr>
          <p:cNvPr id="20483" name="Picture 3" descr="Image dans OEREB-Présentation"/>
          <p:cNvPicPr>
            <a:picLocks noGrp="1" noChangeAspect="1" noChangeArrowheads="1"/>
          </p:cNvPicPr>
          <p:nvPr>
            <p:ph idx="1"/>
          </p:nvPr>
        </p:nvPicPr>
        <p:blipFill>
          <a:blip r:embed="rId3">
            <a:extLst>
              <a:ext uri="{28A0092B-C50C-407E-A947-70E740481C1C}">
                <a14:useLocalDpi xmlns:a14="http://schemas.microsoft.com/office/drawing/2010/main" val="0"/>
              </a:ext>
            </a:extLst>
          </a:blip>
          <a:stretch>
            <a:fillRect/>
          </a:stretch>
        </p:blipFill>
        <p:spPr>
          <a:xfrm>
            <a:off x="2107408" y="1260449"/>
            <a:ext cx="5604272" cy="3129052"/>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327684" name="Rectangle 4"/>
          <p:cNvSpPr>
            <a:spLocks noChangeArrowheads="1"/>
          </p:cNvSpPr>
          <p:nvPr/>
        </p:nvSpPr>
        <p:spPr bwMode="auto">
          <a:xfrm>
            <a:off x="2087725" y="789552"/>
            <a:ext cx="5832872" cy="4000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pPr eaLnBrk="1" hangingPunct="1">
              <a:defRPr/>
            </a:pPr>
            <a:r>
              <a:rPr lang="es-ES" sz="900" b="1" dirty="0">
                <a:solidFill>
                  <a:srgbClr val="CC0000"/>
                </a:solidFill>
                <a:effectLst>
                  <a:outerShdw blurRad="38100" dist="38100" dir="2700000" algn="tl">
                    <a:srgbClr val="C0C0C0"/>
                  </a:outerShdw>
                </a:effectLst>
                <a:latin typeface="Arial" charset="0"/>
              </a:rPr>
              <a:t>Visita de terreno en </a:t>
            </a:r>
            <a:r>
              <a:rPr lang="es-ES" sz="900" b="1" dirty="0" err="1">
                <a:solidFill>
                  <a:srgbClr val="CC0000"/>
                </a:solidFill>
                <a:effectLst>
                  <a:outerShdw blurRad="38100" dist="38100" dir="2700000" algn="tl">
                    <a:srgbClr val="C0C0C0"/>
                  </a:outerShdw>
                </a:effectLst>
                <a:latin typeface="Arial" charset="0"/>
              </a:rPr>
              <a:t>Ursenbach</a:t>
            </a:r>
            <a:r>
              <a:rPr lang="es-ES" sz="900" b="1" dirty="0">
                <a:solidFill>
                  <a:srgbClr val="CC0000"/>
                </a:solidFill>
                <a:effectLst>
                  <a:outerShdw blurRad="38100" dist="38100" dir="2700000" algn="tl">
                    <a:srgbClr val="C0C0C0"/>
                  </a:outerShdw>
                </a:effectLst>
                <a:latin typeface="Arial" charset="0"/>
              </a:rPr>
              <a:t> BE, viernes 20 de agosto de 2004 : 101 leyes, ordenanzas y reglamentos deben respetarse sólo en este escenario cotidiano </a:t>
            </a:r>
            <a:r>
              <a:rPr lang="de-CH" sz="900" b="1" dirty="0">
                <a:solidFill>
                  <a:srgbClr val="CC0000"/>
                </a:solidFill>
                <a:effectLst>
                  <a:outerShdw blurRad="38100" dist="38100" dir="2700000" algn="tl">
                    <a:srgbClr val="C0C0C0"/>
                  </a:outerShdw>
                </a:effectLst>
                <a:latin typeface="Arial" charset="0"/>
              </a:rPr>
              <a:t>(de FACTS, 2.9.04)</a:t>
            </a:r>
          </a:p>
        </p:txBody>
      </p:sp>
    </p:spTree>
    <p:extLst>
      <p:ext uri="{BB962C8B-B14F-4D97-AF65-F5344CB8AC3E}">
        <p14:creationId xmlns:p14="http://schemas.microsoft.com/office/powerpoint/2010/main" val="11127068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6660" name="Rectangle 4"/>
          <p:cNvSpPr>
            <a:spLocks noGrp="1" noChangeArrowheads="1"/>
          </p:cNvSpPr>
          <p:nvPr>
            <p:ph type="title"/>
          </p:nvPr>
        </p:nvSpPr>
        <p:spPr/>
        <p:txBody>
          <a:bodyPr/>
          <a:lstStyle/>
          <a:p>
            <a:pPr eaLnBrk="1" hangingPunct="1">
              <a:defRPr/>
            </a:pPr>
            <a:r>
              <a:rPr lang="es-ES" dirty="0"/>
              <a:t>La propiedad de la tierra: la dimensión macroeconómica</a:t>
            </a:r>
            <a:endParaRPr lang="en-GB" dirty="0">
              <a:solidFill>
                <a:srgbClr val="0066FF"/>
              </a:solidFill>
            </a:endParaRPr>
          </a:p>
        </p:txBody>
      </p:sp>
      <p:pic>
        <p:nvPicPr>
          <p:cNvPr id="22530" name="Picture 2" descr="source"/>
          <p:cNvPicPr>
            <a:picLocks noGrp="1" noChangeAspect="1" noChangeArrowheads="1"/>
          </p:cNvPicPr>
          <p:nvPr>
            <p:ph idx="1"/>
          </p:nvPr>
        </p:nvPicPr>
        <p:blipFill>
          <a:blip r:embed="rId4">
            <a:extLst>
              <a:ext uri="{28A0092B-C50C-407E-A947-70E740481C1C}">
                <a14:useLocalDpi xmlns:a14="http://schemas.microsoft.com/office/drawing/2010/main" val="0"/>
              </a:ext>
            </a:extLst>
          </a:blip>
          <a:stretch>
            <a:fillRect/>
          </a:stretch>
        </p:blipFill>
        <p:spPr>
          <a:xfrm>
            <a:off x="2483768" y="1275606"/>
            <a:ext cx="4107656" cy="1607344"/>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22532" name="Text Box 3"/>
          <p:cNvSpPr txBox="1">
            <a:spLocks noChangeArrowheads="1"/>
          </p:cNvSpPr>
          <p:nvPr/>
        </p:nvSpPr>
        <p:spPr bwMode="auto">
          <a:xfrm>
            <a:off x="1259632" y="2969389"/>
            <a:ext cx="6912768" cy="1546577"/>
          </a:xfrm>
          <a:prstGeom prst="rect">
            <a:avLst/>
          </a:prstGeom>
          <a:noFill/>
          <a:ln>
            <a:noFill/>
          </a:ln>
          <a:effectLst/>
          <a:extLst>
            <a:ext uri="{909E8E84-426E-40DD-AFC4-6F175D3DCCD1}">
              <a14:hiddenFill xmlns:a14="http://schemas.microsoft.com/office/drawing/2010/main">
                <a:solidFill>
                  <a:schemeClr val="bg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53882" dir="2700000" algn="ctr" rotWithShape="0">
                    <a:schemeClr val="tx1"/>
                  </a:outerShdw>
                </a:effectLst>
              </a14:hiddenEffects>
            </a:ext>
          </a:extLst>
        </p:spPr>
        <p:txBody>
          <a:bodyPr wrap="square">
            <a:spAutoFit/>
          </a:bodyPr>
          <a:lstStyle>
            <a:lvl1pPr>
              <a:spcBef>
                <a:spcPct val="20000"/>
              </a:spcBef>
              <a:buChar char="•"/>
              <a:defRPr sz="2800">
                <a:solidFill>
                  <a:schemeClr val="tx1"/>
                </a:solidFill>
                <a:latin typeface="Arial" panose="020B0604020202020204" pitchFamily="34" charset="0"/>
              </a:defRPr>
            </a:lvl1pPr>
            <a:lvl2pPr marL="742950" indent="-285750">
              <a:spcBef>
                <a:spcPct val="20000"/>
              </a:spcBef>
              <a:buChar char="–"/>
              <a:defRPr sz="2400">
                <a:solidFill>
                  <a:schemeClr val="tx1"/>
                </a:solidFill>
                <a:latin typeface="Arial" panose="020B0604020202020204" pitchFamily="34" charset="0"/>
              </a:defRPr>
            </a:lvl2pPr>
            <a:lvl3pPr marL="1143000" indent="-228600">
              <a:spcBef>
                <a:spcPct val="20000"/>
              </a:spcBef>
              <a:buChar char="•"/>
              <a:defRPr sz="2000">
                <a:solidFill>
                  <a:schemeClr val="tx1"/>
                </a:solidFill>
                <a:latin typeface="Arial" panose="020B0604020202020204" pitchFamily="34" charset="0"/>
              </a:defRPr>
            </a:lvl3pPr>
            <a:lvl4pPr marL="1600200" indent="-228600">
              <a:spcBef>
                <a:spcPct val="20000"/>
              </a:spcBef>
              <a:buChar char="–"/>
              <a:defRPr>
                <a:solidFill>
                  <a:schemeClr val="tx1"/>
                </a:solidFill>
                <a:latin typeface="Arial" panose="020B0604020202020204" pitchFamily="34" charset="0"/>
              </a:defRPr>
            </a:lvl4pPr>
            <a:lvl5pPr marL="2057400" indent="-228600">
              <a:spcBef>
                <a:spcPct val="20000"/>
              </a:spcBef>
              <a:buChar char="»"/>
              <a:defRPr>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a:solidFill>
                  <a:schemeClr val="tx1"/>
                </a:solidFill>
                <a:latin typeface="Arial" panose="020B0604020202020204" pitchFamily="34" charset="0"/>
              </a:defRPr>
            </a:lvl9pPr>
          </a:lstStyle>
          <a:p>
            <a:pPr marL="285750" indent="-285750">
              <a:spcBef>
                <a:spcPct val="30000"/>
              </a:spcBef>
            </a:pPr>
            <a:r>
              <a:rPr lang="es-ES" altLang="de-DE" sz="1500" dirty="0"/>
              <a:t>El sistema catastral suizo asegura valores inmobiliarios del orden de 2 billones de CHF, de los cuales aproximadamente 900 billones de CHF corresponden a hipotecas (más de 100.000 CHF por habitante).</a:t>
            </a:r>
          </a:p>
          <a:p>
            <a:pPr marL="285750" indent="-285750">
              <a:spcBef>
                <a:spcPct val="30000"/>
              </a:spcBef>
            </a:pPr>
            <a:r>
              <a:rPr lang="es-ES" altLang="de-DE" sz="1500" dirty="0"/>
              <a:t>La ​​documentación de las restricciones de derecho público puede mejorar potencialmente la transparencia y la seguridad de la propiedad de la tierra; si el efecto es solo del 0,1%, correspondería a 900 millones de CHF.</a:t>
            </a:r>
            <a:endParaRPr lang="en-GB" altLang="de-DE" sz="1500" dirty="0"/>
          </a:p>
        </p:txBody>
      </p:sp>
    </p:spTree>
    <p:extLst>
      <p:ext uri="{BB962C8B-B14F-4D97-AF65-F5344CB8AC3E}">
        <p14:creationId xmlns:p14="http://schemas.microsoft.com/office/powerpoint/2010/main" val="29822019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afterEffect">
                                  <p:stCondLst>
                                    <p:cond delay="0"/>
                                  </p:stCondLst>
                                  <p:childTnLst>
                                    <p:set>
                                      <p:cBhvr>
                                        <p:cTn id="6" dur="1" fill="hold">
                                          <p:stCondLst>
                                            <p:cond delay="0"/>
                                          </p:stCondLst>
                                        </p:cTn>
                                        <p:tgtEl>
                                          <p:spTgt spid="22532">
                                            <p:txEl>
                                              <p:pRg st="0" end="0"/>
                                            </p:txEl>
                                          </p:spTgt>
                                        </p:tgtEl>
                                        <p:attrNameLst>
                                          <p:attrName>style.visibility</p:attrName>
                                        </p:attrNameLst>
                                      </p:cBhvr>
                                      <p:to>
                                        <p:strVal val="visible"/>
                                      </p:to>
                                    </p:set>
                                    <p:animEffect transition="in" filter="wipe(up)">
                                      <p:cBhvr>
                                        <p:cTn id="7" dur="500"/>
                                        <p:tgtEl>
                                          <p:spTgt spid="22532">
                                            <p:txEl>
                                              <p:pRg st="0" end="0"/>
                                            </p:txEl>
                                          </p:spTgt>
                                        </p:tgtEl>
                                      </p:cBhvr>
                                    </p:animEffect>
                                  </p:childTnLst>
                                </p:cTn>
                              </p:par>
                            </p:childTnLst>
                          </p:cTn>
                        </p:par>
                        <p:par>
                          <p:cTn id="8" fill="hold">
                            <p:stCondLst>
                              <p:cond delay="500"/>
                            </p:stCondLst>
                            <p:childTnLst>
                              <p:par>
                                <p:cTn id="9" presetID="22" presetClass="entr" presetSubtype="1" fill="hold" grpId="0" nodeType="afterEffect">
                                  <p:stCondLst>
                                    <p:cond delay="0"/>
                                  </p:stCondLst>
                                  <p:childTnLst>
                                    <p:set>
                                      <p:cBhvr>
                                        <p:cTn id="10" dur="1" fill="hold">
                                          <p:stCondLst>
                                            <p:cond delay="0"/>
                                          </p:stCondLst>
                                        </p:cTn>
                                        <p:tgtEl>
                                          <p:spTgt spid="22532">
                                            <p:txEl>
                                              <p:pRg st="1" end="1"/>
                                            </p:txEl>
                                          </p:spTgt>
                                        </p:tgtEl>
                                        <p:attrNameLst>
                                          <p:attrName>style.visibility</p:attrName>
                                        </p:attrNameLst>
                                      </p:cBhvr>
                                      <p:to>
                                        <p:strVal val="visible"/>
                                      </p:to>
                                    </p:set>
                                    <p:animEffect transition="in" filter="wipe(up)">
                                      <p:cBhvr>
                                        <p:cTn id="11" dur="500"/>
                                        <p:tgtEl>
                                          <p:spTgt spid="22532">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532" grpId="0" build="p"/>
    </p:bldLst>
  </p:timing>
  <p:extLst>
    <p:ext uri="{6950BFC3-D8DA-4A85-94F7-54DA5524770B}">
      <p188:commentRel xmlns:p188="http://schemas.microsoft.com/office/powerpoint/2018/8/main" r:id="rId3"/>
    </p:ext>
  </p:extLs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7477" name="Gruppieren 57476">
            <a:extLst>
              <a:ext uri="{FF2B5EF4-FFF2-40B4-BE49-F238E27FC236}">
                <a16:creationId xmlns:a16="http://schemas.microsoft.com/office/drawing/2014/main" id="{FDFC7389-E3C0-D470-0D62-0C1152D38679}"/>
              </a:ext>
            </a:extLst>
          </p:cNvPr>
          <p:cNvGrpSpPr/>
          <p:nvPr/>
        </p:nvGrpSpPr>
        <p:grpSpPr>
          <a:xfrm>
            <a:off x="1187624" y="1127791"/>
            <a:ext cx="6120000" cy="3420000"/>
            <a:chOff x="1305768" y="1196752"/>
            <a:chExt cx="7514704" cy="4811442"/>
          </a:xfrm>
        </p:grpSpPr>
        <p:grpSp>
          <p:nvGrpSpPr>
            <p:cNvPr id="57478" name="Gruppieren 1">
              <a:extLst>
                <a:ext uri="{FF2B5EF4-FFF2-40B4-BE49-F238E27FC236}">
                  <a16:creationId xmlns:a16="http://schemas.microsoft.com/office/drawing/2014/main" id="{C17DDBE6-EF51-AB4A-9371-7FFB202BF31C}"/>
                </a:ext>
              </a:extLst>
            </p:cNvPr>
            <p:cNvGrpSpPr>
              <a:grpSpLocks noChangeAspect="1"/>
            </p:cNvGrpSpPr>
            <p:nvPr/>
          </p:nvGrpSpPr>
          <p:grpSpPr bwMode="auto">
            <a:xfrm>
              <a:off x="1305768" y="2155316"/>
              <a:ext cx="5934063" cy="3850176"/>
              <a:chOff x="862013" y="1125538"/>
              <a:chExt cx="7104859" cy="4610236"/>
            </a:xfrm>
          </p:grpSpPr>
          <p:sp>
            <p:nvSpPr>
              <p:cNvPr id="128" name="Rectangle 7">
                <a:extLst>
                  <a:ext uri="{FF2B5EF4-FFF2-40B4-BE49-F238E27FC236}">
                    <a16:creationId xmlns:a16="http://schemas.microsoft.com/office/drawing/2014/main" id="{156C72EC-55B1-ECAD-A7A2-7308992DE27D}"/>
                  </a:ext>
                </a:extLst>
              </p:cNvPr>
              <p:cNvSpPr>
                <a:spLocks noChangeArrowheads="1"/>
              </p:cNvSpPr>
              <p:nvPr/>
            </p:nvSpPr>
            <p:spPr bwMode="auto">
              <a:xfrm>
                <a:off x="862013" y="1125538"/>
                <a:ext cx="7100887" cy="792162"/>
              </a:xfrm>
              <a:prstGeom prst="rect">
                <a:avLst/>
              </a:prstGeom>
              <a:solidFill>
                <a:srgbClr val="DDDDDD"/>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400" dirty="0"/>
              </a:p>
            </p:txBody>
          </p:sp>
          <p:sp>
            <p:nvSpPr>
              <p:cNvPr id="129" name="Rectangle 8">
                <a:extLst>
                  <a:ext uri="{FF2B5EF4-FFF2-40B4-BE49-F238E27FC236}">
                    <a16:creationId xmlns:a16="http://schemas.microsoft.com/office/drawing/2014/main" id="{C64432E1-B4FA-211F-6351-2C1B941F0E00}"/>
                  </a:ext>
                </a:extLst>
              </p:cNvPr>
              <p:cNvSpPr>
                <a:spLocks noChangeArrowheads="1"/>
              </p:cNvSpPr>
              <p:nvPr/>
            </p:nvSpPr>
            <p:spPr bwMode="auto">
              <a:xfrm>
                <a:off x="3652838" y="1276350"/>
                <a:ext cx="1438275" cy="4179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r>
                  <a:rPr lang="es-CO" altLang="en-US" sz="1000" b="1" dirty="0">
                    <a:solidFill>
                      <a:srgbClr val="000000"/>
                    </a:solidFill>
                    <a:latin typeface="Arial" pitchFamily="34" charset="0"/>
                  </a:rPr>
                  <a:t>Instituciones,</a:t>
                </a:r>
              </a:p>
              <a:p>
                <a:r>
                  <a:rPr lang="es-CO" altLang="en-US" sz="1000" b="1" dirty="0">
                    <a:solidFill>
                      <a:srgbClr val="000000"/>
                    </a:solidFill>
                    <a:latin typeface="Arial" pitchFamily="34" charset="0"/>
                  </a:rPr>
                  <a:t>Interesados</a:t>
                </a:r>
              </a:p>
            </p:txBody>
          </p:sp>
          <p:sp>
            <p:nvSpPr>
              <p:cNvPr id="130" name="Rectangle 9">
                <a:extLst>
                  <a:ext uri="{FF2B5EF4-FFF2-40B4-BE49-F238E27FC236}">
                    <a16:creationId xmlns:a16="http://schemas.microsoft.com/office/drawing/2014/main" id="{735C36F5-50CE-63F6-386B-8A271086D6D0}"/>
                  </a:ext>
                </a:extLst>
              </p:cNvPr>
              <p:cNvSpPr>
                <a:spLocks noChangeArrowheads="1"/>
              </p:cNvSpPr>
              <p:nvPr/>
            </p:nvSpPr>
            <p:spPr bwMode="auto">
              <a:xfrm>
                <a:off x="962025" y="1276350"/>
                <a:ext cx="1233951" cy="4037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r>
                  <a:rPr lang="es-CO" altLang="en-US" sz="1000" b="1" dirty="0">
                    <a:solidFill>
                      <a:srgbClr val="000000"/>
                    </a:solidFill>
                    <a:latin typeface="Arial" pitchFamily="34" charset="0"/>
                  </a:rPr>
                  <a:t>Restricción de </a:t>
                </a:r>
              </a:p>
              <a:p>
                <a:r>
                  <a:rPr lang="es-CO" altLang="en-US" sz="1000" b="1" dirty="0">
                    <a:solidFill>
                      <a:srgbClr val="000000"/>
                    </a:solidFill>
                    <a:latin typeface="Arial" pitchFamily="34" charset="0"/>
                  </a:rPr>
                  <a:t>derecho publico</a:t>
                </a:r>
                <a:endParaRPr lang="es-CO" altLang="en-US" sz="1000" dirty="0">
                  <a:latin typeface="Arial" pitchFamily="34" charset="0"/>
                </a:endParaRPr>
              </a:p>
            </p:txBody>
          </p:sp>
          <p:sp>
            <p:nvSpPr>
              <p:cNvPr id="131" name="Rectangle 10">
                <a:extLst>
                  <a:ext uri="{FF2B5EF4-FFF2-40B4-BE49-F238E27FC236}">
                    <a16:creationId xmlns:a16="http://schemas.microsoft.com/office/drawing/2014/main" id="{7551A8E9-F04C-FF92-87A9-9DE749C023D9}"/>
                  </a:ext>
                </a:extLst>
              </p:cNvPr>
              <p:cNvSpPr>
                <a:spLocks noChangeArrowheads="1"/>
              </p:cNvSpPr>
              <p:nvPr/>
            </p:nvSpPr>
            <p:spPr bwMode="auto">
              <a:xfrm>
                <a:off x="6469536" y="1357313"/>
                <a:ext cx="1485424" cy="343170"/>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p>
                <a:pPr algn="ctr" eaLnBrk="0" hangingPunct="0">
                  <a:lnSpc>
                    <a:spcPct val="85000"/>
                  </a:lnSpc>
                  <a:defRPr/>
                </a:pPr>
                <a:r>
                  <a:rPr lang="es-CO" sz="1000" dirty="0">
                    <a:solidFill>
                      <a:srgbClr val="000000"/>
                    </a:solidFill>
                    <a:latin typeface="Arial" pitchFamily="34" charset="0"/>
                  </a:rPr>
                  <a:t>Datos espaciales</a:t>
                </a:r>
              </a:p>
              <a:p>
                <a:pPr algn="ctr" eaLnBrk="0" hangingPunct="0">
                  <a:lnSpc>
                    <a:spcPct val="85000"/>
                  </a:lnSpc>
                  <a:defRPr/>
                </a:pPr>
                <a:r>
                  <a:rPr lang="es-CO" sz="1000" dirty="0">
                    <a:solidFill>
                      <a:srgbClr val="000000"/>
                    </a:solidFill>
                    <a:latin typeface="Arial" pitchFamily="34" charset="0"/>
                  </a:rPr>
                  <a:t>Geo-información</a:t>
                </a:r>
              </a:p>
            </p:txBody>
          </p:sp>
          <p:sp>
            <p:nvSpPr>
              <p:cNvPr id="132" name="Rectangle 11">
                <a:extLst>
                  <a:ext uri="{FF2B5EF4-FFF2-40B4-BE49-F238E27FC236}">
                    <a16:creationId xmlns:a16="http://schemas.microsoft.com/office/drawing/2014/main" id="{76B76CDF-7C6D-436E-A473-832F4718E5B6}"/>
                  </a:ext>
                </a:extLst>
              </p:cNvPr>
              <p:cNvSpPr>
                <a:spLocks noChangeArrowheads="1"/>
              </p:cNvSpPr>
              <p:nvPr/>
            </p:nvSpPr>
            <p:spPr bwMode="auto">
              <a:xfrm>
                <a:off x="5396060" y="1357815"/>
                <a:ext cx="1119041" cy="440703"/>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0" tIns="0" rIns="0" bIns="0">
                <a:spAutoFit/>
              </a:bodyPr>
              <a:lstStyle/>
              <a:p>
                <a:pPr algn="ctr" eaLnBrk="0" hangingPunct="0">
                  <a:lnSpc>
                    <a:spcPct val="85000"/>
                  </a:lnSpc>
                  <a:defRPr/>
                </a:pPr>
                <a:r>
                  <a:rPr lang="es-CO" sz="1000" dirty="0">
                    <a:solidFill>
                      <a:srgbClr val="000000"/>
                    </a:solidFill>
                    <a:latin typeface="Arial" pitchFamily="34" charset="0"/>
                  </a:rPr>
                  <a:t>Información alfanumérica</a:t>
                </a:r>
              </a:p>
            </p:txBody>
          </p:sp>
          <p:sp>
            <p:nvSpPr>
              <p:cNvPr id="133" name="Rectangle 25">
                <a:extLst>
                  <a:ext uri="{FF2B5EF4-FFF2-40B4-BE49-F238E27FC236}">
                    <a16:creationId xmlns:a16="http://schemas.microsoft.com/office/drawing/2014/main" id="{4DA4CAF3-ED17-B261-A41A-C30235096AEF}"/>
                  </a:ext>
                </a:extLst>
              </p:cNvPr>
              <p:cNvSpPr>
                <a:spLocks noChangeArrowheads="1"/>
              </p:cNvSpPr>
              <p:nvPr/>
            </p:nvSpPr>
            <p:spPr bwMode="auto">
              <a:xfrm>
                <a:off x="862013" y="3357563"/>
                <a:ext cx="7102475" cy="533400"/>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34" name="Rectangle 26">
                <a:extLst>
                  <a:ext uri="{FF2B5EF4-FFF2-40B4-BE49-F238E27FC236}">
                    <a16:creationId xmlns:a16="http://schemas.microsoft.com/office/drawing/2014/main" id="{4104E910-8832-C68B-4B1A-990364D083B4}"/>
                  </a:ext>
                </a:extLst>
              </p:cNvPr>
              <p:cNvSpPr>
                <a:spLocks noChangeArrowheads="1"/>
              </p:cNvSpPr>
              <p:nvPr/>
            </p:nvSpPr>
            <p:spPr bwMode="auto">
              <a:xfrm>
                <a:off x="862013" y="2878138"/>
                <a:ext cx="7102475" cy="431800"/>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35" name="Rectangle 27">
                <a:extLst>
                  <a:ext uri="{FF2B5EF4-FFF2-40B4-BE49-F238E27FC236}">
                    <a16:creationId xmlns:a16="http://schemas.microsoft.com/office/drawing/2014/main" id="{23D23C48-E583-6BA8-AB2A-37AABDBB0DFB}"/>
                  </a:ext>
                </a:extLst>
              </p:cNvPr>
              <p:cNvSpPr>
                <a:spLocks noChangeArrowheads="1"/>
              </p:cNvSpPr>
              <p:nvPr/>
            </p:nvSpPr>
            <p:spPr bwMode="auto">
              <a:xfrm>
                <a:off x="862013" y="1963738"/>
                <a:ext cx="7102475" cy="431800"/>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36" name="Rectangle 28">
                <a:extLst>
                  <a:ext uri="{FF2B5EF4-FFF2-40B4-BE49-F238E27FC236}">
                    <a16:creationId xmlns:a16="http://schemas.microsoft.com/office/drawing/2014/main" id="{F3DC869D-58F9-8338-0FA4-25791CBAB9CF}"/>
                  </a:ext>
                </a:extLst>
              </p:cNvPr>
              <p:cNvSpPr>
                <a:spLocks noChangeArrowheads="1"/>
              </p:cNvSpPr>
              <p:nvPr/>
            </p:nvSpPr>
            <p:spPr bwMode="auto">
              <a:xfrm>
                <a:off x="862013" y="2424113"/>
                <a:ext cx="7102475" cy="431800"/>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37" name="Rectangle 29">
                <a:extLst>
                  <a:ext uri="{FF2B5EF4-FFF2-40B4-BE49-F238E27FC236}">
                    <a16:creationId xmlns:a16="http://schemas.microsoft.com/office/drawing/2014/main" id="{56F7CC81-4244-C483-129A-9437A5C9E965}"/>
                  </a:ext>
                </a:extLst>
              </p:cNvPr>
              <p:cNvSpPr>
                <a:spLocks noChangeArrowheads="1"/>
              </p:cNvSpPr>
              <p:nvPr/>
            </p:nvSpPr>
            <p:spPr bwMode="auto">
              <a:xfrm>
                <a:off x="862013" y="3932238"/>
                <a:ext cx="7102475" cy="431800"/>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rgbClr val="F9F977">
                        <a:alpha val="39999"/>
                      </a:srgbClr>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38" name="Rectangle 31">
                <a:extLst>
                  <a:ext uri="{FF2B5EF4-FFF2-40B4-BE49-F238E27FC236}">
                    <a16:creationId xmlns:a16="http://schemas.microsoft.com/office/drawing/2014/main" id="{E05E971C-CE12-14A7-7FF9-3629F0EAB7E0}"/>
                  </a:ext>
                </a:extLst>
              </p:cNvPr>
              <p:cNvSpPr>
                <a:spLocks noChangeArrowheads="1"/>
              </p:cNvSpPr>
              <p:nvPr/>
            </p:nvSpPr>
            <p:spPr bwMode="auto">
              <a:xfrm>
                <a:off x="862013" y="4392613"/>
                <a:ext cx="7102475" cy="431800"/>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rgbClr val="CCFF99">
                        <a:alpha val="39999"/>
                      </a:srgbClr>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39" name="Rectangle 40">
                <a:extLst>
                  <a:ext uri="{FF2B5EF4-FFF2-40B4-BE49-F238E27FC236}">
                    <a16:creationId xmlns:a16="http://schemas.microsoft.com/office/drawing/2014/main" id="{7A184075-CA37-38F7-D091-755344C45161}"/>
                  </a:ext>
                </a:extLst>
              </p:cNvPr>
              <p:cNvSpPr>
                <a:spLocks noChangeArrowheads="1"/>
              </p:cNvSpPr>
              <p:nvPr/>
            </p:nvSpPr>
            <p:spPr bwMode="auto">
              <a:xfrm>
                <a:off x="1027112" y="3390898"/>
                <a:ext cx="1604700" cy="528844"/>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s-CO" altLang="en-US" sz="800" dirty="0">
                    <a:solidFill>
                      <a:srgbClr val="000000"/>
                    </a:solidFill>
                    <a:latin typeface="Arial" pitchFamily="34" charset="0"/>
                  </a:rPr>
                  <a:t>Zonas del proyecto</a:t>
                </a:r>
              </a:p>
              <a:p>
                <a:pPr>
                  <a:lnSpc>
                    <a:spcPct val="85000"/>
                  </a:lnSpc>
                </a:pPr>
                <a:r>
                  <a:rPr lang="es-CO" altLang="en-US" sz="800" dirty="0">
                    <a:solidFill>
                      <a:srgbClr val="000000"/>
                    </a:solidFill>
                    <a:latin typeface="Arial" pitchFamily="34" charset="0"/>
                  </a:rPr>
                  <a:t>las líneas de construcción</a:t>
                </a:r>
              </a:p>
              <a:p>
                <a:pPr>
                  <a:lnSpc>
                    <a:spcPct val="85000"/>
                  </a:lnSpc>
                </a:pPr>
                <a:r>
                  <a:rPr lang="es-CO" altLang="en-US" sz="800" dirty="0">
                    <a:solidFill>
                      <a:srgbClr val="000000"/>
                    </a:solidFill>
                    <a:latin typeface="Arial" pitchFamily="34" charset="0"/>
                  </a:rPr>
                  <a:t>obstáculos aéreos</a:t>
                </a:r>
                <a:endParaRPr lang="en-GB" altLang="en-US" sz="800" dirty="0">
                  <a:solidFill>
                    <a:srgbClr val="000000"/>
                  </a:solidFill>
                  <a:latin typeface="Arial" pitchFamily="34" charset="0"/>
                </a:endParaRPr>
              </a:p>
            </p:txBody>
          </p:sp>
          <p:sp>
            <p:nvSpPr>
              <p:cNvPr id="140" name="Rectangle 41">
                <a:extLst>
                  <a:ext uri="{FF2B5EF4-FFF2-40B4-BE49-F238E27FC236}">
                    <a16:creationId xmlns:a16="http://schemas.microsoft.com/office/drawing/2014/main" id="{DA150543-EAED-1834-18BF-78E6AA007FBB}"/>
                  </a:ext>
                </a:extLst>
              </p:cNvPr>
              <p:cNvSpPr>
                <a:spLocks noChangeArrowheads="1"/>
              </p:cNvSpPr>
              <p:nvPr/>
            </p:nvSpPr>
            <p:spPr bwMode="auto">
              <a:xfrm>
                <a:off x="3625850" y="3532188"/>
                <a:ext cx="1223964" cy="207390"/>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r>
                  <a:rPr lang="es-CO" altLang="en-US" sz="800" dirty="0">
                    <a:solidFill>
                      <a:srgbClr val="000000"/>
                    </a:solidFill>
                    <a:latin typeface="Arial" pitchFamily="34" charset="0"/>
                  </a:rPr>
                  <a:t>Aeronáutica civil</a:t>
                </a:r>
              </a:p>
            </p:txBody>
          </p:sp>
          <p:grpSp>
            <p:nvGrpSpPr>
              <p:cNvPr id="141" name="Group 167">
                <a:extLst>
                  <a:ext uri="{FF2B5EF4-FFF2-40B4-BE49-F238E27FC236}">
                    <a16:creationId xmlns:a16="http://schemas.microsoft.com/office/drawing/2014/main" id="{7B208907-9AC0-7F58-5411-5C31952E0346}"/>
                  </a:ext>
                </a:extLst>
              </p:cNvPr>
              <p:cNvGrpSpPr>
                <a:grpSpLocks/>
              </p:cNvGrpSpPr>
              <p:nvPr/>
            </p:nvGrpSpPr>
            <p:grpSpPr bwMode="auto">
              <a:xfrm>
                <a:off x="5218113" y="3479800"/>
                <a:ext cx="2274887" cy="287338"/>
                <a:chOff x="3759" y="2158"/>
                <a:chExt cx="1433" cy="181"/>
              </a:xfrm>
            </p:grpSpPr>
            <p:sp>
              <p:nvSpPr>
                <p:cNvPr id="78976" name="Oval 42">
                  <a:extLst>
                    <a:ext uri="{FF2B5EF4-FFF2-40B4-BE49-F238E27FC236}">
                      <a16:creationId xmlns:a16="http://schemas.microsoft.com/office/drawing/2014/main" id="{D5A24D8E-E96B-49DF-31AC-A954DFD40403}"/>
                    </a:ext>
                  </a:extLst>
                </p:cNvPr>
                <p:cNvSpPr>
                  <a:spLocks noChangeArrowheads="1"/>
                </p:cNvSpPr>
                <p:nvPr/>
              </p:nvSpPr>
              <p:spPr bwMode="auto">
                <a:xfrm>
                  <a:off x="3759" y="2246"/>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78977" name="Line 43">
                  <a:extLst>
                    <a:ext uri="{FF2B5EF4-FFF2-40B4-BE49-F238E27FC236}">
                      <a16:creationId xmlns:a16="http://schemas.microsoft.com/office/drawing/2014/main" id="{FAC676E6-C0F8-24C2-B65B-4DF096C7095A}"/>
                    </a:ext>
                  </a:extLst>
                </p:cNvPr>
                <p:cNvSpPr>
                  <a:spLocks noChangeShapeType="1"/>
                </p:cNvSpPr>
                <p:nvPr/>
              </p:nvSpPr>
              <p:spPr bwMode="auto">
                <a:xfrm>
                  <a:off x="4258" y="2253"/>
                  <a:ext cx="328"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78978" name="Freeform 45">
                  <a:extLst>
                    <a:ext uri="{FF2B5EF4-FFF2-40B4-BE49-F238E27FC236}">
                      <a16:creationId xmlns:a16="http://schemas.microsoft.com/office/drawing/2014/main" id="{B3F81E9F-E616-5C81-A584-3DE99917ECF2}"/>
                    </a:ext>
                  </a:extLst>
                </p:cNvPr>
                <p:cNvSpPr>
                  <a:spLocks noChangeAspect="1"/>
                </p:cNvSpPr>
                <p:nvPr/>
              </p:nvSpPr>
              <p:spPr bwMode="auto">
                <a:xfrm>
                  <a:off x="4544" y="2237"/>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sp>
              <p:nvSpPr>
                <p:cNvPr id="78979" name="Freeform 46">
                  <a:extLst>
                    <a:ext uri="{FF2B5EF4-FFF2-40B4-BE49-F238E27FC236}">
                      <a16:creationId xmlns:a16="http://schemas.microsoft.com/office/drawing/2014/main" id="{392B85EA-8410-AACB-3AA7-D743ECB9205A}"/>
                    </a:ext>
                  </a:extLst>
                </p:cNvPr>
                <p:cNvSpPr>
                  <a:spLocks noChangeAspect="1"/>
                </p:cNvSpPr>
                <p:nvPr/>
              </p:nvSpPr>
              <p:spPr bwMode="auto">
                <a:xfrm>
                  <a:off x="4544" y="2197"/>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sp>
              <p:nvSpPr>
                <p:cNvPr id="78980" name="Freeform 47">
                  <a:extLst>
                    <a:ext uri="{FF2B5EF4-FFF2-40B4-BE49-F238E27FC236}">
                      <a16:creationId xmlns:a16="http://schemas.microsoft.com/office/drawing/2014/main" id="{CE976DBD-367F-1279-BE3A-D1B8CB34AC0F}"/>
                    </a:ext>
                  </a:extLst>
                </p:cNvPr>
                <p:cNvSpPr>
                  <a:spLocks noChangeAspect="1"/>
                </p:cNvSpPr>
                <p:nvPr/>
              </p:nvSpPr>
              <p:spPr bwMode="auto">
                <a:xfrm>
                  <a:off x="4544" y="2158"/>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sp>
              <p:nvSpPr>
                <p:cNvPr id="78981" name="Oval 48">
                  <a:extLst>
                    <a:ext uri="{FF2B5EF4-FFF2-40B4-BE49-F238E27FC236}">
                      <a16:creationId xmlns:a16="http://schemas.microsoft.com/office/drawing/2014/main" id="{96F698E0-66FF-BAA5-E303-D2BDB773FEC8}"/>
                    </a:ext>
                  </a:extLst>
                </p:cNvPr>
                <p:cNvSpPr>
                  <a:spLocks noChangeArrowheads="1"/>
                </p:cNvSpPr>
                <p:nvPr/>
              </p:nvSpPr>
              <p:spPr bwMode="auto">
                <a:xfrm>
                  <a:off x="3759" y="2202"/>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78982" name="Oval 49">
                  <a:extLst>
                    <a:ext uri="{FF2B5EF4-FFF2-40B4-BE49-F238E27FC236}">
                      <a16:creationId xmlns:a16="http://schemas.microsoft.com/office/drawing/2014/main" id="{4B2AE421-61E9-E80F-81F6-6DFAF7B33180}"/>
                    </a:ext>
                  </a:extLst>
                </p:cNvPr>
                <p:cNvSpPr>
                  <a:spLocks noChangeArrowheads="1"/>
                </p:cNvSpPr>
                <p:nvPr/>
              </p:nvSpPr>
              <p:spPr bwMode="auto">
                <a:xfrm>
                  <a:off x="3759" y="2162"/>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grpSp>
          <p:sp>
            <p:nvSpPr>
              <p:cNvPr id="142" name="Rectangle 51">
                <a:extLst>
                  <a:ext uri="{FF2B5EF4-FFF2-40B4-BE49-F238E27FC236}">
                    <a16:creationId xmlns:a16="http://schemas.microsoft.com/office/drawing/2014/main" id="{B795FED0-5078-EE8C-EFA0-71786EF1D5D1}"/>
                  </a:ext>
                </a:extLst>
              </p:cNvPr>
              <p:cNvSpPr>
                <a:spLocks noChangeArrowheads="1"/>
              </p:cNvSpPr>
              <p:nvPr/>
            </p:nvSpPr>
            <p:spPr bwMode="auto">
              <a:xfrm>
                <a:off x="3625851" y="3016250"/>
                <a:ext cx="1652289" cy="17628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s-CO" altLang="en-US" sz="800" dirty="0">
                    <a:solidFill>
                      <a:srgbClr val="000000"/>
                    </a:solidFill>
                    <a:latin typeface="Arial" pitchFamily="34" charset="0"/>
                  </a:rPr>
                  <a:t>Tranvías, Ferrocarril</a:t>
                </a:r>
              </a:p>
            </p:txBody>
          </p:sp>
          <p:sp>
            <p:nvSpPr>
              <p:cNvPr id="143" name="Rectangle 57">
                <a:extLst>
                  <a:ext uri="{FF2B5EF4-FFF2-40B4-BE49-F238E27FC236}">
                    <a16:creationId xmlns:a16="http://schemas.microsoft.com/office/drawing/2014/main" id="{3C182E55-5AB8-DFF5-A2F7-F3DD2A5AB10B}"/>
                  </a:ext>
                </a:extLst>
              </p:cNvPr>
              <p:cNvSpPr>
                <a:spLocks noChangeArrowheads="1"/>
              </p:cNvSpPr>
              <p:nvPr/>
            </p:nvSpPr>
            <p:spPr bwMode="auto">
              <a:xfrm>
                <a:off x="1015644" y="1999724"/>
                <a:ext cx="1407631" cy="35256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s-CO" altLang="en-US" sz="800" dirty="0">
                    <a:solidFill>
                      <a:srgbClr val="000000"/>
                    </a:solidFill>
                    <a:latin typeface="Arial" pitchFamily="34" charset="0"/>
                  </a:rPr>
                  <a:t>Planificación distrital y </a:t>
                </a:r>
              </a:p>
              <a:p>
                <a:pPr>
                  <a:lnSpc>
                    <a:spcPct val="85000"/>
                  </a:lnSpc>
                </a:pPr>
                <a:r>
                  <a:rPr lang="es-CO" altLang="en-US" sz="800" dirty="0">
                    <a:solidFill>
                      <a:srgbClr val="000000"/>
                    </a:solidFill>
                    <a:latin typeface="Arial" pitchFamily="34" charset="0"/>
                  </a:rPr>
                  <a:t>municipal de uso</a:t>
                </a:r>
                <a:endParaRPr lang="en-GB" altLang="en-US" sz="800" dirty="0">
                  <a:solidFill>
                    <a:srgbClr val="000000"/>
                  </a:solidFill>
                  <a:latin typeface="Arial" pitchFamily="34" charset="0"/>
                </a:endParaRPr>
              </a:p>
            </p:txBody>
          </p:sp>
          <p:sp>
            <p:nvSpPr>
              <p:cNvPr id="145" name="Rectangle 58">
                <a:extLst>
                  <a:ext uri="{FF2B5EF4-FFF2-40B4-BE49-F238E27FC236}">
                    <a16:creationId xmlns:a16="http://schemas.microsoft.com/office/drawing/2014/main" id="{C55BDF27-17CB-458A-3085-52DE0588FE53}"/>
                  </a:ext>
                </a:extLst>
              </p:cNvPr>
              <p:cNvSpPr>
                <a:spLocks noChangeArrowheads="1"/>
              </p:cNvSpPr>
              <p:nvPr/>
            </p:nvSpPr>
            <p:spPr bwMode="auto">
              <a:xfrm>
                <a:off x="3625851" y="2101848"/>
                <a:ext cx="1518077" cy="17628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s-CO" altLang="en-US" sz="800" dirty="0">
                    <a:solidFill>
                      <a:srgbClr val="000000"/>
                    </a:solidFill>
                    <a:latin typeface="Arial" pitchFamily="34" charset="0"/>
                  </a:rPr>
                  <a:t>Ministerio de Planeación</a:t>
                </a:r>
              </a:p>
            </p:txBody>
          </p:sp>
          <p:grpSp>
            <p:nvGrpSpPr>
              <p:cNvPr id="146" name="Group 169">
                <a:extLst>
                  <a:ext uri="{FF2B5EF4-FFF2-40B4-BE49-F238E27FC236}">
                    <a16:creationId xmlns:a16="http://schemas.microsoft.com/office/drawing/2014/main" id="{002F967D-EA38-2041-C9D3-798D18027CC9}"/>
                  </a:ext>
                </a:extLst>
              </p:cNvPr>
              <p:cNvGrpSpPr>
                <a:grpSpLocks/>
              </p:cNvGrpSpPr>
              <p:nvPr/>
            </p:nvGrpSpPr>
            <p:grpSpPr bwMode="auto">
              <a:xfrm>
                <a:off x="5311775" y="2528888"/>
                <a:ext cx="2181225" cy="220662"/>
                <a:chOff x="3818" y="1578"/>
                <a:chExt cx="1374" cy="139"/>
              </a:xfrm>
            </p:grpSpPr>
            <p:sp>
              <p:nvSpPr>
                <p:cNvPr id="187" name="Freeform 59">
                  <a:extLst>
                    <a:ext uri="{FF2B5EF4-FFF2-40B4-BE49-F238E27FC236}">
                      <a16:creationId xmlns:a16="http://schemas.microsoft.com/office/drawing/2014/main" id="{C07FD506-D70E-254E-C800-945D66893FF0}"/>
                    </a:ext>
                  </a:extLst>
                </p:cNvPr>
                <p:cNvSpPr>
                  <a:spLocks noChangeAspect="1"/>
                </p:cNvSpPr>
                <p:nvPr/>
              </p:nvSpPr>
              <p:spPr bwMode="auto">
                <a:xfrm>
                  <a:off x="4544" y="1663"/>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sp>
              <p:nvSpPr>
                <p:cNvPr id="188" name="Oval 60">
                  <a:extLst>
                    <a:ext uri="{FF2B5EF4-FFF2-40B4-BE49-F238E27FC236}">
                      <a16:creationId xmlns:a16="http://schemas.microsoft.com/office/drawing/2014/main" id="{4113B965-2A72-1123-C055-478F4CDE0AB1}"/>
                    </a:ext>
                  </a:extLst>
                </p:cNvPr>
                <p:cNvSpPr>
                  <a:spLocks noChangeArrowheads="1"/>
                </p:cNvSpPr>
                <p:nvPr/>
              </p:nvSpPr>
              <p:spPr bwMode="auto">
                <a:xfrm>
                  <a:off x="3818" y="1623"/>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89" name="Line 61">
                  <a:extLst>
                    <a:ext uri="{FF2B5EF4-FFF2-40B4-BE49-F238E27FC236}">
                      <a16:creationId xmlns:a16="http://schemas.microsoft.com/office/drawing/2014/main" id="{7FE63155-EC40-14A0-0852-716AE73014FE}"/>
                    </a:ext>
                  </a:extLst>
                </p:cNvPr>
                <p:cNvSpPr>
                  <a:spLocks noChangeShapeType="1"/>
                </p:cNvSpPr>
                <p:nvPr/>
              </p:nvSpPr>
              <p:spPr bwMode="auto">
                <a:xfrm>
                  <a:off x="4407" y="1671"/>
                  <a:ext cx="192"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190" name="Freeform 62">
                  <a:extLst>
                    <a:ext uri="{FF2B5EF4-FFF2-40B4-BE49-F238E27FC236}">
                      <a16:creationId xmlns:a16="http://schemas.microsoft.com/office/drawing/2014/main" id="{7A62AE64-C879-89DA-193D-C110EE14EB8B}"/>
                    </a:ext>
                  </a:extLst>
                </p:cNvPr>
                <p:cNvSpPr>
                  <a:spLocks noChangeAspect="1"/>
                </p:cNvSpPr>
                <p:nvPr/>
              </p:nvSpPr>
              <p:spPr bwMode="auto">
                <a:xfrm>
                  <a:off x="4544" y="1623"/>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sp>
              <p:nvSpPr>
                <p:cNvPr id="191" name="Oval 63">
                  <a:extLst>
                    <a:ext uri="{FF2B5EF4-FFF2-40B4-BE49-F238E27FC236}">
                      <a16:creationId xmlns:a16="http://schemas.microsoft.com/office/drawing/2014/main" id="{F6231554-1E21-0829-769E-434A09CB51AA}"/>
                    </a:ext>
                  </a:extLst>
                </p:cNvPr>
                <p:cNvSpPr>
                  <a:spLocks noChangeArrowheads="1"/>
                </p:cNvSpPr>
                <p:nvPr/>
              </p:nvSpPr>
              <p:spPr bwMode="auto">
                <a:xfrm>
                  <a:off x="3818" y="1578"/>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grpSp>
          <p:sp>
            <p:nvSpPr>
              <p:cNvPr id="147" name="Rectangle 64">
                <a:extLst>
                  <a:ext uri="{FF2B5EF4-FFF2-40B4-BE49-F238E27FC236}">
                    <a16:creationId xmlns:a16="http://schemas.microsoft.com/office/drawing/2014/main" id="{7CB516C8-5809-7F69-383C-7F53C25396BD}"/>
                  </a:ext>
                </a:extLst>
              </p:cNvPr>
              <p:cNvSpPr>
                <a:spLocks noChangeArrowheads="1"/>
              </p:cNvSpPr>
              <p:nvPr/>
            </p:nvSpPr>
            <p:spPr bwMode="auto">
              <a:xfrm>
                <a:off x="3625851" y="2562226"/>
                <a:ext cx="1422790" cy="17628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s-CO" altLang="en-US" sz="800" dirty="0">
                    <a:solidFill>
                      <a:srgbClr val="000000"/>
                    </a:solidFill>
                    <a:latin typeface="Arial" pitchFamily="34" charset="0"/>
                  </a:rPr>
                  <a:t>Ministerio de Trasporte</a:t>
                </a:r>
              </a:p>
            </p:txBody>
          </p:sp>
          <p:sp>
            <p:nvSpPr>
              <p:cNvPr id="148" name="Rectangle 65">
                <a:extLst>
                  <a:ext uri="{FF2B5EF4-FFF2-40B4-BE49-F238E27FC236}">
                    <a16:creationId xmlns:a16="http://schemas.microsoft.com/office/drawing/2014/main" id="{3FCF36B6-438C-0D16-ECA0-BA171DE07019}"/>
                  </a:ext>
                </a:extLst>
              </p:cNvPr>
              <p:cNvSpPr>
                <a:spLocks noChangeArrowheads="1"/>
              </p:cNvSpPr>
              <p:nvPr/>
            </p:nvSpPr>
            <p:spPr bwMode="auto">
              <a:xfrm>
                <a:off x="1004889" y="2483136"/>
                <a:ext cx="1837182" cy="35256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s-CO" altLang="en-US" sz="800" dirty="0">
                    <a:solidFill>
                      <a:srgbClr val="000000"/>
                    </a:solidFill>
                    <a:latin typeface="Arial" pitchFamily="34" charset="0"/>
                  </a:rPr>
                  <a:t>Zonas del proyecto</a:t>
                </a:r>
              </a:p>
              <a:p>
                <a:pPr>
                  <a:lnSpc>
                    <a:spcPct val="85000"/>
                  </a:lnSpc>
                </a:pPr>
                <a:r>
                  <a:rPr lang="es-CO" altLang="en-US" sz="800" dirty="0">
                    <a:solidFill>
                      <a:srgbClr val="000000"/>
                    </a:solidFill>
                    <a:latin typeface="Arial" pitchFamily="34" charset="0"/>
                  </a:rPr>
                  <a:t>las líneas de construcción</a:t>
                </a:r>
                <a:endParaRPr lang="en-GB" altLang="en-US" sz="800" dirty="0">
                  <a:solidFill>
                    <a:srgbClr val="000000"/>
                  </a:solidFill>
                  <a:latin typeface="Arial" pitchFamily="34" charset="0"/>
                </a:endParaRPr>
              </a:p>
            </p:txBody>
          </p:sp>
          <p:sp>
            <p:nvSpPr>
              <p:cNvPr id="149" name="Rectangle 70">
                <a:extLst>
                  <a:ext uri="{FF2B5EF4-FFF2-40B4-BE49-F238E27FC236}">
                    <a16:creationId xmlns:a16="http://schemas.microsoft.com/office/drawing/2014/main" id="{4BCAD8B1-1C1D-B029-0421-D4B2CD5B510D}"/>
                  </a:ext>
                </a:extLst>
              </p:cNvPr>
              <p:cNvSpPr>
                <a:spLocks noChangeArrowheads="1"/>
              </p:cNvSpPr>
              <p:nvPr/>
            </p:nvSpPr>
            <p:spPr bwMode="auto">
              <a:xfrm>
                <a:off x="1027112" y="4057649"/>
                <a:ext cx="1253874" cy="207390"/>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r>
                  <a:rPr lang="es-CO" altLang="en-US" sz="800" dirty="0">
                    <a:solidFill>
                      <a:srgbClr val="000000"/>
                    </a:solidFill>
                    <a:latin typeface="Arial" pitchFamily="34" charset="0"/>
                  </a:rPr>
                  <a:t>Residuos peligrosos</a:t>
                </a:r>
              </a:p>
            </p:txBody>
          </p:sp>
          <p:sp>
            <p:nvSpPr>
              <p:cNvPr id="150" name="Rectangle 71">
                <a:extLst>
                  <a:ext uri="{FF2B5EF4-FFF2-40B4-BE49-F238E27FC236}">
                    <a16:creationId xmlns:a16="http://schemas.microsoft.com/office/drawing/2014/main" id="{396CBD26-FECD-0DC1-3E2E-D076E5585F27}"/>
                  </a:ext>
                </a:extLst>
              </p:cNvPr>
              <p:cNvSpPr>
                <a:spLocks noChangeArrowheads="1"/>
              </p:cNvSpPr>
              <p:nvPr/>
            </p:nvSpPr>
            <p:spPr bwMode="auto">
              <a:xfrm>
                <a:off x="3625851" y="4070349"/>
                <a:ext cx="1502916" cy="17628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s-CO" altLang="en-US" sz="800" dirty="0">
                    <a:solidFill>
                      <a:srgbClr val="000000"/>
                    </a:solidFill>
                    <a:latin typeface="Arial" pitchFamily="34" charset="0"/>
                  </a:rPr>
                  <a:t>Min. de Medio Ambiente</a:t>
                </a:r>
              </a:p>
            </p:txBody>
          </p:sp>
          <p:grpSp>
            <p:nvGrpSpPr>
              <p:cNvPr id="151" name="Group 166">
                <a:extLst>
                  <a:ext uri="{FF2B5EF4-FFF2-40B4-BE49-F238E27FC236}">
                    <a16:creationId xmlns:a16="http://schemas.microsoft.com/office/drawing/2014/main" id="{1706F6F3-C969-1C23-424B-DB3C532A957D}"/>
                  </a:ext>
                </a:extLst>
              </p:cNvPr>
              <p:cNvGrpSpPr>
                <a:grpSpLocks/>
              </p:cNvGrpSpPr>
              <p:nvPr/>
            </p:nvGrpSpPr>
            <p:grpSpPr bwMode="auto">
              <a:xfrm>
                <a:off x="5443538" y="4071938"/>
                <a:ext cx="2265362" cy="152400"/>
                <a:chOff x="3901" y="2559"/>
                <a:chExt cx="1427" cy="96"/>
              </a:xfrm>
            </p:grpSpPr>
            <p:sp>
              <p:nvSpPr>
                <p:cNvPr id="184" name="Line 72">
                  <a:extLst>
                    <a:ext uri="{FF2B5EF4-FFF2-40B4-BE49-F238E27FC236}">
                      <a16:creationId xmlns:a16="http://schemas.microsoft.com/office/drawing/2014/main" id="{B9DE4ACF-23D2-5FCF-11A6-ADBAC7759F62}"/>
                    </a:ext>
                  </a:extLst>
                </p:cNvPr>
                <p:cNvSpPr>
                  <a:spLocks noChangeShapeType="1"/>
                </p:cNvSpPr>
                <p:nvPr/>
              </p:nvSpPr>
              <p:spPr bwMode="auto">
                <a:xfrm>
                  <a:off x="4407" y="2610"/>
                  <a:ext cx="318"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185" name="Freeform 74">
                  <a:extLst>
                    <a:ext uri="{FF2B5EF4-FFF2-40B4-BE49-F238E27FC236}">
                      <a16:creationId xmlns:a16="http://schemas.microsoft.com/office/drawing/2014/main" id="{6AB65048-15D6-ED36-FCB2-B03BD08FEDB5}"/>
                    </a:ext>
                  </a:extLst>
                </p:cNvPr>
                <p:cNvSpPr>
                  <a:spLocks noChangeAspect="1"/>
                </p:cNvSpPr>
                <p:nvPr/>
              </p:nvSpPr>
              <p:spPr bwMode="auto">
                <a:xfrm>
                  <a:off x="4680" y="2559"/>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sp>
              <p:nvSpPr>
                <p:cNvPr id="186" name="Oval 75">
                  <a:extLst>
                    <a:ext uri="{FF2B5EF4-FFF2-40B4-BE49-F238E27FC236}">
                      <a16:creationId xmlns:a16="http://schemas.microsoft.com/office/drawing/2014/main" id="{3B7DB168-E75A-D02A-AE3F-1C7706DF4153}"/>
                    </a:ext>
                  </a:extLst>
                </p:cNvPr>
                <p:cNvSpPr>
                  <a:spLocks noChangeArrowheads="1"/>
                </p:cNvSpPr>
                <p:nvPr/>
              </p:nvSpPr>
              <p:spPr bwMode="auto">
                <a:xfrm>
                  <a:off x="3901" y="2562"/>
                  <a:ext cx="584" cy="93"/>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grpSp>
          <p:sp>
            <p:nvSpPr>
              <p:cNvPr id="152" name="Rectangle 88">
                <a:extLst>
                  <a:ext uri="{FF2B5EF4-FFF2-40B4-BE49-F238E27FC236}">
                    <a16:creationId xmlns:a16="http://schemas.microsoft.com/office/drawing/2014/main" id="{7673E6EE-92BB-13C4-EC7E-652C4BABB027}"/>
                  </a:ext>
                </a:extLst>
              </p:cNvPr>
              <p:cNvSpPr>
                <a:spLocks noChangeArrowheads="1"/>
              </p:cNvSpPr>
              <p:nvPr/>
            </p:nvSpPr>
            <p:spPr bwMode="auto">
              <a:xfrm>
                <a:off x="1033293" y="4486015"/>
                <a:ext cx="2310481" cy="35256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s-CO" altLang="en-US" sz="800" dirty="0">
                    <a:solidFill>
                      <a:srgbClr val="000000"/>
                    </a:solidFill>
                    <a:latin typeface="Arial" pitchFamily="34" charset="0"/>
                  </a:rPr>
                  <a:t>Zonas y perímetros de protección de las aguas subterráneas</a:t>
                </a:r>
              </a:p>
            </p:txBody>
          </p:sp>
          <p:sp>
            <p:nvSpPr>
              <p:cNvPr id="153" name="Rectangle 89">
                <a:extLst>
                  <a:ext uri="{FF2B5EF4-FFF2-40B4-BE49-F238E27FC236}">
                    <a16:creationId xmlns:a16="http://schemas.microsoft.com/office/drawing/2014/main" id="{AE4BBED5-DACB-B912-6B6D-CB9E198E2C27}"/>
                  </a:ext>
                </a:extLst>
              </p:cNvPr>
              <p:cNvSpPr>
                <a:spLocks noChangeArrowheads="1"/>
              </p:cNvSpPr>
              <p:nvPr/>
            </p:nvSpPr>
            <p:spPr bwMode="auto">
              <a:xfrm>
                <a:off x="3625850" y="4530725"/>
                <a:ext cx="1223556" cy="17628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n-GB" altLang="en-US" sz="800">
                    <a:solidFill>
                      <a:srgbClr val="000000"/>
                    </a:solidFill>
                    <a:latin typeface="Arial" pitchFamily="34" charset="0"/>
                  </a:rPr>
                  <a:t>Water Management</a:t>
                </a:r>
              </a:p>
            </p:txBody>
          </p:sp>
          <p:grpSp>
            <p:nvGrpSpPr>
              <p:cNvPr id="154" name="Group 165">
                <a:extLst>
                  <a:ext uri="{FF2B5EF4-FFF2-40B4-BE49-F238E27FC236}">
                    <a16:creationId xmlns:a16="http://schemas.microsoft.com/office/drawing/2014/main" id="{82BEC8E9-7406-5948-03CF-4486EB56C907}"/>
                  </a:ext>
                </a:extLst>
              </p:cNvPr>
              <p:cNvGrpSpPr>
                <a:grpSpLocks/>
              </p:cNvGrpSpPr>
              <p:nvPr/>
            </p:nvGrpSpPr>
            <p:grpSpPr bwMode="auto">
              <a:xfrm>
                <a:off x="5299075" y="4498975"/>
                <a:ext cx="2244725" cy="217488"/>
                <a:chOff x="3810" y="2831"/>
                <a:chExt cx="1414" cy="137"/>
              </a:xfrm>
            </p:grpSpPr>
            <p:sp>
              <p:nvSpPr>
                <p:cNvPr id="179" name="Oval 90">
                  <a:extLst>
                    <a:ext uri="{FF2B5EF4-FFF2-40B4-BE49-F238E27FC236}">
                      <a16:creationId xmlns:a16="http://schemas.microsoft.com/office/drawing/2014/main" id="{B787D8A0-301E-C3D6-A92D-098CDF17D5B0}"/>
                    </a:ext>
                  </a:extLst>
                </p:cNvPr>
                <p:cNvSpPr>
                  <a:spLocks noChangeArrowheads="1"/>
                </p:cNvSpPr>
                <p:nvPr/>
              </p:nvSpPr>
              <p:spPr bwMode="auto">
                <a:xfrm>
                  <a:off x="3810" y="2875"/>
                  <a:ext cx="584" cy="93"/>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80" name="Line 91">
                  <a:extLst>
                    <a:ext uri="{FF2B5EF4-FFF2-40B4-BE49-F238E27FC236}">
                      <a16:creationId xmlns:a16="http://schemas.microsoft.com/office/drawing/2014/main" id="{8FC8309B-834B-FDB7-1C02-0187BE2E05ED}"/>
                    </a:ext>
                  </a:extLst>
                </p:cNvPr>
                <p:cNvSpPr>
                  <a:spLocks noChangeShapeType="1"/>
                </p:cNvSpPr>
                <p:nvPr/>
              </p:nvSpPr>
              <p:spPr bwMode="auto">
                <a:xfrm>
                  <a:off x="4394" y="2885"/>
                  <a:ext cx="205"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181" name="Freeform 94">
                  <a:extLst>
                    <a:ext uri="{FF2B5EF4-FFF2-40B4-BE49-F238E27FC236}">
                      <a16:creationId xmlns:a16="http://schemas.microsoft.com/office/drawing/2014/main" id="{58DE4CB3-2391-295E-D8B7-253651A30C0C}"/>
                    </a:ext>
                  </a:extLst>
                </p:cNvPr>
                <p:cNvSpPr>
                  <a:spLocks noChangeAspect="1"/>
                </p:cNvSpPr>
                <p:nvPr/>
              </p:nvSpPr>
              <p:spPr bwMode="auto">
                <a:xfrm>
                  <a:off x="4576" y="2871"/>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sp>
              <p:nvSpPr>
                <p:cNvPr id="182" name="Freeform 95">
                  <a:extLst>
                    <a:ext uri="{FF2B5EF4-FFF2-40B4-BE49-F238E27FC236}">
                      <a16:creationId xmlns:a16="http://schemas.microsoft.com/office/drawing/2014/main" id="{AB70E7B2-4909-3C47-1EC4-333A76B2657E}"/>
                    </a:ext>
                  </a:extLst>
                </p:cNvPr>
                <p:cNvSpPr>
                  <a:spLocks noChangeAspect="1"/>
                </p:cNvSpPr>
                <p:nvPr/>
              </p:nvSpPr>
              <p:spPr bwMode="auto">
                <a:xfrm>
                  <a:off x="4576" y="2831"/>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sp>
              <p:nvSpPr>
                <p:cNvPr id="183" name="Oval 96">
                  <a:extLst>
                    <a:ext uri="{FF2B5EF4-FFF2-40B4-BE49-F238E27FC236}">
                      <a16:creationId xmlns:a16="http://schemas.microsoft.com/office/drawing/2014/main" id="{93F42BC1-99B5-F198-56F9-C2A5485D0ADA}"/>
                    </a:ext>
                  </a:extLst>
                </p:cNvPr>
                <p:cNvSpPr>
                  <a:spLocks noChangeArrowheads="1"/>
                </p:cNvSpPr>
                <p:nvPr/>
              </p:nvSpPr>
              <p:spPr bwMode="auto">
                <a:xfrm>
                  <a:off x="3810" y="2837"/>
                  <a:ext cx="584" cy="93"/>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grpSp>
          <p:grpSp>
            <p:nvGrpSpPr>
              <p:cNvPr id="155" name="Group 170">
                <a:extLst>
                  <a:ext uri="{FF2B5EF4-FFF2-40B4-BE49-F238E27FC236}">
                    <a16:creationId xmlns:a16="http://schemas.microsoft.com/office/drawing/2014/main" id="{7CEF3229-F640-5497-6058-BD0C613DCEEB}"/>
                  </a:ext>
                </a:extLst>
              </p:cNvPr>
              <p:cNvGrpSpPr>
                <a:grpSpLocks/>
              </p:cNvGrpSpPr>
              <p:nvPr/>
            </p:nvGrpSpPr>
            <p:grpSpPr bwMode="auto">
              <a:xfrm>
                <a:off x="5505450" y="2106613"/>
                <a:ext cx="2152650" cy="147637"/>
                <a:chOff x="3940" y="1327"/>
                <a:chExt cx="1356" cy="93"/>
              </a:xfrm>
            </p:grpSpPr>
            <p:sp>
              <p:nvSpPr>
                <p:cNvPr id="176" name="Line 66">
                  <a:extLst>
                    <a:ext uri="{FF2B5EF4-FFF2-40B4-BE49-F238E27FC236}">
                      <a16:creationId xmlns:a16="http://schemas.microsoft.com/office/drawing/2014/main" id="{0ACA718D-E171-5BF8-DD33-93A6D3F60195}"/>
                    </a:ext>
                  </a:extLst>
                </p:cNvPr>
                <p:cNvSpPr>
                  <a:spLocks noChangeShapeType="1"/>
                </p:cNvSpPr>
                <p:nvPr/>
              </p:nvSpPr>
              <p:spPr bwMode="auto">
                <a:xfrm>
                  <a:off x="4407" y="1373"/>
                  <a:ext cx="318"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177" name="Freeform 67">
                  <a:extLst>
                    <a:ext uri="{FF2B5EF4-FFF2-40B4-BE49-F238E27FC236}">
                      <a16:creationId xmlns:a16="http://schemas.microsoft.com/office/drawing/2014/main" id="{33A2C07C-A72C-E14C-D5B3-05F82B1075D1}"/>
                    </a:ext>
                  </a:extLst>
                </p:cNvPr>
                <p:cNvSpPr>
                  <a:spLocks noChangeAspect="1"/>
                </p:cNvSpPr>
                <p:nvPr/>
              </p:nvSpPr>
              <p:spPr bwMode="auto">
                <a:xfrm>
                  <a:off x="4648" y="1346"/>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sp>
              <p:nvSpPr>
                <p:cNvPr id="178" name="Oval 69">
                  <a:extLst>
                    <a:ext uri="{FF2B5EF4-FFF2-40B4-BE49-F238E27FC236}">
                      <a16:creationId xmlns:a16="http://schemas.microsoft.com/office/drawing/2014/main" id="{22143FCE-0AC7-5BAC-55B6-452B74D63080}"/>
                    </a:ext>
                  </a:extLst>
                </p:cNvPr>
                <p:cNvSpPr>
                  <a:spLocks noChangeArrowheads="1"/>
                </p:cNvSpPr>
                <p:nvPr/>
              </p:nvSpPr>
              <p:spPr bwMode="auto">
                <a:xfrm>
                  <a:off x="3940" y="1327"/>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grpSp>
          <p:grpSp>
            <p:nvGrpSpPr>
              <p:cNvPr id="156" name="Group 168">
                <a:extLst>
                  <a:ext uri="{FF2B5EF4-FFF2-40B4-BE49-F238E27FC236}">
                    <a16:creationId xmlns:a16="http://schemas.microsoft.com/office/drawing/2014/main" id="{569850DC-8B22-2553-39D4-9ABACC028AE7}"/>
                  </a:ext>
                </a:extLst>
              </p:cNvPr>
              <p:cNvGrpSpPr>
                <a:grpSpLocks/>
              </p:cNvGrpSpPr>
              <p:nvPr/>
            </p:nvGrpSpPr>
            <p:grpSpPr bwMode="auto">
              <a:xfrm>
                <a:off x="5311775" y="2987675"/>
                <a:ext cx="2455863" cy="211138"/>
                <a:chOff x="3818" y="1890"/>
                <a:chExt cx="1547" cy="133"/>
              </a:xfrm>
            </p:grpSpPr>
            <p:sp>
              <p:nvSpPr>
                <p:cNvPr id="171" name="Line 53">
                  <a:extLst>
                    <a:ext uri="{FF2B5EF4-FFF2-40B4-BE49-F238E27FC236}">
                      <a16:creationId xmlns:a16="http://schemas.microsoft.com/office/drawing/2014/main" id="{DD1CA839-2CB4-3295-6AB8-B4294C826BE1}"/>
                    </a:ext>
                  </a:extLst>
                </p:cNvPr>
                <p:cNvSpPr>
                  <a:spLocks noChangeShapeType="1"/>
                </p:cNvSpPr>
                <p:nvPr/>
              </p:nvSpPr>
              <p:spPr bwMode="auto">
                <a:xfrm>
                  <a:off x="4407" y="1967"/>
                  <a:ext cx="363"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172" name="Freeform 54">
                  <a:extLst>
                    <a:ext uri="{FF2B5EF4-FFF2-40B4-BE49-F238E27FC236}">
                      <a16:creationId xmlns:a16="http://schemas.microsoft.com/office/drawing/2014/main" id="{72BC93D4-C5A5-49EA-B28A-08175914D3A6}"/>
                    </a:ext>
                  </a:extLst>
                </p:cNvPr>
                <p:cNvSpPr>
                  <a:spLocks noChangeAspect="1"/>
                </p:cNvSpPr>
                <p:nvPr/>
              </p:nvSpPr>
              <p:spPr bwMode="auto">
                <a:xfrm>
                  <a:off x="4712" y="1951"/>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sp>
              <p:nvSpPr>
                <p:cNvPr id="173" name="Oval 55">
                  <a:extLst>
                    <a:ext uri="{FF2B5EF4-FFF2-40B4-BE49-F238E27FC236}">
                      <a16:creationId xmlns:a16="http://schemas.microsoft.com/office/drawing/2014/main" id="{9DB8F473-FF21-658E-79E9-D2C32E333A83}"/>
                    </a:ext>
                  </a:extLst>
                </p:cNvPr>
                <p:cNvSpPr>
                  <a:spLocks noChangeArrowheads="1"/>
                </p:cNvSpPr>
                <p:nvPr/>
              </p:nvSpPr>
              <p:spPr bwMode="auto">
                <a:xfrm>
                  <a:off x="3818" y="1930"/>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74" name="Oval 56">
                  <a:extLst>
                    <a:ext uri="{FF2B5EF4-FFF2-40B4-BE49-F238E27FC236}">
                      <a16:creationId xmlns:a16="http://schemas.microsoft.com/office/drawing/2014/main" id="{F4A6CE43-3C23-578D-869C-782142462C7B}"/>
                    </a:ext>
                  </a:extLst>
                </p:cNvPr>
                <p:cNvSpPr>
                  <a:spLocks noChangeArrowheads="1"/>
                </p:cNvSpPr>
                <p:nvPr/>
              </p:nvSpPr>
              <p:spPr bwMode="auto">
                <a:xfrm>
                  <a:off x="3818" y="1890"/>
                  <a:ext cx="584" cy="93"/>
                </a:xfrm>
                <a:prstGeom prst="ellipse">
                  <a:avLst/>
                </a:prstGeom>
                <a:solidFill>
                  <a:srgbClr val="CCFFCC"/>
                </a:solidFill>
                <a:ln w="9525" algn="ctr">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75" name="Freeform 67">
                  <a:extLst>
                    <a:ext uri="{FF2B5EF4-FFF2-40B4-BE49-F238E27FC236}">
                      <a16:creationId xmlns:a16="http://schemas.microsoft.com/office/drawing/2014/main" id="{7D0589D8-B7EB-456E-1481-5192CA6E6933}"/>
                    </a:ext>
                  </a:extLst>
                </p:cNvPr>
                <p:cNvSpPr>
                  <a:spLocks noChangeAspect="1"/>
                </p:cNvSpPr>
                <p:nvPr/>
              </p:nvSpPr>
              <p:spPr bwMode="auto">
                <a:xfrm>
                  <a:off x="4717" y="1907"/>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grpSp>
          <p:sp>
            <p:nvSpPr>
              <p:cNvPr id="157" name="Rectangle 31">
                <a:extLst>
                  <a:ext uri="{FF2B5EF4-FFF2-40B4-BE49-F238E27FC236}">
                    <a16:creationId xmlns:a16="http://schemas.microsoft.com/office/drawing/2014/main" id="{8CC673A4-4981-BE26-483E-4001FA4296C1}"/>
                  </a:ext>
                </a:extLst>
              </p:cNvPr>
              <p:cNvSpPr>
                <a:spLocks noChangeArrowheads="1"/>
              </p:cNvSpPr>
              <p:nvPr/>
            </p:nvSpPr>
            <p:spPr bwMode="auto">
              <a:xfrm>
                <a:off x="864397" y="4856938"/>
                <a:ext cx="7102475" cy="431800"/>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rgbClr val="CCFF99">
                        <a:alpha val="39999"/>
                      </a:srgbClr>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58" name="Rectangle 88">
                <a:extLst>
                  <a:ext uri="{FF2B5EF4-FFF2-40B4-BE49-F238E27FC236}">
                    <a16:creationId xmlns:a16="http://schemas.microsoft.com/office/drawing/2014/main" id="{21C32C13-BFA8-C366-4DAA-135D37C023E8}"/>
                  </a:ext>
                </a:extLst>
              </p:cNvPr>
              <p:cNvSpPr>
                <a:spLocks noChangeArrowheads="1"/>
              </p:cNvSpPr>
              <p:nvPr/>
            </p:nvSpPr>
            <p:spPr bwMode="auto">
              <a:xfrm>
                <a:off x="1015999" y="4989512"/>
                <a:ext cx="1598202" cy="17628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s-CO" altLang="en-US" sz="800" dirty="0">
                    <a:solidFill>
                      <a:srgbClr val="000000"/>
                    </a:solidFill>
                    <a:latin typeface="Arial" pitchFamily="34" charset="0"/>
                  </a:rPr>
                  <a:t>Zonas de niveles de ruido</a:t>
                </a:r>
              </a:p>
            </p:txBody>
          </p:sp>
          <p:sp>
            <p:nvSpPr>
              <p:cNvPr id="159" name="Rectangle 89">
                <a:extLst>
                  <a:ext uri="{FF2B5EF4-FFF2-40B4-BE49-F238E27FC236}">
                    <a16:creationId xmlns:a16="http://schemas.microsoft.com/office/drawing/2014/main" id="{A375342C-CB82-872C-5FB1-B1AFD1E2EA5D}"/>
                  </a:ext>
                </a:extLst>
              </p:cNvPr>
              <p:cNvSpPr>
                <a:spLocks noChangeArrowheads="1"/>
              </p:cNvSpPr>
              <p:nvPr/>
            </p:nvSpPr>
            <p:spPr bwMode="auto">
              <a:xfrm>
                <a:off x="3614738" y="4989514"/>
                <a:ext cx="1262537" cy="17628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n-GB" altLang="en-US" sz="800">
                    <a:solidFill>
                      <a:srgbClr val="000000"/>
                    </a:solidFill>
                    <a:latin typeface="Arial" pitchFamily="34" charset="0"/>
                  </a:rPr>
                  <a:t>Environmental Dept.</a:t>
                </a:r>
              </a:p>
            </p:txBody>
          </p:sp>
          <p:sp>
            <p:nvSpPr>
              <p:cNvPr id="160" name="Rectangle 31">
                <a:extLst>
                  <a:ext uri="{FF2B5EF4-FFF2-40B4-BE49-F238E27FC236}">
                    <a16:creationId xmlns:a16="http://schemas.microsoft.com/office/drawing/2014/main" id="{A7B6001F-BBD2-B5EF-9273-245F8BD0D28A}"/>
                  </a:ext>
                </a:extLst>
              </p:cNvPr>
              <p:cNvSpPr>
                <a:spLocks noChangeArrowheads="1"/>
              </p:cNvSpPr>
              <p:nvPr/>
            </p:nvSpPr>
            <p:spPr bwMode="auto">
              <a:xfrm>
                <a:off x="862013" y="5322888"/>
                <a:ext cx="7092950" cy="373580"/>
              </a:xfrm>
              <a:prstGeom prst="rect">
                <a:avLst/>
              </a:prstGeom>
              <a:noFill/>
              <a:ln w="3175">
                <a:solidFill>
                  <a:schemeClr val="tx1"/>
                </a:solidFill>
                <a:miter lim="800000"/>
                <a:headEnd/>
                <a:tailEnd/>
              </a:ln>
              <a:effectLst/>
              <a:extLst>
                <a:ext uri="{909E8E84-426E-40DD-AFC4-6F175D3DCCD1}">
                  <a14:hiddenFill xmlns:a14="http://schemas.microsoft.com/office/drawing/2010/main">
                    <a:solidFill>
                      <a:srgbClr val="CCFF99">
                        <a:alpha val="39999"/>
                      </a:srgbClr>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61" name="Rectangle 88">
                <a:extLst>
                  <a:ext uri="{FF2B5EF4-FFF2-40B4-BE49-F238E27FC236}">
                    <a16:creationId xmlns:a16="http://schemas.microsoft.com/office/drawing/2014/main" id="{AF8A6563-D3DE-251E-D237-A786429F0454}"/>
                  </a:ext>
                </a:extLst>
              </p:cNvPr>
              <p:cNvSpPr>
                <a:spLocks noChangeArrowheads="1"/>
              </p:cNvSpPr>
              <p:nvPr/>
            </p:nvSpPr>
            <p:spPr bwMode="auto">
              <a:xfrm>
                <a:off x="1004889" y="5383212"/>
                <a:ext cx="1879729" cy="35256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s-CO" altLang="en-US" sz="800" dirty="0">
                    <a:solidFill>
                      <a:srgbClr val="000000"/>
                    </a:solidFill>
                    <a:latin typeface="Arial" pitchFamily="34" charset="0"/>
                  </a:rPr>
                  <a:t>Delimitación de los bosques</a:t>
                </a:r>
              </a:p>
              <a:p>
                <a:pPr>
                  <a:lnSpc>
                    <a:spcPct val="85000"/>
                  </a:lnSpc>
                </a:pPr>
                <a:r>
                  <a:rPr lang="es-CO" altLang="en-US" sz="800" dirty="0">
                    <a:solidFill>
                      <a:srgbClr val="000000"/>
                    </a:solidFill>
                    <a:latin typeface="Arial" pitchFamily="34" charset="0"/>
                  </a:rPr>
                  <a:t>líneas de distancia del bosque</a:t>
                </a:r>
                <a:endParaRPr lang="en-GB" altLang="en-US" sz="800" dirty="0">
                  <a:solidFill>
                    <a:srgbClr val="000000"/>
                  </a:solidFill>
                  <a:latin typeface="Arial" pitchFamily="34" charset="0"/>
                </a:endParaRPr>
              </a:p>
            </p:txBody>
          </p:sp>
          <p:sp>
            <p:nvSpPr>
              <p:cNvPr id="162" name="Rectangle 89">
                <a:extLst>
                  <a:ext uri="{FF2B5EF4-FFF2-40B4-BE49-F238E27FC236}">
                    <a16:creationId xmlns:a16="http://schemas.microsoft.com/office/drawing/2014/main" id="{A66A9B67-B38E-FD0F-0515-B9D14B4CA764}"/>
                  </a:ext>
                </a:extLst>
              </p:cNvPr>
              <p:cNvSpPr>
                <a:spLocks noChangeArrowheads="1"/>
              </p:cNvSpPr>
              <p:nvPr/>
            </p:nvSpPr>
            <p:spPr bwMode="auto">
              <a:xfrm>
                <a:off x="3603627" y="5461001"/>
                <a:ext cx="766617" cy="17628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n-GB" altLang="en-US" sz="800">
                    <a:solidFill>
                      <a:srgbClr val="000000"/>
                    </a:solidFill>
                    <a:latin typeface="Arial" pitchFamily="34" charset="0"/>
                  </a:rPr>
                  <a:t>Forest Dept.</a:t>
                </a:r>
              </a:p>
            </p:txBody>
          </p:sp>
          <p:grpSp>
            <p:nvGrpSpPr>
              <p:cNvPr id="163" name="Group 164">
                <a:extLst>
                  <a:ext uri="{FF2B5EF4-FFF2-40B4-BE49-F238E27FC236}">
                    <a16:creationId xmlns:a16="http://schemas.microsoft.com/office/drawing/2014/main" id="{25E9E977-B796-FC60-4886-233B0D382EFB}"/>
                  </a:ext>
                </a:extLst>
              </p:cNvPr>
              <p:cNvGrpSpPr>
                <a:grpSpLocks/>
              </p:cNvGrpSpPr>
              <p:nvPr/>
            </p:nvGrpSpPr>
            <p:grpSpPr bwMode="auto">
              <a:xfrm>
                <a:off x="5287963" y="4992688"/>
                <a:ext cx="2143125" cy="147637"/>
                <a:chOff x="3803" y="3126"/>
                <a:chExt cx="1350" cy="93"/>
              </a:xfrm>
            </p:grpSpPr>
            <p:sp>
              <p:nvSpPr>
                <p:cNvPr id="168" name="Line 91">
                  <a:extLst>
                    <a:ext uri="{FF2B5EF4-FFF2-40B4-BE49-F238E27FC236}">
                      <a16:creationId xmlns:a16="http://schemas.microsoft.com/office/drawing/2014/main" id="{ECD933B6-2B9D-2A8B-BA88-3433F3992116}"/>
                    </a:ext>
                  </a:extLst>
                </p:cNvPr>
                <p:cNvSpPr>
                  <a:spLocks noChangeShapeType="1"/>
                </p:cNvSpPr>
                <p:nvPr/>
              </p:nvSpPr>
              <p:spPr bwMode="auto">
                <a:xfrm>
                  <a:off x="4387" y="3174"/>
                  <a:ext cx="205"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169" name="Oval 96">
                  <a:extLst>
                    <a:ext uri="{FF2B5EF4-FFF2-40B4-BE49-F238E27FC236}">
                      <a16:creationId xmlns:a16="http://schemas.microsoft.com/office/drawing/2014/main" id="{B48AF821-C957-50F0-12FF-0610D0DE1381}"/>
                    </a:ext>
                  </a:extLst>
                </p:cNvPr>
                <p:cNvSpPr>
                  <a:spLocks noChangeArrowheads="1"/>
                </p:cNvSpPr>
                <p:nvPr/>
              </p:nvSpPr>
              <p:spPr bwMode="auto">
                <a:xfrm>
                  <a:off x="3803" y="3126"/>
                  <a:ext cx="584" cy="93"/>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70" name="Freeform 67">
                  <a:extLst>
                    <a:ext uri="{FF2B5EF4-FFF2-40B4-BE49-F238E27FC236}">
                      <a16:creationId xmlns:a16="http://schemas.microsoft.com/office/drawing/2014/main" id="{22C5E03D-265F-CA57-C529-8E658DF3DFD0}"/>
                    </a:ext>
                  </a:extLst>
                </p:cNvPr>
                <p:cNvSpPr>
                  <a:spLocks noChangeAspect="1"/>
                </p:cNvSpPr>
                <p:nvPr/>
              </p:nvSpPr>
              <p:spPr bwMode="auto">
                <a:xfrm>
                  <a:off x="4505" y="3145"/>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grpSp>
          <p:grpSp>
            <p:nvGrpSpPr>
              <p:cNvPr id="164" name="Group 163">
                <a:extLst>
                  <a:ext uri="{FF2B5EF4-FFF2-40B4-BE49-F238E27FC236}">
                    <a16:creationId xmlns:a16="http://schemas.microsoft.com/office/drawing/2014/main" id="{042113D0-FFED-7D83-688A-396E221C6F0F}"/>
                  </a:ext>
                </a:extLst>
              </p:cNvPr>
              <p:cNvGrpSpPr>
                <a:grpSpLocks/>
              </p:cNvGrpSpPr>
              <p:nvPr/>
            </p:nvGrpSpPr>
            <p:grpSpPr bwMode="auto">
              <a:xfrm>
                <a:off x="5441950" y="5464175"/>
                <a:ext cx="2143125" cy="147638"/>
                <a:chOff x="3900" y="3439"/>
                <a:chExt cx="1350" cy="93"/>
              </a:xfrm>
            </p:grpSpPr>
            <p:sp>
              <p:nvSpPr>
                <p:cNvPr id="165" name="Line 91">
                  <a:extLst>
                    <a:ext uri="{FF2B5EF4-FFF2-40B4-BE49-F238E27FC236}">
                      <a16:creationId xmlns:a16="http://schemas.microsoft.com/office/drawing/2014/main" id="{949B3AD0-37C3-5B3C-99CE-166B17E59130}"/>
                    </a:ext>
                  </a:extLst>
                </p:cNvPr>
                <p:cNvSpPr>
                  <a:spLocks noChangeShapeType="1"/>
                </p:cNvSpPr>
                <p:nvPr/>
              </p:nvSpPr>
              <p:spPr bwMode="auto">
                <a:xfrm>
                  <a:off x="4484" y="3487"/>
                  <a:ext cx="205"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166" name="Oval 96">
                  <a:extLst>
                    <a:ext uri="{FF2B5EF4-FFF2-40B4-BE49-F238E27FC236}">
                      <a16:creationId xmlns:a16="http://schemas.microsoft.com/office/drawing/2014/main" id="{0CD250EE-0F9F-82C3-BE91-738D324DC225}"/>
                    </a:ext>
                  </a:extLst>
                </p:cNvPr>
                <p:cNvSpPr>
                  <a:spLocks noChangeArrowheads="1"/>
                </p:cNvSpPr>
                <p:nvPr/>
              </p:nvSpPr>
              <p:spPr bwMode="auto">
                <a:xfrm>
                  <a:off x="3900" y="3439"/>
                  <a:ext cx="584" cy="93"/>
                </a:xfrm>
                <a:prstGeom prst="ellipse">
                  <a:avLst/>
                </a:prstGeom>
                <a:solidFill>
                  <a:srgbClr val="CCFFCC"/>
                </a:solidFill>
                <a:ln w="9525">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800"/>
                </a:p>
              </p:txBody>
            </p:sp>
            <p:sp>
              <p:nvSpPr>
                <p:cNvPr id="167" name="Freeform 67">
                  <a:extLst>
                    <a:ext uri="{FF2B5EF4-FFF2-40B4-BE49-F238E27FC236}">
                      <a16:creationId xmlns:a16="http://schemas.microsoft.com/office/drawing/2014/main" id="{0AF39D9C-5FCC-920B-77D6-4455F63756B8}"/>
                    </a:ext>
                  </a:extLst>
                </p:cNvPr>
                <p:cNvSpPr>
                  <a:spLocks noChangeAspect="1"/>
                </p:cNvSpPr>
                <p:nvPr/>
              </p:nvSpPr>
              <p:spPr bwMode="auto">
                <a:xfrm>
                  <a:off x="4602" y="3458"/>
                  <a:ext cx="648" cy="54"/>
                </a:xfrm>
                <a:custGeom>
                  <a:avLst/>
                  <a:gdLst>
                    <a:gd name="T0" fmla="*/ 0 w 924"/>
                    <a:gd name="T1" fmla="*/ 6 h 84"/>
                    <a:gd name="T2" fmla="*/ 93 w 924"/>
                    <a:gd name="T3" fmla="*/ 6 h 84"/>
                    <a:gd name="T4" fmla="*/ 109 w 924"/>
                    <a:gd name="T5" fmla="*/ 0 h 84"/>
                    <a:gd name="T6" fmla="*/ 36 w 924"/>
                    <a:gd name="T7" fmla="*/ 0 h 84"/>
                    <a:gd name="T8" fmla="*/ 0 w 924"/>
                    <a:gd name="T9" fmla="*/ 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6350" cmpd="sng">
                  <a:solidFill>
                    <a:srgbClr val="000000"/>
                  </a:solidFill>
                  <a:prstDash val="solid"/>
                  <a:round/>
                  <a:headEnd/>
                  <a:tailEnd/>
                </a:ln>
              </p:spPr>
              <p:txBody>
                <a:bodyPr/>
                <a:lstStyle/>
                <a:p>
                  <a:endParaRPr lang="en-GB"/>
                </a:p>
              </p:txBody>
            </p:sp>
          </p:grpSp>
        </p:grpSp>
        <p:grpSp>
          <p:nvGrpSpPr>
            <p:cNvPr id="57479" name="Gruppieren 2">
              <a:extLst>
                <a:ext uri="{FF2B5EF4-FFF2-40B4-BE49-F238E27FC236}">
                  <a16:creationId xmlns:a16="http://schemas.microsoft.com/office/drawing/2014/main" id="{FD381AB9-31AA-4539-D733-645390932216}"/>
                </a:ext>
              </a:extLst>
            </p:cNvPr>
            <p:cNvGrpSpPr>
              <a:grpSpLocks noChangeAspect="1"/>
            </p:cNvGrpSpPr>
            <p:nvPr/>
          </p:nvGrpSpPr>
          <p:grpSpPr bwMode="auto">
            <a:xfrm>
              <a:off x="7157547" y="2155316"/>
              <a:ext cx="1662925" cy="3852878"/>
              <a:chOff x="6526209" y="1125540"/>
              <a:chExt cx="1898224" cy="4395785"/>
            </a:xfrm>
          </p:grpSpPr>
          <p:sp>
            <p:nvSpPr>
              <p:cNvPr id="57490" name="Rectangle 141">
                <a:extLst>
                  <a:ext uri="{FF2B5EF4-FFF2-40B4-BE49-F238E27FC236}">
                    <a16:creationId xmlns:a16="http://schemas.microsoft.com/office/drawing/2014/main" id="{94BCDD0E-A3FE-5FD1-5E4B-B17D453201F4}"/>
                  </a:ext>
                </a:extLst>
              </p:cNvPr>
              <p:cNvSpPr>
                <a:spLocks noChangeAspect="1" noChangeArrowheads="1"/>
              </p:cNvSpPr>
              <p:nvPr/>
            </p:nvSpPr>
            <p:spPr bwMode="auto">
              <a:xfrm>
                <a:off x="6910619" y="1125540"/>
                <a:ext cx="1513814" cy="4395785"/>
              </a:xfrm>
              <a:prstGeom prst="rect">
                <a:avLst/>
              </a:prstGeom>
              <a:solidFill>
                <a:srgbClr val="FFFFFF">
                  <a:alpha val="50195"/>
                </a:srgbClr>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600"/>
              </a:p>
            </p:txBody>
          </p:sp>
          <p:sp>
            <p:nvSpPr>
              <p:cNvPr id="57491" name="AutoShape 12">
                <a:extLst>
                  <a:ext uri="{FF2B5EF4-FFF2-40B4-BE49-F238E27FC236}">
                    <a16:creationId xmlns:a16="http://schemas.microsoft.com/office/drawing/2014/main" id="{70217472-0E72-5018-40B4-17CC00F91E57}"/>
                  </a:ext>
                </a:extLst>
              </p:cNvPr>
              <p:cNvSpPr>
                <a:spLocks noChangeAspect="1" noChangeArrowheads="1"/>
              </p:cNvSpPr>
              <p:nvPr/>
            </p:nvSpPr>
            <p:spPr bwMode="auto">
              <a:xfrm>
                <a:off x="7519004" y="2320202"/>
                <a:ext cx="304987" cy="2586317"/>
              </a:xfrm>
              <a:prstGeom prst="upDownArrow">
                <a:avLst>
                  <a:gd name="adj1" fmla="val 32500"/>
                  <a:gd name="adj2" fmla="val 68076"/>
                </a:avLst>
              </a:prstGeom>
              <a:gradFill rotWithShape="0">
                <a:gsLst>
                  <a:gs pos="0">
                    <a:srgbClr val="FF9900"/>
                  </a:gs>
                  <a:gs pos="50000">
                    <a:srgbClr val="FFCC66"/>
                  </a:gs>
                  <a:gs pos="100000">
                    <a:srgbClr val="FF9900"/>
                  </a:gs>
                </a:gsLst>
                <a:lin ang="5400000" scaled="1"/>
              </a:gra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600"/>
              </a:p>
            </p:txBody>
          </p:sp>
          <p:grpSp>
            <p:nvGrpSpPr>
              <p:cNvPr id="57492" name="Group 13">
                <a:extLst>
                  <a:ext uri="{FF2B5EF4-FFF2-40B4-BE49-F238E27FC236}">
                    <a16:creationId xmlns:a16="http://schemas.microsoft.com/office/drawing/2014/main" id="{A5E6C45C-78D2-7D81-DEC7-023FDC474745}"/>
                  </a:ext>
                </a:extLst>
              </p:cNvPr>
              <p:cNvGrpSpPr>
                <a:grpSpLocks noChangeAspect="1"/>
              </p:cNvGrpSpPr>
              <p:nvPr/>
            </p:nvGrpSpPr>
            <p:grpSpPr bwMode="auto">
              <a:xfrm>
                <a:off x="7017047" y="2005650"/>
                <a:ext cx="1278720" cy="3372697"/>
                <a:chOff x="4625" y="1171"/>
                <a:chExt cx="805" cy="1700"/>
              </a:xfrm>
            </p:grpSpPr>
            <p:sp>
              <p:nvSpPr>
                <p:cNvPr id="57532" name="Line 14">
                  <a:extLst>
                    <a:ext uri="{FF2B5EF4-FFF2-40B4-BE49-F238E27FC236}">
                      <a16:creationId xmlns:a16="http://schemas.microsoft.com/office/drawing/2014/main" id="{3D200ED9-7F6E-B53D-38DC-593F219CFE1A}"/>
                    </a:ext>
                  </a:extLst>
                </p:cNvPr>
                <p:cNvSpPr>
                  <a:spLocks noChangeAspect="1" noChangeShapeType="1"/>
                </p:cNvSpPr>
                <p:nvPr/>
              </p:nvSpPr>
              <p:spPr bwMode="auto">
                <a:xfrm flipV="1">
                  <a:off x="4889" y="1171"/>
                  <a:ext cx="0" cy="1636"/>
                </a:xfrm>
                <a:prstGeom prst="line">
                  <a:avLst/>
                </a:prstGeom>
                <a:noFill/>
                <a:ln w="19050" cap="rnd">
                  <a:solidFill>
                    <a:srgbClr val="FF0000"/>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57533" name="Line 15">
                  <a:extLst>
                    <a:ext uri="{FF2B5EF4-FFF2-40B4-BE49-F238E27FC236}">
                      <a16:creationId xmlns:a16="http://schemas.microsoft.com/office/drawing/2014/main" id="{8A5E7251-57AF-4ACF-8CB2-5D4C9FC38BF7}"/>
                    </a:ext>
                  </a:extLst>
                </p:cNvPr>
                <p:cNvSpPr>
                  <a:spLocks noChangeAspect="1" noChangeShapeType="1"/>
                </p:cNvSpPr>
                <p:nvPr/>
              </p:nvSpPr>
              <p:spPr bwMode="auto">
                <a:xfrm flipV="1">
                  <a:off x="4625" y="1235"/>
                  <a:ext cx="0" cy="1636"/>
                </a:xfrm>
                <a:prstGeom prst="line">
                  <a:avLst/>
                </a:prstGeom>
                <a:noFill/>
                <a:ln w="19050" cap="rnd">
                  <a:solidFill>
                    <a:srgbClr val="FF0000"/>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57534" name="Line 16">
                  <a:extLst>
                    <a:ext uri="{FF2B5EF4-FFF2-40B4-BE49-F238E27FC236}">
                      <a16:creationId xmlns:a16="http://schemas.microsoft.com/office/drawing/2014/main" id="{B23CD60C-B627-3901-2591-F61F096598A1}"/>
                    </a:ext>
                  </a:extLst>
                </p:cNvPr>
                <p:cNvSpPr>
                  <a:spLocks noChangeAspect="1" noChangeShapeType="1"/>
                </p:cNvSpPr>
                <p:nvPr/>
              </p:nvSpPr>
              <p:spPr bwMode="auto">
                <a:xfrm flipV="1">
                  <a:off x="5430" y="1171"/>
                  <a:ext cx="0" cy="1636"/>
                </a:xfrm>
                <a:prstGeom prst="line">
                  <a:avLst/>
                </a:prstGeom>
                <a:noFill/>
                <a:ln w="19050" cap="rnd">
                  <a:solidFill>
                    <a:srgbClr val="FF0000"/>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57535" name="Line 17">
                  <a:extLst>
                    <a:ext uri="{FF2B5EF4-FFF2-40B4-BE49-F238E27FC236}">
                      <a16:creationId xmlns:a16="http://schemas.microsoft.com/office/drawing/2014/main" id="{6F1D3824-F452-4F96-3FE3-63E94DF524F1}"/>
                    </a:ext>
                  </a:extLst>
                </p:cNvPr>
                <p:cNvSpPr>
                  <a:spLocks noChangeAspect="1" noChangeShapeType="1"/>
                </p:cNvSpPr>
                <p:nvPr/>
              </p:nvSpPr>
              <p:spPr bwMode="auto">
                <a:xfrm flipV="1">
                  <a:off x="5314" y="1203"/>
                  <a:ext cx="0" cy="1636"/>
                </a:xfrm>
                <a:prstGeom prst="line">
                  <a:avLst/>
                </a:prstGeom>
                <a:noFill/>
                <a:ln w="19050" cap="rnd">
                  <a:solidFill>
                    <a:srgbClr val="FF0000"/>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grpSp>
          <p:grpSp>
            <p:nvGrpSpPr>
              <p:cNvPr id="57493" name="Group 18">
                <a:extLst>
                  <a:ext uri="{FF2B5EF4-FFF2-40B4-BE49-F238E27FC236}">
                    <a16:creationId xmlns:a16="http://schemas.microsoft.com/office/drawing/2014/main" id="{C512A673-BAAC-53F9-B593-BC500AD3B425}"/>
                  </a:ext>
                </a:extLst>
              </p:cNvPr>
              <p:cNvGrpSpPr>
                <a:grpSpLocks noChangeAspect="1"/>
              </p:cNvGrpSpPr>
              <p:nvPr/>
            </p:nvGrpSpPr>
            <p:grpSpPr bwMode="auto">
              <a:xfrm>
                <a:off x="6910619" y="1125540"/>
                <a:ext cx="1512225" cy="4395785"/>
                <a:chOff x="4558" y="618"/>
                <a:chExt cx="952" cy="2767"/>
              </a:xfrm>
            </p:grpSpPr>
            <p:sp>
              <p:nvSpPr>
                <p:cNvPr id="57527" name="Rectangle 19">
                  <a:extLst>
                    <a:ext uri="{FF2B5EF4-FFF2-40B4-BE49-F238E27FC236}">
                      <a16:creationId xmlns:a16="http://schemas.microsoft.com/office/drawing/2014/main" id="{ABE5B9E8-EC02-D991-2034-D5AF9F7AE2D8}"/>
                    </a:ext>
                  </a:extLst>
                </p:cNvPr>
                <p:cNvSpPr>
                  <a:spLocks noChangeAspect="1" noChangeArrowheads="1"/>
                </p:cNvSpPr>
                <p:nvPr/>
              </p:nvSpPr>
              <p:spPr bwMode="auto">
                <a:xfrm>
                  <a:off x="4558" y="618"/>
                  <a:ext cx="952" cy="499"/>
                </a:xfrm>
                <a:prstGeom prst="rect">
                  <a:avLst/>
                </a:prstGeom>
                <a:solidFill>
                  <a:srgbClr val="DDDDDD"/>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600"/>
                </a:p>
              </p:txBody>
            </p:sp>
            <p:sp>
              <p:nvSpPr>
                <p:cNvPr id="57528" name="Rectangle 20">
                  <a:extLst>
                    <a:ext uri="{FF2B5EF4-FFF2-40B4-BE49-F238E27FC236}">
                      <a16:creationId xmlns:a16="http://schemas.microsoft.com/office/drawing/2014/main" id="{31B6EA1E-B5D1-6B99-9B71-2754512B0E10}"/>
                    </a:ext>
                  </a:extLst>
                </p:cNvPr>
                <p:cNvSpPr>
                  <a:spLocks noChangeAspect="1" noChangeArrowheads="1"/>
                </p:cNvSpPr>
                <p:nvPr/>
              </p:nvSpPr>
              <p:spPr bwMode="auto">
                <a:xfrm>
                  <a:off x="4656" y="718"/>
                  <a:ext cx="754" cy="12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spAutoFit/>
                </a:bodyPr>
                <a:lstStyle/>
                <a:p>
                  <a:pPr algn="ctr" eaLnBrk="0" hangingPunct="0">
                    <a:defRPr/>
                  </a:pPr>
                  <a:r>
                    <a:rPr lang="es-CO" sz="1000" b="1" dirty="0">
                      <a:solidFill>
                        <a:srgbClr val="000000"/>
                      </a:solidFill>
                      <a:latin typeface="Arial" pitchFamily="34" charset="0"/>
                    </a:rPr>
                    <a:t>Catastro RR</a:t>
                  </a:r>
                </a:p>
              </p:txBody>
            </p:sp>
            <p:sp>
              <p:nvSpPr>
                <p:cNvPr id="57529" name="Line 21">
                  <a:extLst>
                    <a:ext uri="{FF2B5EF4-FFF2-40B4-BE49-F238E27FC236}">
                      <a16:creationId xmlns:a16="http://schemas.microsoft.com/office/drawing/2014/main" id="{EFD470AF-C6F4-D413-82D0-97C7BD83F432}"/>
                    </a:ext>
                  </a:extLst>
                </p:cNvPr>
                <p:cNvSpPr>
                  <a:spLocks noChangeAspect="1" noChangeShapeType="1"/>
                </p:cNvSpPr>
                <p:nvPr/>
              </p:nvSpPr>
              <p:spPr bwMode="auto">
                <a:xfrm>
                  <a:off x="4558" y="663"/>
                  <a:ext cx="0" cy="2721"/>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57530" name="Line 22">
                  <a:extLst>
                    <a:ext uri="{FF2B5EF4-FFF2-40B4-BE49-F238E27FC236}">
                      <a16:creationId xmlns:a16="http://schemas.microsoft.com/office/drawing/2014/main" id="{A67BCC56-D7A2-7B63-5488-36EAFB581AE8}"/>
                    </a:ext>
                  </a:extLst>
                </p:cNvPr>
                <p:cNvSpPr>
                  <a:spLocks noChangeAspect="1" noChangeShapeType="1"/>
                </p:cNvSpPr>
                <p:nvPr/>
              </p:nvSpPr>
              <p:spPr bwMode="auto">
                <a:xfrm>
                  <a:off x="5510" y="663"/>
                  <a:ext cx="0" cy="2721"/>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sp>
              <p:nvSpPr>
                <p:cNvPr id="57531" name="Line 23">
                  <a:extLst>
                    <a:ext uri="{FF2B5EF4-FFF2-40B4-BE49-F238E27FC236}">
                      <a16:creationId xmlns:a16="http://schemas.microsoft.com/office/drawing/2014/main" id="{714CB372-1BD9-DEE0-B2DD-A4E4A21D1419}"/>
                    </a:ext>
                  </a:extLst>
                </p:cNvPr>
                <p:cNvSpPr>
                  <a:spLocks noChangeAspect="1" noChangeShapeType="1"/>
                </p:cNvSpPr>
                <p:nvPr/>
              </p:nvSpPr>
              <p:spPr bwMode="auto">
                <a:xfrm>
                  <a:off x="4558" y="3385"/>
                  <a:ext cx="952"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GB"/>
                </a:p>
              </p:txBody>
            </p:sp>
          </p:grpSp>
          <p:sp>
            <p:nvSpPr>
              <p:cNvPr id="57494" name="AutoShape 97">
                <a:extLst>
                  <a:ext uri="{FF2B5EF4-FFF2-40B4-BE49-F238E27FC236}">
                    <a16:creationId xmlns:a16="http://schemas.microsoft.com/office/drawing/2014/main" id="{76CB20F5-4928-CD74-EA62-CA9ABCB66363}"/>
                  </a:ext>
                </a:extLst>
              </p:cNvPr>
              <p:cNvSpPr>
                <a:spLocks noChangeAspect="1" noChangeArrowheads="1"/>
              </p:cNvSpPr>
              <p:nvPr/>
            </p:nvSpPr>
            <p:spPr bwMode="auto">
              <a:xfrm>
                <a:off x="6526209" y="2207408"/>
                <a:ext cx="360583" cy="71489"/>
              </a:xfrm>
              <a:prstGeom prst="rightArrow">
                <a:avLst>
                  <a:gd name="adj1" fmla="val 50000"/>
                  <a:gd name="adj2" fmla="val 126121"/>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600"/>
              </a:p>
            </p:txBody>
          </p:sp>
          <p:sp>
            <p:nvSpPr>
              <p:cNvPr id="57495" name="AutoShape 98">
                <a:extLst>
                  <a:ext uri="{FF2B5EF4-FFF2-40B4-BE49-F238E27FC236}">
                    <a16:creationId xmlns:a16="http://schemas.microsoft.com/office/drawing/2014/main" id="{E2CBEC5E-3949-4673-491E-CF0288E58456}"/>
                  </a:ext>
                </a:extLst>
              </p:cNvPr>
              <p:cNvSpPr>
                <a:spLocks noChangeAspect="1" noChangeArrowheads="1"/>
              </p:cNvSpPr>
              <p:nvPr/>
            </p:nvSpPr>
            <p:spPr bwMode="auto">
              <a:xfrm>
                <a:off x="6526209" y="2656995"/>
                <a:ext cx="360583" cy="71489"/>
              </a:xfrm>
              <a:prstGeom prst="rightArrow">
                <a:avLst>
                  <a:gd name="adj1" fmla="val 50000"/>
                  <a:gd name="adj2" fmla="val 126121"/>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600"/>
              </a:p>
            </p:txBody>
          </p:sp>
          <p:sp>
            <p:nvSpPr>
              <p:cNvPr id="57496" name="AutoShape 99">
                <a:extLst>
                  <a:ext uri="{FF2B5EF4-FFF2-40B4-BE49-F238E27FC236}">
                    <a16:creationId xmlns:a16="http://schemas.microsoft.com/office/drawing/2014/main" id="{D43BFF70-7FC9-2D27-FC9B-19D96D7A4389}"/>
                  </a:ext>
                </a:extLst>
              </p:cNvPr>
              <p:cNvSpPr>
                <a:spLocks noChangeAspect="1" noChangeArrowheads="1"/>
              </p:cNvSpPr>
              <p:nvPr/>
            </p:nvSpPr>
            <p:spPr bwMode="auto">
              <a:xfrm>
                <a:off x="6526209" y="3106582"/>
                <a:ext cx="360583" cy="71489"/>
              </a:xfrm>
              <a:prstGeom prst="rightArrow">
                <a:avLst>
                  <a:gd name="adj1" fmla="val 50000"/>
                  <a:gd name="adj2" fmla="val 126121"/>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600"/>
              </a:p>
            </p:txBody>
          </p:sp>
          <p:sp>
            <p:nvSpPr>
              <p:cNvPr id="57497" name="AutoShape 100">
                <a:extLst>
                  <a:ext uri="{FF2B5EF4-FFF2-40B4-BE49-F238E27FC236}">
                    <a16:creationId xmlns:a16="http://schemas.microsoft.com/office/drawing/2014/main" id="{B573505F-B4A1-3495-0998-1CF74B9DC296}"/>
                  </a:ext>
                </a:extLst>
              </p:cNvPr>
              <p:cNvSpPr>
                <a:spLocks noChangeAspect="1" noChangeArrowheads="1"/>
              </p:cNvSpPr>
              <p:nvPr/>
            </p:nvSpPr>
            <p:spPr bwMode="auto">
              <a:xfrm>
                <a:off x="6526209" y="3556169"/>
                <a:ext cx="360583" cy="71489"/>
              </a:xfrm>
              <a:prstGeom prst="rightArrow">
                <a:avLst>
                  <a:gd name="adj1" fmla="val 50000"/>
                  <a:gd name="adj2" fmla="val 126121"/>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600"/>
              </a:p>
            </p:txBody>
          </p:sp>
          <p:sp>
            <p:nvSpPr>
              <p:cNvPr id="57498" name="AutoShape 101">
                <a:extLst>
                  <a:ext uri="{FF2B5EF4-FFF2-40B4-BE49-F238E27FC236}">
                    <a16:creationId xmlns:a16="http://schemas.microsoft.com/office/drawing/2014/main" id="{887F67C8-1050-A7BD-C4A3-669E775BF1D8}"/>
                  </a:ext>
                </a:extLst>
              </p:cNvPr>
              <p:cNvSpPr>
                <a:spLocks noChangeAspect="1" noChangeArrowheads="1"/>
              </p:cNvSpPr>
              <p:nvPr/>
            </p:nvSpPr>
            <p:spPr bwMode="auto">
              <a:xfrm>
                <a:off x="6526209" y="4005756"/>
                <a:ext cx="360583" cy="71489"/>
              </a:xfrm>
              <a:prstGeom prst="rightArrow">
                <a:avLst>
                  <a:gd name="adj1" fmla="val 50000"/>
                  <a:gd name="adj2" fmla="val 126121"/>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600"/>
              </a:p>
            </p:txBody>
          </p:sp>
          <p:sp>
            <p:nvSpPr>
              <p:cNvPr id="57499" name="AutoShape 102">
                <a:extLst>
                  <a:ext uri="{FF2B5EF4-FFF2-40B4-BE49-F238E27FC236}">
                    <a16:creationId xmlns:a16="http://schemas.microsoft.com/office/drawing/2014/main" id="{89EDAF2B-95BD-0BCF-917E-72C3573DD7DF}"/>
                  </a:ext>
                </a:extLst>
              </p:cNvPr>
              <p:cNvSpPr>
                <a:spLocks noChangeAspect="1" noChangeArrowheads="1"/>
              </p:cNvSpPr>
              <p:nvPr/>
            </p:nvSpPr>
            <p:spPr bwMode="auto">
              <a:xfrm>
                <a:off x="6526209" y="4448989"/>
                <a:ext cx="360583" cy="71489"/>
              </a:xfrm>
              <a:prstGeom prst="rightArrow">
                <a:avLst>
                  <a:gd name="adj1" fmla="val 50000"/>
                  <a:gd name="adj2" fmla="val 126121"/>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600"/>
              </a:p>
            </p:txBody>
          </p:sp>
          <p:sp>
            <p:nvSpPr>
              <p:cNvPr id="57500" name="AutoShape 103">
                <a:extLst>
                  <a:ext uri="{FF2B5EF4-FFF2-40B4-BE49-F238E27FC236}">
                    <a16:creationId xmlns:a16="http://schemas.microsoft.com/office/drawing/2014/main" id="{9518681E-3C5E-0C23-D262-AF8733D65B78}"/>
                  </a:ext>
                </a:extLst>
              </p:cNvPr>
              <p:cNvSpPr>
                <a:spLocks noChangeAspect="1" noChangeArrowheads="1"/>
              </p:cNvSpPr>
              <p:nvPr/>
            </p:nvSpPr>
            <p:spPr bwMode="auto">
              <a:xfrm>
                <a:off x="6526209" y="5090802"/>
                <a:ext cx="360583" cy="71489"/>
              </a:xfrm>
              <a:prstGeom prst="rightArrow">
                <a:avLst>
                  <a:gd name="adj1" fmla="val 50000"/>
                  <a:gd name="adj2" fmla="val 126121"/>
                </a:avLst>
              </a:prstGeom>
              <a:solidFill>
                <a:srgbClr val="FFCC99"/>
              </a:solidFill>
              <a:ln w="3175">
                <a:solidFill>
                  <a:srgbClr val="FF996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eaLnBrk="1" hangingPunct="1"/>
                <a:endParaRPr lang="de-CH" altLang="en-US" sz="1600"/>
              </a:p>
            </p:txBody>
          </p:sp>
          <p:grpSp>
            <p:nvGrpSpPr>
              <p:cNvPr id="57501" name="Group 104">
                <a:extLst>
                  <a:ext uri="{FF2B5EF4-FFF2-40B4-BE49-F238E27FC236}">
                    <a16:creationId xmlns:a16="http://schemas.microsoft.com/office/drawing/2014/main" id="{81FBA34D-7792-1E6C-D259-0EE38AE757BA}"/>
                  </a:ext>
                </a:extLst>
              </p:cNvPr>
              <p:cNvGrpSpPr>
                <a:grpSpLocks noChangeAspect="1"/>
              </p:cNvGrpSpPr>
              <p:nvPr/>
            </p:nvGrpSpPr>
            <p:grpSpPr bwMode="auto">
              <a:xfrm>
                <a:off x="7021812" y="4947824"/>
                <a:ext cx="1288251" cy="322495"/>
                <a:chOff x="4649" y="2976"/>
                <a:chExt cx="811" cy="203"/>
              </a:xfrm>
            </p:grpSpPr>
            <p:sp>
              <p:nvSpPr>
                <p:cNvPr id="57522" name="Freeform 105">
                  <a:extLst>
                    <a:ext uri="{FF2B5EF4-FFF2-40B4-BE49-F238E27FC236}">
                      <a16:creationId xmlns:a16="http://schemas.microsoft.com/office/drawing/2014/main" id="{9E42B48B-7BEB-B870-599C-1507666E3C8C}"/>
                    </a:ext>
                  </a:extLst>
                </p:cNvPr>
                <p:cNvSpPr>
                  <a:spLocks noChangeAspect="1"/>
                </p:cNvSpPr>
                <p:nvPr/>
              </p:nvSpPr>
              <p:spPr bwMode="auto">
                <a:xfrm>
                  <a:off x="4649" y="3111"/>
                  <a:ext cx="811" cy="68"/>
                </a:xfrm>
                <a:custGeom>
                  <a:avLst/>
                  <a:gdLst>
                    <a:gd name="T0" fmla="*/ 0 w 924"/>
                    <a:gd name="T1" fmla="*/ 23 h 84"/>
                    <a:gd name="T2" fmla="*/ 360 w 924"/>
                    <a:gd name="T3" fmla="*/ 23 h 84"/>
                    <a:gd name="T4" fmla="*/ 423 w 924"/>
                    <a:gd name="T5" fmla="*/ 0 h 84"/>
                    <a:gd name="T6" fmla="*/ 139 w 924"/>
                    <a:gd name="T7" fmla="*/ 0 h 84"/>
                    <a:gd name="T8" fmla="*/ 0 w 924"/>
                    <a:gd name="T9" fmla="*/ 23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23" name="Freeform 106">
                  <a:extLst>
                    <a:ext uri="{FF2B5EF4-FFF2-40B4-BE49-F238E27FC236}">
                      <a16:creationId xmlns:a16="http://schemas.microsoft.com/office/drawing/2014/main" id="{DABB6FDD-4C96-6D5D-D773-FECFA4FB81FD}"/>
                    </a:ext>
                  </a:extLst>
                </p:cNvPr>
                <p:cNvSpPr>
                  <a:spLocks noChangeAspect="1"/>
                </p:cNvSpPr>
                <p:nvPr/>
              </p:nvSpPr>
              <p:spPr bwMode="auto">
                <a:xfrm>
                  <a:off x="4649" y="3077"/>
                  <a:ext cx="811" cy="67"/>
                </a:xfrm>
                <a:custGeom>
                  <a:avLst/>
                  <a:gdLst>
                    <a:gd name="T0" fmla="*/ 0 w 924"/>
                    <a:gd name="T1" fmla="*/ 22 h 84"/>
                    <a:gd name="T2" fmla="*/ 360 w 924"/>
                    <a:gd name="T3" fmla="*/ 22 h 84"/>
                    <a:gd name="T4" fmla="*/ 423 w 924"/>
                    <a:gd name="T5" fmla="*/ 0 h 84"/>
                    <a:gd name="T6" fmla="*/ 139 w 924"/>
                    <a:gd name="T7" fmla="*/ 0 h 84"/>
                    <a:gd name="T8" fmla="*/ 0 w 924"/>
                    <a:gd name="T9" fmla="*/ 22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24" name="Freeform 107">
                  <a:extLst>
                    <a:ext uri="{FF2B5EF4-FFF2-40B4-BE49-F238E27FC236}">
                      <a16:creationId xmlns:a16="http://schemas.microsoft.com/office/drawing/2014/main" id="{81EC2027-FE22-48E5-060A-AC856373D98C}"/>
                    </a:ext>
                  </a:extLst>
                </p:cNvPr>
                <p:cNvSpPr>
                  <a:spLocks noChangeAspect="1"/>
                </p:cNvSpPr>
                <p:nvPr/>
              </p:nvSpPr>
              <p:spPr bwMode="auto">
                <a:xfrm>
                  <a:off x="4649" y="3042"/>
                  <a:ext cx="811" cy="67"/>
                </a:xfrm>
                <a:custGeom>
                  <a:avLst/>
                  <a:gdLst>
                    <a:gd name="T0" fmla="*/ 0 w 924"/>
                    <a:gd name="T1" fmla="*/ 22 h 84"/>
                    <a:gd name="T2" fmla="*/ 360 w 924"/>
                    <a:gd name="T3" fmla="*/ 22 h 84"/>
                    <a:gd name="T4" fmla="*/ 423 w 924"/>
                    <a:gd name="T5" fmla="*/ 0 h 84"/>
                    <a:gd name="T6" fmla="*/ 139 w 924"/>
                    <a:gd name="T7" fmla="*/ 0 h 84"/>
                    <a:gd name="T8" fmla="*/ 0 w 924"/>
                    <a:gd name="T9" fmla="*/ 22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25" name="Freeform 108">
                  <a:extLst>
                    <a:ext uri="{FF2B5EF4-FFF2-40B4-BE49-F238E27FC236}">
                      <a16:creationId xmlns:a16="http://schemas.microsoft.com/office/drawing/2014/main" id="{D2CE586C-6814-4F1F-0A2B-9BA86C2D7311}"/>
                    </a:ext>
                  </a:extLst>
                </p:cNvPr>
                <p:cNvSpPr>
                  <a:spLocks noChangeAspect="1"/>
                </p:cNvSpPr>
                <p:nvPr/>
              </p:nvSpPr>
              <p:spPr bwMode="auto">
                <a:xfrm>
                  <a:off x="4649" y="3012"/>
                  <a:ext cx="811" cy="68"/>
                </a:xfrm>
                <a:custGeom>
                  <a:avLst/>
                  <a:gdLst>
                    <a:gd name="T0" fmla="*/ 0 w 924"/>
                    <a:gd name="T1" fmla="*/ 23 h 84"/>
                    <a:gd name="T2" fmla="*/ 360 w 924"/>
                    <a:gd name="T3" fmla="*/ 23 h 84"/>
                    <a:gd name="T4" fmla="*/ 423 w 924"/>
                    <a:gd name="T5" fmla="*/ 0 h 84"/>
                    <a:gd name="T6" fmla="*/ 139 w 924"/>
                    <a:gd name="T7" fmla="*/ 0 h 84"/>
                    <a:gd name="T8" fmla="*/ 0 w 924"/>
                    <a:gd name="T9" fmla="*/ 23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26" name="Freeform 109">
                  <a:extLst>
                    <a:ext uri="{FF2B5EF4-FFF2-40B4-BE49-F238E27FC236}">
                      <a16:creationId xmlns:a16="http://schemas.microsoft.com/office/drawing/2014/main" id="{3B53E0AF-56DB-066C-D564-85BD0FF0311D}"/>
                    </a:ext>
                  </a:extLst>
                </p:cNvPr>
                <p:cNvSpPr>
                  <a:spLocks noChangeAspect="1"/>
                </p:cNvSpPr>
                <p:nvPr/>
              </p:nvSpPr>
              <p:spPr bwMode="auto">
                <a:xfrm>
                  <a:off x="4649" y="2976"/>
                  <a:ext cx="811" cy="67"/>
                </a:xfrm>
                <a:custGeom>
                  <a:avLst/>
                  <a:gdLst>
                    <a:gd name="T0" fmla="*/ 0 w 924"/>
                    <a:gd name="T1" fmla="*/ 22 h 84"/>
                    <a:gd name="T2" fmla="*/ 360 w 924"/>
                    <a:gd name="T3" fmla="*/ 22 h 84"/>
                    <a:gd name="T4" fmla="*/ 423 w 924"/>
                    <a:gd name="T5" fmla="*/ 0 h 84"/>
                    <a:gd name="T6" fmla="*/ 139 w 924"/>
                    <a:gd name="T7" fmla="*/ 0 h 84"/>
                    <a:gd name="T8" fmla="*/ 0 w 924"/>
                    <a:gd name="T9" fmla="*/ 22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grpSp>
          <p:grpSp>
            <p:nvGrpSpPr>
              <p:cNvPr id="57502" name="Group 110">
                <a:extLst>
                  <a:ext uri="{FF2B5EF4-FFF2-40B4-BE49-F238E27FC236}">
                    <a16:creationId xmlns:a16="http://schemas.microsoft.com/office/drawing/2014/main" id="{4BC4B169-12D4-9C02-3081-D2F5778C5029}"/>
                  </a:ext>
                </a:extLst>
              </p:cNvPr>
              <p:cNvGrpSpPr>
                <a:grpSpLocks noChangeAspect="1"/>
              </p:cNvGrpSpPr>
              <p:nvPr/>
            </p:nvGrpSpPr>
            <p:grpSpPr bwMode="auto">
              <a:xfrm>
                <a:off x="7021812" y="3959686"/>
                <a:ext cx="1288251" cy="169985"/>
                <a:chOff x="4624" y="2385"/>
                <a:chExt cx="811" cy="107"/>
              </a:xfrm>
            </p:grpSpPr>
            <p:sp>
              <p:nvSpPr>
                <p:cNvPr id="57520" name="Freeform 111">
                  <a:extLst>
                    <a:ext uri="{FF2B5EF4-FFF2-40B4-BE49-F238E27FC236}">
                      <a16:creationId xmlns:a16="http://schemas.microsoft.com/office/drawing/2014/main" id="{56EE632B-A0B5-79B7-B73A-095F54D5E5BE}"/>
                    </a:ext>
                  </a:extLst>
                </p:cNvPr>
                <p:cNvSpPr>
                  <a:spLocks noChangeAspect="1"/>
                </p:cNvSpPr>
                <p:nvPr/>
              </p:nvSpPr>
              <p:spPr bwMode="auto">
                <a:xfrm>
                  <a:off x="4624" y="2423"/>
                  <a:ext cx="811" cy="69"/>
                </a:xfrm>
                <a:custGeom>
                  <a:avLst/>
                  <a:gdLst>
                    <a:gd name="T0" fmla="*/ 0 w 924"/>
                    <a:gd name="T1" fmla="*/ 26 h 84"/>
                    <a:gd name="T2" fmla="*/ 360 w 924"/>
                    <a:gd name="T3" fmla="*/ 26 h 84"/>
                    <a:gd name="T4" fmla="*/ 423 w 924"/>
                    <a:gd name="T5" fmla="*/ 0 h 84"/>
                    <a:gd name="T6" fmla="*/ 139 w 924"/>
                    <a:gd name="T7" fmla="*/ 0 h 84"/>
                    <a:gd name="T8" fmla="*/ 0 w 924"/>
                    <a:gd name="T9" fmla="*/ 26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21" name="Freeform 112">
                  <a:extLst>
                    <a:ext uri="{FF2B5EF4-FFF2-40B4-BE49-F238E27FC236}">
                      <a16:creationId xmlns:a16="http://schemas.microsoft.com/office/drawing/2014/main" id="{C730A19D-702D-561B-1CDE-333C9523BC42}"/>
                    </a:ext>
                  </a:extLst>
                </p:cNvPr>
                <p:cNvSpPr>
                  <a:spLocks noChangeAspect="1"/>
                </p:cNvSpPr>
                <p:nvPr/>
              </p:nvSpPr>
              <p:spPr bwMode="auto">
                <a:xfrm>
                  <a:off x="4624" y="2385"/>
                  <a:ext cx="811" cy="67"/>
                </a:xfrm>
                <a:custGeom>
                  <a:avLst/>
                  <a:gdLst>
                    <a:gd name="T0" fmla="*/ 0 w 924"/>
                    <a:gd name="T1" fmla="*/ 22 h 84"/>
                    <a:gd name="T2" fmla="*/ 360 w 924"/>
                    <a:gd name="T3" fmla="*/ 22 h 84"/>
                    <a:gd name="T4" fmla="*/ 423 w 924"/>
                    <a:gd name="T5" fmla="*/ 0 h 84"/>
                    <a:gd name="T6" fmla="*/ 139 w 924"/>
                    <a:gd name="T7" fmla="*/ 0 h 84"/>
                    <a:gd name="T8" fmla="*/ 0 w 924"/>
                    <a:gd name="T9" fmla="*/ 22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grpSp>
          <p:grpSp>
            <p:nvGrpSpPr>
              <p:cNvPr id="57503" name="Group 113">
                <a:extLst>
                  <a:ext uri="{FF2B5EF4-FFF2-40B4-BE49-F238E27FC236}">
                    <a16:creationId xmlns:a16="http://schemas.microsoft.com/office/drawing/2014/main" id="{171587D0-052A-8D89-D913-06170A9E99F9}"/>
                  </a:ext>
                </a:extLst>
              </p:cNvPr>
              <p:cNvGrpSpPr>
                <a:grpSpLocks noChangeAspect="1"/>
              </p:cNvGrpSpPr>
              <p:nvPr/>
            </p:nvGrpSpPr>
            <p:grpSpPr bwMode="auto">
              <a:xfrm>
                <a:off x="7021812" y="2568031"/>
                <a:ext cx="1288251" cy="169985"/>
                <a:chOff x="4624" y="1537"/>
                <a:chExt cx="811" cy="107"/>
              </a:xfrm>
            </p:grpSpPr>
            <p:sp>
              <p:nvSpPr>
                <p:cNvPr id="57518" name="Freeform 114">
                  <a:extLst>
                    <a:ext uri="{FF2B5EF4-FFF2-40B4-BE49-F238E27FC236}">
                      <a16:creationId xmlns:a16="http://schemas.microsoft.com/office/drawing/2014/main" id="{B328D767-4D25-8B5B-B6BB-C4E8D8FDFF6D}"/>
                    </a:ext>
                  </a:extLst>
                </p:cNvPr>
                <p:cNvSpPr>
                  <a:spLocks noChangeAspect="1"/>
                </p:cNvSpPr>
                <p:nvPr/>
              </p:nvSpPr>
              <p:spPr bwMode="auto">
                <a:xfrm>
                  <a:off x="4624" y="1576"/>
                  <a:ext cx="811" cy="68"/>
                </a:xfrm>
                <a:custGeom>
                  <a:avLst/>
                  <a:gdLst>
                    <a:gd name="T0" fmla="*/ 0 w 924"/>
                    <a:gd name="T1" fmla="*/ 23 h 84"/>
                    <a:gd name="T2" fmla="*/ 360 w 924"/>
                    <a:gd name="T3" fmla="*/ 23 h 84"/>
                    <a:gd name="T4" fmla="*/ 423 w 924"/>
                    <a:gd name="T5" fmla="*/ 0 h 84"/>
                    <a:gd name="T6" fmla="*/ 139 w 924"/>
                    <a:gd name="T7" fmla="*/ 0 h 84"/>
                    <a:gd name="T8" fmla="*/ 0 w 924"/>
                    <a:gd name="T9" fmla="*/ 23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19" name="Freeform 115">
                  <a:extLst>
                    <a:ext uri="{FF2B5EF4-FFF2-40B4-BE49-F238E27FC236}">
                      <a16:creationId xmlns:a16="http://schemas.microsoft.com/office/drawing/2014/main" id="{D30EDC4B-AC1E-A36E-8BFF-9140D12D3E6F}"/>
                    </a:ext>
                  </a:extLst>
                </p:cNvPr>
                <p:cNvSpPr>
                  <a:spLocks noChangeAspect="1"/>
                </p:cNvSpPr>
                <p:nvPr/>
              </p:nvSpPr>
              <p:spPr bwMode="auto">
                <a:xfrm>
                  <a:off x="4624" y="1537"/>
                  <a:ext cx="811" cy="67"/>
                </a:xfrm>
                <a:custGeom>
                  <a:avLst/>
                  <a:gdLst>
                    <a:gd name="T0" fmla="*/ 0 w 924"/>
                    <a:gd name="T1" fmla="*/ 22 h 84"/>
                    <a:gd name="T2" fmla="*/ 360 w 924"/>
                    <a:gd name="T3" fmla="*/ 22 h 84"/>
                    <a:gd name="T4" fmla="*/ 423 w 924"/>
                    <a:gd name="T5" fmla="*/ 0 h 84"/>
                    <a:gd name="T6" fmla="*/ 139 w 924"/>
                    <a:gd name="T7" fmla="*/ 0 h 84"/>
                    <a:gd name="T8" fmla="*/ 0 w 924"/>
                    <a:gd name="T9" fmla="*/ 22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grpSp>
          <p:grpSp>
            <p:nvGrpSpPr>
              <p:cNvPr id="57505" name="Group 116">
                <a:extLst>
                  <a:ext uri="{FF2B5EF4-FFF2-40B4-BE49-F238E27FC236}">
                    <a16:creationId xmlns:a16="http://schemas.microsoft.com/office/drawing/2014/main" id="{E057D427-198B-4130-B592-39D9160D2E9F}"/>
                  </a:ext>
                </a:extLst>
              </p:cNvPr>
              <p:cNvGrpSpPr>
                <a:grpSpLocks noChangeAspect="1"/>
              </p:cNvGrpSpPr>
              <p:nvPr/>
            </p:nvGrpSpPr>
            <p:grpSpPr bwMode="auto">
              <a:xfrm>
                <a:off x="7021812" y="2135919"/>
                <a:ext cx="1288251" cy="169985"/>
                <a:chOff x="4624" y="1248"/>
                <a:chExt cx="811" cy="107"/>
              </a:xfrm>
            </p:grpSpPr>
            <p:sp>
              <p:nvSpPr>
                <p:cNvPr id="57516" name="Freeform 117">
                  <a:extLst>
                    <a:ext uri="{FF2B5EF4-FFF2-40B4-BE49-F238E27FC236}">
                      <a16:creationId xmlns:a16="http://schemas.microsoft.com/office/drawing/2014/main" id="{ABE74648-F7BA-95DF-C8E0-6849067D9496}"/>
                    </a:ext>
                  </a:extLst>
                </p:cNvPr>
                <p:cNvSpPr>
                  <a:spLocks noChangeAspect="1"/>
                </p:cNvSpPr>
                <p:nvPr/>
              </p:nvSpPr>
              <p:spPr bwMode="auto">
                <a:xfrm>
                  <a:off x="4624" y="1287"/>
                  <a:ext cx="811" cy="68"/>
                </a:xfrm>
                <a:custGeom>
                  <a:avLst/>
                  <a:gdLst>
                    <a:gd name="T0" fmla="*/ 0 w 924"/>
                    <a:gd name="T1" fmla="*/ 23 h 84"/>
                    <a:gd name="T2" fmla="*/ 360 w 924"/>
                    <a:gd name="T3" fmla="*/ 23 h 84"/>
                    <a:gd name="T4" fmla="*/ 423 w 924"/>
                    <a:gd name="T5" fmla="*/ 0 h 84"/>
                    <a:gd name="T6" fmla="*/ 139 w 924"/>
                    <a:gd name="T7" fmla="*/ 0 h 84"/>
                    <a:gd name="T8" fmla="*/ 0 w 924"/>
                    <a:gd name="T9" fmla="*/ 23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17" name="Freeform 118">
                  <a:extLst>
                    <a:ext uri="{FF2B5EF4-FFF2-40B4-BE49-F238E27FC236}">
                      <a16:creationId xmlns:a16="http://schemas.microsoft.com/office/drawing/2014/main" id="{BA48E1D5-1582-D1DC-102B-5A49DD66F414}"/>
                    </a:ext>
                  </a:extLst>
                </p:cNvPr>
                <p:cNvSpPr>
                  <a:spLocks noChangeAspect="1"/>
                </p:cNvSpPr>
                <p:nvPr/>
              </p:nvSpPr>
              <p:spPr bwMode="auto">
                <a:xfrm>
                  <a:off x="4624" y="1248"/>
                  <a:ext cx="811" cy="68"/>
                </a:xfrm>
                <a:custGeom>
                  <a:avLst/>
                  <a:gdLst>
                    <a:gd name="T0" fmla="*/ 0 w 924"/>
                    <a:gd name="T1" fmla="*/ 23 h 84"/>
                    <a:gd name="T2" fmla="*/ 360 w 924"/>
                    <a:gd name="T3" fmla="*/ 23 h 84"/>
                    <a:gd name="T4" fmla="*/ 423 w 924"/>
                    <a:gd name="T5" fmla="*/ 0 h 84"/>
                    <a:gd name="T6" fmla="*/ 139 w 924"/>
                    <a:gd name="T7" fmla="*/ 0 h 84"/>
                    <a:gd name="T8" fmla="*/ 0 w 924"/>
                    <a:gd name="T9" fmla="*/ 23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grpSp>
          <p:grpSp>
            <p:nvGrpSpPr>
              <p:cNvPr id="57506" name="Group 119">
                <a:extLst>
                  <a:ext uri="{FF2B5EF4-FFF2-40B4-BE49-F238E27FC236}">
                    <a16:creationId xmlns:a16="http://schemas.microsoft.com/office/drawing/2014/main" id="{8BE5E9CF-F16C-D747-E43A-8913EAAB52EB}"/>
                  </a:ext>
                </a:extLst>
              </p:cNvPr>
              <p:cNvGrpSpPr>
                <a:grpSpLocks noChangeAspect="1"/>
              </p:cNvGrpSpPr>
              <p:nvPr/>
            </p:nvGrpSpPr>
            <p:grpSpPr bwMode="auto">
              <a:xfrm>
                <a:off x="7021812" y="4394975"/>
                <a:ext cx="1288251" cy="211290"/>
                <a:chOff x="4762" y="2215"/>
                <a:chExt cx="811" cy="133"/>
              </a:xfrm>
            </p:grpSpPr>
            <p:sp>
              <p:nvSpPr>
                <p:cNvPr id="57513" name="Freeform 120">
                  <a:extLst>
                    <a:ext uri="{FF2B5EF4-FFF2-40B4-BE49-F238E27FC236}">
                      <a16:creationId xmlns:a16="http://schemas.microsoft.com/office/drawing/2014/main" id="{D9F037AB-CFC8-D739-6D92-3AC9BDF5AADF}"/>
                    </a:ext>
                  </a:extLst>
                </p:cNvPr>
                <p:cNvSpPr>
                  <a:spLocks noChangeAspect="1"/>
                </p:cNvSpPr>
                <p:nvPr/>
              </p:nvSpPr>
              <p:spPr bwMode="auto">
                <a:xfrm>
                  <a:off x="4762" y="2281"/>
                  <a:ext cx="811" cy="67"/>
                </a:xfrm>
                <a:custGeom>
                  <a:avLst/>
                  <a:gdLst>
                    <a:gd name="T0" fmla="*/ 0 w 924"/>
                    <a:gd name="T1" fmla="*/ 22 h 84"/>
                    <a:gd name="T2" fmla="*/ 360 w 924"/>
                    <a:gd name="T3" fmla="*/ 22 h 84"/>
                    <a:gd name="T4" fmla="*/ 423 w 924"/>
                    <a:gd name="T5" fmla="*/ 0 h 84"/>
                    <a:gd name="T6" fmla="*/ 139 w 924"/>
                    <a:gd name="T7" fmla="*/ 0 h 84"/>
                    <a:gd name="T8" fmla="*/ 0 w 924"/>
                    <a:gd name="T9" fmla="*/ 22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14" name="Freeform 121">
                  <a:extLst>
                    <a:ext uri="{FF2B5EF4-FFF2-40B4-BE49-F238E27FC236}">
                      <a16:creationId xmlns:a16="http://schemas.microsoft.com/office/drawing/2014/main" id="{5773A77F-66AC-DA62-F804-E5BBAB969EC8}"/>
                    </a:ext>
                  </a:extLst>
                </p:cNvPr>
                <p:cNvSpPr>
                  <a:spLocks noChangeAspect="1"/>
                </p:cNvSpPr>
                <p:nvPr/>
              </p:nvSpPr>
              <p:spPr bwMode="auto">
                <a:xfrm>
                  <a:off x="4762" y="2251"/>
                  <a:ext cx="811" cy="68"/>
                </a:xfrm>
                <a:custGeom>
                  <a:avLst/>
                  <a:gdLst>
                    <a:gd name="T0" fmla="*/ 0 w 924"/>
                    <a:gd name="T1" fmla="*/ 23 h 84"/>
                    <a:gd name="T2" fmla="*/ 360 w 924"/>
                    <a:gd name="T3" fmla="*/ 23 h 84"/>
                    <a:gd name="T4" fmla="*/ 423 w 924"/>
                    <a:gd name="T5" fmla="*/ 0 h 84"/>
                    <a:gd name="T6" fmla="*/ 139 w 924"/>
                    <a:gd name="T7" fmla="*/ 0 h 84"/>
                    <a:gd name="T8" fmla="*/ 0 w 924"/>
                    <a:gd name="T9" fmla="*/ 23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15" name="Freeform 122">
                  <a:extLst>
                    <a:ext uri="{FF2B5EF4-FFF2-40B4-BE49-F238E27FC236}">
                      <a16:creationId xmlns:a16="http://schemas.microsoft.com/office/drawing/2014/main" id="{15D2F85E-76BB-5D06-6A40-B9AC6792F862}"/>
                    </a:ext>
                  </a:extLst>
                </p:cNvPr>
                <p:cNvSpPr>
                  <a:spLocks noChangeAspect="1"/>
                </p:cNvSpPr>
                <p:nvPr/>
              </p:nvSpPr>
              <p:spPr bwMode="auto">
                <a:xfrm>
                  <a:off x="4762" y="2215"/>
                  <a:ext cx="811" cy="67"/>
                </a:xfrm>
                <a:custGeom>
                  <a:avLst/>
                  <a:gdLst>
                    <a:gd name="T0" fmla="*/ 0 w 924"/>
                    <a:gd name="T1" fmla="*/ 22 h 84"/>
                    <a:gd name="T2" fmla="*/ 360 w 924"/>
                    <a:gd name="T3" fmla="*/ 22 h 84"/>
                    <a:gd name="T4" fmla="*/ 423 w 924"/>
                    <a:gd name="T5" fmla="*/ 0 h 84"/>
                    <a:gd name="T6" fmla="*/ 139 w 924"/>
                    <a:gd name="T7" fmla="*/ 0 h 84"/>
                    <a:gd name="T8" fmla="*/ 0 w 924"/>
                    <a:gd name="T9" fmla="*/ 22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grpSp>
          <p:grpSp>
            <p:nvGrpSpPr>
              <p:cNvPr id="57507" name="Group 123">
                <a:extLst>
                  <a:ext uri="{FF2B5EF4-FFF2-40B4-BE49-F238E27FC236}">
                    <a16:creationId xmlns:a16="http://schemas.microsoft.com/office/drawing/2014/main" id="{24E982B9-FF7E-8A31-E625-1558652F84C9}"/>
                  </a:ext>
                </a:extLst>
              </p:cNvPr>
              <p:cNvGrpSpPr>
                <a:grpSpLocks noChangeAspect="1"/>
              </p:cNvGrpSpPr>
              <p:nvPr/>
            </p:nvGrpSpPr>
            <p:grpSpPr bwMode="auto">
              <a:xfrm>
                <a:off x="7021812" y="3460851"/>
                <a:ext cx="1288251" cy="258949"/>
                <a:chOff x="4626" y="2049"/>
                <a:chExt cx="811" cy="163"/>
              </a:xfrm>
            </p:grpSpPr>
            <p:sp>
              <p:nvSpPr>
                <p:cNvPr id="57509" name="Freeform 124">
                  <a:extLst>
                    <a:ext uri="{FF2B5EF4-FFF2-40B4-BE49-F238E27FC236}">
                      <a16:creationId xmlns:a16="http://schemas.microsoft.com/office/drawing/2014/main" id="{179C8BDC-2D7F-783C-AB31-23F05A3184F5}"/>
                    </a:ext>
                  </a:extLst>
                </p:cNvPr>
                <p:cNvSpPr>
                  <a:spLocks noChangeAspect="1"/>
                </p:cNvSpPr>
                <p:nvPr/>
              </p:nvSpPr>
              <p:spPr bwMode="auto">
                <a:xfrm>
                  <a:off x="4626" y="2145"/>
                  <a:ext cx="811" cy="67"/>
                </a:xfrm>
                <a:custGeom>
                  <a:avLst/>
                  <a:gdLst>
                    <a:gd name="T0" fmla="*/ 0 w 924"/>
                    <a:gd name="T1" fmla="*/ 22 h 84"/>
                    <a:gd name="T2" fmla="*/ 360 w 924"/>
                    <a:gd name="T3" fmla="*/ 22 h 84"/>
                    <a:gd name="T4" fmla="*/ 423 w 924"/>
                    <a:gd name="T5" fmla="*/ 0 h 84"/>
                    <a:gd name="T6" fmla="*/ 139 w 924"/>
                    <a:gd name="T7" fmla="*/ 0 h 84"/>
                    <a:gd name="T8" fmla="*/ 0 w 924"/>
                    <a:gd name="T9" fmla="*/ 22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10" name="Freeform 125">
                  <a:extLst>
                    <a:ext uri="{FF2B5EF4-FFF2-40B4-BE49-F238E27FC236}">
                      <a16:creationId xmlns:a16="http://schemas.microsoft.com/office/drawing/2014/main" id="{54C315A9-A504-40B2-7DF9-83E9AE2D217B}"/>
                    </a:ext>
                  </a:extLst>
                </p:cNvPr>
                <p:cNvSpPr>
                  <a:spLocks noChangeAspect="1"/>
                </p:cNvSpPr>
                <p:nvPr/>
              </p:nvSpPr>
              <p:spPr bwMode="auto">
                <a:xfrm>
                  <a:off x="4626" y="2115"/>
                  <a:ext cx="811" cy="68"/>
                </a:xfrm>
                <a:custGeom>
                  <a:avLst/>
                  <a:gdLst>
                    <a:gd name="T0" fmla="*/ 0 w 924"/>
                    <a:gd name="T1" fmla="*/ 23 h 84"/>
                    <a:gd name="T2" fmla="*/ 360 w 924"/>
                    <a:gd name="T3" fmla="*/ 23 h 84"/>
                    <a:gd name="T4" fmla="*/ 423 w 924"/>
                    <a:gd name="T5" fmla="*/ 0 h 84"/>
                    <a:gd name="T6" fmla="*/ 139 w 924"/>
                    <a:gd name="T7" fmla="*/ 0 h 84"/>
                    <a:gd name="T8" fmla="*/ 0 w 924"/>
                    <a:gd name="T9" fmla="*/ 23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11" name="Freeform 126">
                  <a:extLst>
                    <a:ext uri="{FF2B5EF4-FFF2-40B4-BE49-F238E27FC236}">
                      <a16:creationId xmlns:a16="http://schemas.microsoft.com/office/drawing/2014/main" id="{8AA409B3-041C-DB61-3370-C09E8663700B}"/>
                    </a:ext>
                  </a:extLst>
                </p:cNvPr>
                <p:cNvSpPr>
                  <a:spLocks noChangeAspect="1"/>
                </p:cNvSpPr>
                <p:nvPr/>
              </p:nvSpPr>
              <p:spPr bwMode="auto">
                <a:xfrm>
                  <a:off x="4626" y="2079"/>
                  <a:ext cx="811" cy="67"/>
                </a:xfrm>
                <a:custGeom>
                  <a:avLst/>
                  <a:gdLst>
                    <a:gd name="T0" fmla="*/ 0 w 924"/>
                    <a:gd name="T1" fmla="*/ 22 h 84"/>
                    <a:gd name="T2" fmla="*/ 360 w 924"/>
                    <a:gd name="T3" fmla="*/ 22 h 84"/>
                    <a:gd name="T4" fmla="*/ 423 w 924"/>
                    <a:gd name="T5" fmla="*/ 0 h 84"/>
                    <a:gd name="T6" fmla="*/ 139 w 924"/>
                    <a:gd name="T7" fmla="*/ 0 h 84"/>
                    <a:gd name="T8" fmla="*/ 0 w 924"/>
                    <a:gd name="T9" fmla="*/ 22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sp>
              <p:nvSpPr>
                <p:cNvPr id="57512" name="Freeform 127">
                  <a:extLst>
                    <a:ext uri="{FF2B5EF4-FFF2-40B4-BE49-F238E27FC236}">
                      <a16:creationId xmlns:a16="http://schemas.microsoft.com/office/drawing/2014/main" id="{924D8B1E-B89E-EE18-1518-558FEB8119C6}"/>
                    </a:ext>
                  </a:extLst>
                </p:cNvPr>
                <p:cNvSpPr>
                  <a:spLocks noChangeAspect="1"/>
                </p:cNvSpPr>
                <p:nvPr/>
              </p:nvSpPr>
              <p:spPr bwMode="auto">
                <a:xfrm>
                  <a:off x="4626" y="2049"/>
                  <a:ext cx="811" cy="68"/>
                </a:xfrm>
                <a:custGeom>
                  <a:avLst/>
                  <a:gdLst>
                    <a:gd name="T0" fmla="*/ 0 w 924"/>
                    <a:gd name="T1" fmla="*/ 23 h 84"/>
                    <a:gd name="T2" fmla="*/ 360 w 924"/>
                    <a:gd name="T3" fmla="*/ 23 h 84"/>
                    <a:gd name="T4" fmla="*/ 423 w 924"/>
                    <a:gd name="T5" fmla="*/ 0 h 84"/>
                    <a:gd name="T6" fmla="*/ 139 w 924"/>
                    <a:gd name="T7" fmla="*/ 0 h 84"/>
                    <a:gd name="T8" fmla="*/ 0 w 924"/>
                    <a:gd name="T9" fmla="*/ 23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grpSp>
          <p:sp>
            <p:nvSpPr>
              <p:cNvPr id="57508" name="Freeform 128">
                <a:extLst>
                  <a:ext uri="{FF2B5EF4-FFF2-40B4-BE49-F238E27FC236}">
                    <a16:creationId xmlns:a16="http://schemas.microsoft.com/office/drawing/2014/main" id="{E48864AA-D609-3E63-DA6B-586162C20495}"/>
                  </a:ext>
                </a:extLst>
              </p:cNvPr>
              <p:cNvSpPr>
                <a:spLocks noChangeAspect="1"/>
              </p:cNvSpPr>
              <p:nvPr/>
            </p:nvSpPr>
            <p:spPr bwMode="auto">
              <a:xfrm>
                <a:off x="7021812" y="3071632"/>
                <a:ext cx="1288251" cy="108028"/>
              </a:xfrm>
              <a:custGeom>
                <a:avLst/>
                <a:gdLst>
                  <a:gd name="T0" fmla="*/ 0 w 924"/>
                  <a:gd name="T1" fmla="*/ 2147483647 h 84"/>
                  <a:gd name="T2" fmla="*/ 2147483647 w 924"/>
                  <a:gd name="T3" fmla="*/ 2147483647 h 84"/>
                  <a:gd name="T4" fmla="*/ 2147483647 w 924"/>
                  <a:gd name="T5" fmla="*/ 0 h 84"/>
                  <a:gd name="T6" fmla="*/ 2147483647 w 924"/>
                  <a:gd name="T7" fmla="*/ 0 h 84"/>
                  <a:gd name="T8" fmla="*/ 0 w 924"/>
                  <a:gd name="T9" fmla="*/ 2147483647 h 8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924" h="84">
                    <a:moveTo>
                      <a:pt x="0" y="84"/>
                    </a:moveTo>
                    <a:lnTo>
                      <a:pt x="787" y="84"/>
                    </a:lnTo>
                    <a:lnTo>
                      <a:pt x="924" y="0"/>
                    </a:lnTo>
                    <a:lnTo>
                      <a:pt x="304" y="0"/>
                    </a:lnTo>
                    <a:lnTo>
                      <a:pt x="0" y="84"/>
                    </a:lnTo>
                    <a:close/>
                  </a:path>
                </a:pathLst>
              </a:custGeom>
              <a:solidFill>
                <a:srgbClr val="FFCCCC"/>
              </a:solidFill>
              <a:ln w="11113">
                <a:solidFill>
                  <a:srgbClr val="000000"/>
                </a:solidFill>
                <a:prstDash val="solid"/>
                <a:round/>
                <a:headEnd/>
                <a:tailEnd/>
              </a:ln>
            </p:spPr>
            <p:txBody>
              <a:bodyPr/>
              <a:lstStyle/>
              <a:p>
                <a:endParaRPr lang="en-GB"/>
              </a:p>
            </p:txBody>
          </p:sp>
        </p:grpSp>
        <p:grpSp>
          <p:nvGrpSpPr>
            <p:cNvPr id="57480" name="Groupe 122">
              <a:extLst>
                <a:ext uri="{FF2B5EF4-FFF2-40B4-BE49-F238E27FC236}">
                  <a16:creationId xmlns:a16="http://schemas.microsoft.com/office/drawing/2014/main" id="{362C0D59-2EA8-5F6B-C844-44BD09618081}"/>
                </a:ext>
              </a:extLst>
            </p:cNvPr>
            <p:cNvGrpSpPr>
              <a:grpSpLocks noChangeAspect="1"/>
            </p:cNvGrpSpPr>
            <p:nvPr/>
          </p:nvGrpSpPr>
          <p:grpSpPr>
            <a:xfrm>
              <a:off x="1976061" y="1196752"/>
              <a:ext cx="6092402" cy="772631"/>
              <a:chOff x="3546209" y="5372490"/>
              <a:chExt cx="5751641" cy="729416"/>
            </a:xfrm>
          </p:grpSpPr>
          <p:pic>
            <p:nvPicPr>
              <p:cNvPr id="57482" name="Image 123" descr="C:\Users\U80712~1\AppData\Local\Temp\$$_8909\Raumplanung.jpg">
                <a:extLst>
                  <a:ext uri="{FF2B5EF4-FFF2-40B4-BE49-F238E27FC236}">
                    <a16:creationId xmlns:a16="http://schemas.microsoft.com/office/drawing/2014/main" id="{FB5F3A81-B223-6B90-0130-A25DABB7B56D}"/>
                  </a:ext>
                </a:extLst>
              </p:cNvPr>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546209" y="5372490"/>
                <a:ext cx="719455" cy="719455"/>
              </a:xfrm>
              <a:prstGeom prst="rect">
                <a:avLst/>
              </a:prstGeom>
              <a:noFill/>
              <a:ln>
                <a:noFill/>
              </a:ln>
            </p:spPr>
          </p:pic>
          <p:pic>
            <p:nvPicPr>
              <p:cNvPr id="57483" name="Image 124" descr="C:\Users\U80712~1\AppData\Local\Temp\$$_5368\Nationalstrassen.jpg">
                <a:extLst>
                  <a:ext uri="{FF2B5EF4-FFF2-40B4-BE49-F238E27FC236}">
                    <a16:creationId xmlns:a16="http://schemas.microsoft.com/office/drawing/2014/main" id="{DE24C7FE-58EA-5407-EB87-C620D1F59C71}"/>
                  </a:ext>
                </a:extLst>
              </p:cNvPr>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265664" y="5372490"/>
                <a:ext cx="719455" cy="719455"/>
              </a:xfrm>
              <a:prstGeom prst="rect">
                <a:avLst/>
              </a:prstGeom>
              <a:noFill/>
              <a:ln>
                <a:noFill/>
              </a:ln>
            </p:spPr>
          </p:pic>
          <p:pic>
            <p:nvPicPr>
              <p:cNvPr id="57484" name="Picture 2">
                <a:extLst>
                  <a:ext uri="{FF2B5EF4-FFF2-40B4-BE49-F238E27FC236}">
                    <a16:creationId xmlns:a16="http://schemas.microsoft.com/office/drawing/2014/main" id="{04A0F950-B8E2-88CA-FC81-37FEE3EDC250}"/>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985119" y="5382769"/>
                <a:ext cx="719137" cy="7191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7485" name="Picture 3">
                <a:extLst>
                  <a:ext uri="{FF2B5EF4-FFF2-40B4-BE49-F238E27FC236}">
                    <a16:creationId xmlns:a16="http://schemas.microsoft.com/office/drawing/2014/main" id="{D7025B6A-A07A-3DE6-FBD9-096EB4C2730E}"/>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704256" y="5372808"/>
                <a:ext cx="719137" cy="7191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7486" name="Picture 4">
                <a:extLst>
                  <a:ext uri="{FF2B5EF4-FFF2-40B4-BE49-F238E27FC236}">
                    <a16:creationId xmlns:a16="http://schemas.microsoft.com/office/drawing/2014/main" id="{2F2DAECF-6AA4-01F3-3AFA-21347EDAB61E}"/>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423393" y="5382769"/>
                <a:ext cx="719137" cy="7191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7487" name="Picture 5">
                <a:extLst>
                  <a:ext uri="{FF2B5EF4-FFF2-40B4-BE49-F238E27FC236}">
                    <a16:creationId xmlns:a16="http://schemas.microsoft.com/office/drawing/2014/main" id="{4B51BA45-76D7-4CD8-2459-8A22A84B58A2}"/>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7142530" y="5382496"/>
                <a:ext cx="719137" cy="7191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7488" name="Picture 6">
                <a:extLst>
                  <a:ext uri="{FF2B5EF4-FFF2-40B4-BE49-F238E27FC236}">
                    <a16:creationId xmlns:a16="http://schemas.microsoft.com/office/drawing/2014/main" id="{2F6AE6D5-3CA8-6AA9-066D-2849F21EA4A6}"/>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7861667" y="5382769"/>
                <a:ext cx="719137" cy="7191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7489" name="Picture 7">
                <a:extLst>
                  <a:ext uri="{FF2B5EF4-FFF2-40B4-BE49-F238E27FC236}">
                    <a16:creationId xmlns:a16="http://schemas.microsoft.com/office/drawing/2014/main" id="{547C3499-3DB9-78EE-1C3E-C8F20E347955}"/>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8578713" y="5382769"/>
                <a:ext cx="719137" cy="7191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
          <p:nvSpPr>
            <p:cNvPr id="57481" name="Rectangle 65">
              <a:extLst>
                <a:ext uri="{FF2B5EF4-FFF2-40B4-BE49-F238E27FC236}">
                  <a16:creationId xmlns:a16="http://schemas.microsoft.com/office/drawing/2014/main" id="{FADB15A0-3233-8594-688D-7202BC80C054}"/>
                </a:ext>
              </a:extLst>
            </p:cNvPr>
            <p:cNvSpPr>
              <a:spLocks noChangeArrowheads="1"/>
            </p:cNvSpPr>
            <p:nvPr/>
          </p:nvSpPr>
          <p:spPr bwMode="auto">
            <a:xfrm>
              <a:off x="1441542" y="3666049"/>
              <a:ext cx="1534436" cy="294438"/>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square" lIns="0" tIns="0" rIns="0" bIns="0">
              <a:spAutoFit/>
            </a:bodyPr>
            <a:lstStyle>
              <a:lvl1pPr eaLnBrk="0" hangingPunct="0">
                <a:defRPr sz="2400">
                  <a:solidFill>
                    <a:schemeClr val="tx1"/>
                  </a:solidFill>
                  <a:latin typeface="Dax-Regular"/>
                  <a:cs typeface="Arial" pitchFamily="34" charset="0"/>
                </a:defRPr>
              </a:lvl1pPr>
              <a:lvl2pPr marL="742950" indent="-285750" eaLnBrk="0" hangingPunct="0">
                <a:defRPr sz="2400">
                  <a:solidFill>
                    <a:schemeClr val="tx1"/>
                  </a:solidFill>
                  <a:latin typeface="Dax-Regular"/>
                  <a:cs typeface="Arial" pitchFamily="34" charset="0"/>
                </a:defRPr>
              </a:lvl2pPr>
              <a:lvl3pPr marL="1143000" indent="-228600" eaLnBrk="0" hangingPunct="0">
                <a:defRPr sz="2400">
                  <a:solidFill>
                    <a:schemeClr val="tx1"/>
                  </a:solidFill>
                  <a:latin typeface="Dax-Regular"/>
                  <a:cs typeface="Arial" pitchFamily="34" charset="0"/>
                </a:defRPr>
              </a:lvl3pPr>
              <a:lvl4pPr marL="1600200" indent="-228600" eaLnBrk="0" hangingPunct="0">
                <a:defRPr sz="2400">
                  <a:solidFill>
                    <a:schemeClr val="tx1"/>
                  </a:solidFill>
                  <a:latin typeface="Dax-Regular"/>
                  <a:cs typeface="Arial" pitchFamily="34" charset="0"/>
                </a:defRPr>
              </a:lvl4pPr>
              <a:lvl5pPr marL="2057400" indent="-228600" eaLnBrk="0" hangingPunct="0">
                <a:defRPr sz="2400">
                  <a:solidFill>
                    <a:schemeClr val="tx1"/>
                  </a:solidFill>
                  <a:latin typeface="Dax-Regular"/>
                  <a:cs typeface="Arial" pitchFamily="34" charset="0"/>
                </a:defRPr>
              </a:lvl5pPr>
              <a:lvl6pPr marL="2514600" indent="-228600" eaLnBrk="0" fontAlgn="base" hangingPunct="0">
                <a:spcBef>
                  <a:spcPct val="0"/>
                </a:spcBef>
                <a:spcAft>
                  <a:spcPct val="0"/>
                </a:spcAft>
                <a:defRPr sz="2400">
                  <a:solidFill>
                    <a:schemeClr val="tx1"/>
                  </a:solidFill>
                  <a:latin typeface="Dax-Regular"/>
                  <a:cs typeface="Arial" pitchFamily="34" charset="0"/>
                </a:defRPr>
              </a:lvl6pPr>
              <a:lvl7pPr marL="2971800" indent="-228600" eaLnBrk="0" fontAlgn="base" hangingPunct="0">
                <a:spcBef>
                  <a:spcPct val="0"/>
                </a:spcBef>
                <a:spcAft>
                  <a:spcPct val="0"/>
                </a:spcAft>
                <a:defRPr sz="2400">
                  <a:solidFill>
                    <a:schemeClr val="tx1"/>
                  </a:solidFill>
                  <a:latin typeface="Dax-Regular"/>
                  <a:cs typeface="Arial" pitchFamily="34" charset="0"/>
                </a:defRPr>
              </a:lvl7pPr>
              <a:lvl8pPr marL="3429000" indent="-228600" eaLnBrk="0" fontAlgn="base" hangingPunct="0">
                <a:spcBef>
                  <a:spcPct val="0"/>
                </a:spcBef>
                <a:spcAft>
                  <a:spcPct val="0"/>
                </a:spcAft>
                <a:defRPr sz="2400">
                  <a:solidFill>
                    <a:schemeClr val="tx1"/>
                  </a:solidFill>
                  <a:latin typeface="Dax-Regular"/>
                  <a:cs typeface="Arial" pitchFamily="34" charset="0"/>
                </a:defRPr>
              </a:lvl8pPr>
              <a:lvl9pPr marL="3886200" indent="-228600" eaLnBrk="0" fontAlgn="base" hangingPunct="0">
                <a:spcBef>
                  <a:spcPct val="0"/>
                </a:spcBef>
                <a:spcAft>
                  <a:spcPct val="0"/>
                </a:spcAft>
                <a:defRPr sz="2400">
                  <a:solidFill>
                    <a:schemeClr val="tx1"/>
                  </a:solidFill>
                  <a:latin typeface="Dax-Regular"/>
                  <a:cs typeface="Arial" pitchFamily="34" charset="0"/>
                </a:defRPr>
              </a:lvl9pPr>
            </a:lstStyle>
            <a:p>
              <a:pPr>
                <a:lnSpc>
                  <a:spcPct val="85000"/>
                </a:lnSpc>
              </a:pPr>
              <a:r>
                <a:rPr lang="es-CO" altLang="en-US" sz="800" dirty="0">
                  <a:solidFill>
                    <a:srgbClr val="000000"/>
                  </a:solidFill>
                  <a:latin typeface="Arial" pitchFamily="34" charset="0"/>
                </a:rPr>
                <a:t>Zonas del proyecto</a:t>
              </a:r>
            </a:p>
            <a:p>
              <a:pPr>
                <a:lnSpc>
                  <a:spcPct val="85000"/>
                </a:lnSpc>
              </a:pPr>
              <a:r>
                <a:rPr lang="es-CO" altLang="en-US" sz="800" dirty="0">
                  <a:solidFill>
                    <a:srgbClr val="000000"/>
                  </a:solidFill>
                  <a:latin typeface="Arial" pitchFamily="34" charset="0"/>
                </a:rPr>
                <a:t>las líneas de construcción</a:t>
              </a:r>
              <a:endParaRPr lang="en-GB" altLang="en-US" sz="800" dirty="0">
                <a:solidFill>
                  <a:srgbClr val="000000"/>
                </a:solidFill>
                <a:latin typeface="Arial" pitchFamily="34" charset="0"/>
              </a:endParaRPr>
            </a:p>
          </p:txBody>
        </p:sp>
      </p:grpSp>
      <p:sp>
        <p:nvSpPr>
          <p:cNvPr id="57504" name="Line 160"/>
          <p:cNvSpPr>
            <a:spLocks noChangeShapeType="1"/>
          </p:cNvSpPr>
          <p:nvPr/>
        </p:nvSpPr>
        <p:spPr bwMode="auto">
          <a:xfrm>
            <a:off x="1507678" y="2556510"/>
            <a:ext cx="4879181" cy="0"/>
          </a:xfrm>
          <a:prstGeom prst="line">
            <a:avLst/>
          </a:prstGeom>
          <a:noFill/>
          <a:ln w="57150">
            <a:solidFill>
              <a:srgbClr val="333333">
                <a:alpha val="79999"/>
              </a:srgbClr>
            </a:solidFill>
            <a:round/>
            <a:headEnd/>
            <a:tailEnd type="triangle"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sp>
        <p:nvSpPr>
          <p:cNvPr id="57563" name="Line 219"/>
          <p:cNvSpPr>
            <a:spLocks noChangeShapeType="1"/>
          </p:cNvSpPr>
          <p:nvPr/>
        </p:nvSpPr>
        <p:spPr bwMode="auto">
          <a:xfrm>
            <a:off x="1489818" y="4227934"/>
            <a:ext cx="4907756" cy="0"/>
          </a:xfrm>
          <a:prstGeom prst="line">
            <a:avLst/>
          </a:prstGeom>
          <a:noFill/>
          <a:ln w="57150">
            <a:solidFill>
              <a:srgbClr val="333333">
                <a:alpha val="79999"/>
              </a:srgbClr>
            </a:solidFill>
            <a:round/>
            <a:headEnd/>
            <a:tailEnd type="triangle" w="lg" len="lg"/>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e-CH" sz="1013"/>
          </a:p>
        </p:txBody>
      </p:sp>
      <p:grpSp>
        <p:nvGrpSpPr>
          <p:cNvPr id="78988" name="Group 140"/>
          <p:cNvGrpSpPr>
            <a:grpSpLocks/>
          </p:cNvGrpSpPr>
          <p:nvPr/>
        </p:nvGrpSpPr>
        <p:grpSpPr bwMode="auto">
          <a:xfrm rot="533208">
            <a:off x="3685709" y="2389510"/>
            <a:ext cx="1995488" cy="2037160"/>
            <a:chOff x="4733" y="1014"/>
            <a:chExt cx="1112" cy="1135"/>
          </a:xfrm>
        </p:grpSpPr>
        <p:pic>
          <p:nvPicPr>
            <p:cNvPr id="23596" name="Picture 159"/>
            <p:cNvPicPr>
              <a:picLocks noChangeAspect="1" noChangeArrowheads="1"/>
            </p:cNvPicPr>
            <p:nvPr/>
          </p:nvPicPr>
          <p:blipFill>
            <a:blip r:embed="rId11">
              <a:extLst>
                <a:ext uri="{28A0092B-C50C-407E-A947-70E740481C1C}">
                  <a14:useLocalDpi xmlns:a14="http://schemas.microsoft.com/office/drawing/2010/main" val="0"/>
                </a:ext>
              </a:extLst>
            </a:blip>
            <a:srcRect l="16562" t="15115" r="47444" b="8315"/>
            <a:stretch>
              <a:fillRect/>
            </a:stretch>
          </p:blipFill>
          <p:spPr bwMode="auto">
            <a:xfrm>
              <a:off x="4850" y="1014"/>
              <a:ext cx="854" cy="11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3597" name="Text Box 217"/>
            <p:cNvSpPr txBox="1">
              <a:spLocks noChangeArrowheads="1"/>
            </p:cNvSpPr>
            <p:nvPr/>
          </p:nvSpPr>
          <p:spPr bwMode="auto">
            <a:xfrm rot="19081162">
              <a:off x="4733" y="1432"/>
              <a:ext cx="1112" cy="3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lvl1pPr>
                <a:spcBef>
                  <a:spcPct val="20000"/>
                </a:spcBef>
                <a:buChar char="•"/>
                <a:defRPr sz="2800">
                  <a:solidFill>
                    <a:schemeClr val="tx1"/>
                  </a:solidFill>
                  <a:latin typeface="Arial" panose="020B0604020202020204" pitchFamily="34" charset="0"/>
                </a:defRPr>
              </a:lvl1pPr>
              <a:lvl2pPr marL="742950" indent="-285750">
                <a:spcBef>
                  <a:spcPct val="20000"/>
                </a:spcBef>
                <a:buChar char="–"/>
                <a:defRPr sz="2400">
                  <a:solidFill>
                    <a:schemeClr val="tx1"/>
                  </a:solidFill>
                  <a:latin typeface="Arial" panose="020B0604020202020204" pitchFamily="34" charset="0"/>
                </a:defRPr>
              </a:lvl2pPr>
              <a:lvl3pPr marL="1143000" indent="-228600">
                <a:spcBef>
                  <a:spcPct val="20000"/>
                </a:spcBef>
                <a:buChar char="•"/>
                <a:defRPr sz="2000">
                  <a:solidFill>
                    <a:schemeClr val="tx1"/>
                  </a:solidFill>
                  <a:latin typeface="Arial" panose="020B0604020202020204" pitchFamily="34" charset="0"/>
                </a:defRPr>
              </a:lvl3pPr>
              <a:lvl4pPr marL="1600200" indent="-228600">
                <a:spcBef>
                  <a:spcPct val="20000"/>
                </a:spcBef>
                <a:buChar char="–"/>
                <a:defRPr>
                  <a:solidFill>
                    <a:schemeClr val="tx1"/>
                  </a:solidFill>
                  <a:latin typeface="Arial" panose="020B0604020202020204" pitchFamily="34" charset="0"/>
                </a:defRPr>
              </a:lvl4pPr>
              <a:lvl5pPr marL="2057400" indent="-228600">
                <a:spcBef>
                  <a:spcPct val="20000"/>
                </a:spcBef>
                <a:buChar char="»"/>
                <a:defRPr>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a:solidFill>
                    <a:schemeClr val="tx1"/>
                  </a:solidFill>
                  <a:latin typeface="Arial" panose="020B0604020202020204" pitchFamily="34" charset="0"/>
                </a:defRPr>
              </a:lvl9pPr>
            </a:lstStyle>
            <a:p>
              <a:pPr algn="ctr">
                <a:spcBef>
                  <a:spcPct val="10000"/>
                </a:spcBef>
                <a:spcAft>
                  <a:spcPct val="10000"/>
                </a:spcAft>
                <a:buFont typeface="Wingdings" panose="05000000000000000000" pitchFamily="2" charset="2"/>
                <a:buNone/>
              </a:pPr>
              <a:r>
                <a:rPr lang="es-419" altLang="de-DE" sz="1800" b="1" dirty="0">
                  <a:solidFill>
                    <a:srgbClr val="CC0000"/>
                  </a:solidFill>
                  <a:latin typeface="Dax-Regular"/>
                  <a:cs typeface="Arial" panose="020B0604020202020204" pitchFamily="34" charset="0"/>
                </a:rPr>
                <a:t>definición de flujo de trabajo</a:t>
              </a:r>
            </a:p>
          </p:txBody>
        </p:sp>
      </p:grpSp>
      <p:sp>
        <p:nvSpPr>
          <p:cNvPr id="2" name="Titel 1"/>
          <p:cNvSpPr>
            <a:spLocks noGrp="1"/>
          </p:cNvSpPr>
          <p:nvPr>
            <p:ph type="title"/>
          </p:nvPr>
        </p:nvSpPr>
        <p:spPr/>
        <p:txBody>
          <a:bodyPr/>
          <a:lstStyle/>
          <a:p>
            <a:r>
              <a:rPr lang="es-419" dirty="0"/>
              <a:t>Iniciando con 17 Restricciones de Derecho Público</a:t>
            </a:r>
            <a:br>
              <a:rPr lang="es-419" altLang="de-DE" dirty="0">
                <a:cs typeface="Arial" panose="020B0604020202020204" pitchFamily="34" charset="0"/>
              </a:rPr>
            </a:br>
            <a:r>
              <a:rPr lang="es-419" altLang="de-DE" sz="1500" b="0" dirty="0">
                <a:cs typeface="Arial" panose="020B0604020202020204" pitchFamily="34" charset="0"/>
              </a:rPr>
              <a:t>(cobertura completa en 2020)</a:t>
            </a:r>
            <a:endParaRPr lang="es-419" sz="1500" b="0" dirty="0"/>
          </a:p>
        </p:txBody>
      </p:sp>
      <p:sp>
        <p:nvSpPr>
          <p:cNvPr id="144" name="Rectangle 12">
            <a:extLst>
              <a:ext uri="{FF2B5EF4-FFF2-40B4-BE49-F238E27FC236}">
                <a16:creationId xmlns:a16="http://schemas.microsoft.com/office/drawing/2014/main" id="{58792F9D-8583-489B-93D9-4BF0825DDDE0}"/>
              </a:ext>
            </a:extLst>
          </p:cNvPr>
          <p:cNvSpPr>
            <a:spLocks noChangeArrowheads="1"/>
          </p:cNvSpPr>
          <p:nvPr/>
        </p:nvSpPr>
        <p:spPr bwMode="auto">
          <a:xfrm>
            <a:off x="7656681" y="4045128"/>
            <a:ext cx="1440156"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spcBef>
                <a:spcPct val="20000"/>
              </a:spcBef>
              <a:buChar char="•"/>
              <a:defRPr sz="2800">
                <a:solidFill>
                  <a:schemeClr val="tx1"/>
                </a:solidFill>
                <a:latin typeface="Arial" panose="020B0604020202020204" pitchFamily="34" charset="0"/>
              </a:defRPr>
            </a:lvl1pPr>
            <a:lvl2pPr marL="742950" indent="-285750">
              <a:spcBef>
                <a:spcPct val="20000"/>
              </a:spcBef>
              <a:buChar char="–"/>
              <a:defRPr sz="2400">
                <a:solidFill>
                  <a:schemeClr val="tx1"/>
                </a:solidFill>
                <a:latin typeface="Arial" panose="020B0604020202020204" pitchFamily="34" charset="0"/>
              </a:defRPr>
            </a:lvl2pPr>
            <a:lvl3pPr marL="1143000" indent="-228600">
              <a:spcBef>
                <a:spcPct val="20000"/>
              </a:spcBef>
              <a:buChar char="•"/>
              <a:defRPr sz="2000">
                <a:solidFill>
                  <a:schemeClr val="tx1"/>
                </a:solidFill>
                <a:latin typeface="Arial" panose="020B0604020202020204" pitchFamily="34" charset="0"/>
              </a:defRPr>
            </a:lvl3pPr>
            <a:lvl4pPr marL="1600200" indent="-228600">
              <a:spcBef>
                <a:spcPct val="20000"/>
              </a:spcBef>
              <a:buChar char="–"/>
              <a:defRPr>
                <a:solidFill>
                  <a:schemeClr val="tx1"/>
                </a:solidFill>
                <a:latin typeface="Arial" panose="020B0604020202020204" pitchFamily="34" charset="0"/>
              </a:defRPr>
            </a:lvl4pPr>
            <a:lvl5pPr marL="2057400" indent="-228600">
              <a:spcBef>
                <a:spcPct val="20000"/>
              </a:spcBef>
              <a:buChar char="»"/>
              <a:defRPr>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a:solidFill>
                  <a:schemeClr val="tx1"/>
                </a:solidFill>
                <a:latin typeface="Arial" panose="020B0604020202020204" pitchFamily="34" charset="0"/>
              </a:defRPr>
            </a:lvl9pPr>
          </a:lstStyle>
          <a:p>
            <a:pPr algn="r">
              <a:spcBef>
                <a:spcPct val="0"/>
              </a:spcBef>
              <a:buNone/>
            </a:pPr>
            <a:r>
              <a:rPr lang="es-419" altLang="de-DE" sz="1500" dirty="0">
                <a:solidFill>
                  <a:srgbClr val="C00000"/>
                </a:solidFill>
                <a:latin typeface="+mn-lt"/>
                <a:ea typeface="+mj-ea"/>
                <a:cs typeface="Arial" panose="020B0604020202020204" pitchFamily="34" charset="0"/>
                <a:sym typeface="Wingdings" panose="05000000000000000000" pitchFamily="2" charset="2"/>
              </a:rPr>
              <a:t>(otros 6 temas hasta 2023)</a:t>
            </a:r>
            <a:endParaRPr lang="es-419" altLang="de-DE" sz="1500" dirty="0">
              <a:solidFill>
                <a:srgbClr val="C00000"/>
              </a:solidFill>
              <a:latin typeface="+mn-lt"/>
              <a:ea typeface="+mj-ea"/>
              <a:cs typeface="Arial" panose="020B0604020202020204" pitchFamily="34" charset="0"/>
            </a:endParaRPr>
          </a:p>
        </p:txBody>
      </p:sp>
    </p:spTree>
    <p:extLst>
      <p:ext uri="{BB962C8B-B14F-4D97-AF65-F5344CB8AC3E}">
        <p14:creationId xmlns:p14="http://schemas.microsoft.com/office/powerpoint/2010/main" val="17258878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2" presetClass="entr" presetSubtype="8" fill="hold" nodeType="clickEffect">
                                  <p:stCondLst>
                                    <p:cond delay="0"/>
                                  </p:stCondLst>
                                  <p:childTnLst>
                                    <p:set>
                                      <p:cBhvr>
                                        <p:cTn id="6" dur="1" fill="hold">
                                          <p:stCondLst>
                                            <p:cond delay="0"/>
                                          </p:stCondLst>
                                        </p:cTn>
                                        <p:tgtEl>
                                          <p:spTgt spid="57504"/>
                                        </p:tgtEl>
                                        <p:attrNameLst>
                                          <p:attrName>style.visibility</p:attrName>
                                        </p:attrNameLst>
                                      </p:cBhvr>
                                      <p:to>
                                        <p:strVal val="visible"/>
                                      </p:to>
                                    </p:set>
                                    <p:animEffect transition="in" filter="wipe(left)">
                                      <p:cBhvr>
                                        <p:cTn id="7" dur="1000"/>
                                        <p:tgtEl>
                                          <p:spTgt spid="57504"/>
                                        </p:tgtEl>
                                      </p:cBhvr>
                                    </p:animEffect>
                                  </p:childTnLst>
                                </p:cTn>
                              </p:par>
                            </p:childTnLst>
                          </p:cTn>
                        </p:par>
                        <p:par>
                          <p:cTn id="8" fill="hold" nodeType="afterGroup">
                            <p:stCondLst>
                              <p:cond delay="1000"/>
                            </p:stCondLst>
                            <p:childTnLst>
                              <p:par>
                                <p:cTn id="9" presetID="22" presetClass="entr" presetSubtype="8" fill="hold" nodeType="afterEffect">
                                  <p:stCondLst>
                                    <p:cond delay="500"/>
                                  </p:stCondLst>
                                  <p:childTnLst>
                                    <p:set>
                                      <p:cBhvr>
                                        <p:cTn id="10" dur="1" fill="hold">
                                          <p:stCondLst>
                                            <p:cond delay="0"/>
                                          </p:stCondLst>
                                        </p:cTn>
                                        <p:tgtEl>
                                          <p:spTgt spid="57563"/>
                                        </p:tgtEl>
                                        <p:attrNameLst>
                                          <p:attrName>style.visibility</p:attrName>
                                        </p:attrNameLst>
                                      </p:cBhvr>
                                      <p:to>
                                        <p:strVal val="visible"/>
                                      </p:to>
                                    </p:set>
                                    <p:animEffect transition="in" filter="wipe(left)">
                                      <p:cBhvr>
                                        <p:cTn id="11" dur="1000"/>
                                        <p:tgtEl>
                                          <p:spTgt spid="57563"/>
                                        </p:tgtEl>
                                      </p:cBhvr>
                                    </p:animEffect>
                                  </p:childTnLst>
                                </p:cTn>
                              </p:par>
                            </p:childTnLst>
                          </p:cTn>
                        </p:par>
                        <p:par>
                          <p:cTn id="12" fill="hold" nodeType="afterGroup">
                            <p:stCondLst>
                              <p:cond delay="2500"/>
                            </p:stCondLst>
                            <p:childTnLst>
                              <p:par>
                                <p:cTn id="13" presetID="53" presetClass="entr" presetSubtype="0" fill="hold" nodeType="afterEffect">
                                  <p:stCondLst>
                                    <p:cond delay="0"/>
                                  </p:stCondLst>
                                  <p:childTnLst>
                                    <p:set>
                                      <p:cBhvr>
                                        <p:cTn id="14" dur="1" fill="hold">
                                          <p:stCondLst>
                                            <p:cond delay="0"/>
                                          </p:stCondLst>
                                        </p:cTn>
                                        <p:tgtEl>
                                          <p:spTgt spid="78988"/>
                                        </p:tgtEl>
                                        <p:attrNameLst>
                                          <p:attrName>style.visibility</p:attrName>
                                        </p:attrNameLst>
                                      </p:cBhvr>
                                      <p:to>
                                        <p:strVal val="visible"/>
                                      </p:to>
                                    </p:set>
                                    <p:anim calcmode="lin" valueType="num">
                                      <p:cBhvr>
                                        <p:cTn id="15" dur="1000" fill="hold"/>
                                        <p:tgtEl>
                                          <p:spTgt spid="78988"/>
                                        </p:tgtEl>
                                        <p:attrNameLst>
                                          <p:attrName>ppt_w</p:attrName>
                                        </p:attrNameLst>
                                      </p:cBhvr>
                                      <p:tavLst>
                                        <p:tav tm="0">
                                          <p:val>
                                            <p:fltVal val="0"/>
                                          </p:val>
                                        </p:tav>
                                        <p:tav tm="100000">
                                          <p:val>
                                            <p:strVal val="#ppt_w"/>
                                          </p:val>
                                        </p:tav>
                                      </p:tavLst>
                                    </p:anim>
                                    <p:anim calcmode="lin" valueType="num">
                                      <p:cBhvr>
                                        <p:cTn id="16" dur="1000" fill="hold"/>
                                        <p:tgtEl>
                                          <p:spTgt spid="78988"/>
                                        </p:tgtEl>
                                        <p:attrNameLst>
                                          <p:attrName>ppt_h</p:attrName>
                                        </p:attrNameLst>
                                      </p:cBhvr>
                                      <p:tavLst>
                                        <p:tav tm="0">
                                          <p:val>
                                            <p:fltVal val="0"/>
                                          </p:val>
                                        </p:tav>
                                        <p:tav tm="100000">
                                          <p:val>
                                            <p:strVal val="#ppt_h"/>
                                          </p:val>
                                        </p:tav>
                                      </p:tavLst>
                                    </p:anim>
                                    <p:animEffect transition="in" filter="fade">
                                      <p:cBhvr>
                                        <p:cTn id="17" dur="1000"/>
                                        <p:tgtEl>
                                          <p:spTgt spid="78988"/>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grpId="0" nodeType="clickEffect">
                                  <p:stCondLst>
                                    <p:cond delay="0"/>
                                  </p:stCondLst>
                                  <p:childTnLst>
                                    <p:set>
                                      <p:cBhvr>
                                        <p:cTn id="21" dur="1" fill="hold">
                                          <p:stCondLst>
                                            <p:cond delay="0"/>
                                          </p:stCondLst>
                                        </p:cTn>
                                        <p:tgtEl>
                                          <p:spTgt spid="144"/>
                                        </p:tgtEl>
                                        <p:attrNameLst>
                                          <p:attrName>style.visibility</p:attrName>
                                        </p:attrNameLst>
                                      </p:cBhvr>
                                      <p:to>
                                        <p:strVal val="visible"/>
                                      </p:to>
                                    </p:set>
                                    <p:animEffect transition="in" filter="wipe(left)">
                                      <p:cBhvr>
                                        <p:cTn id="22" dur="750"/>
                                        <p:tgtEl>
                                          <p:spTgt spid="14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4"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41378" name="Rectangle 2"/>
          <p:cNvSpPr>
            <a:spLocks noGrp="1" noChangeArrowheads="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eaLnBrk="0" fontAlgn="base" hangingPunct="0">
              <a:spcAft>
                <a:spcPct val="0"/>
              </a:spcAft>
            </a:pPr>
            <a:r>
              <a:rPr lang="es-CO" dirty="0">
                <a:solidFill>
                  <a:srgbClr val="C00000"/>
                </a:solidFill>
                <a:latin typeface="+mn-lt"/>
                <a:cs typeface="Calibri" panose="020F0502020204030204" pitchFamily="34" charset="0"/>
              </a:rPr>
              <a:t>Población</a:t>
            </a:r>
          </a:p>
        </p:txBody>
      </p:sp>
      <p:pic>
        <p:nvPicPr>
          <p:cNvPr id="3" name="Grafik 2">
            <a:extLst>
              <a:ext uri="{FF2B5EF4-FFF2-40B4-BE49-F238E27FC236}">
                <a16:creationId xmlns:a16="http://schemas.microsoft.com/office/drawing/2014/main" id="{428040EC-306B-E79C-86CF-4DCC706B76B0}"/>
              </a:ext>
            </a:extLst>
          </p:cNvPr>
          <p:cNvPicPr>
            <a:picLocks noChangeAspect="1"/>
          </p:cNvPicPr>
          <p:nvPr/>
        </p:nvPicPr>
        <p:blipFill rotWithShape="1">
          <a:blip r:embed="rId3"/>
          <a:srcRect l="11150" t="12200" r="17452" b="27106"/>
          <a:stretch/>
        </p:blipFill>
        <p:spPr>
          <a:xfrm>
            <a:off x="1439998" y="776805"/>
            <a:ext cx="6132330" cy="3909727"/>
          </a:xfrm>
          <a:prstGeom prst="rect">
            <a:avLst/>
          </a:prstGeom>
        </p:spPr>
      </p:pic>
    </p:spTree>
    <p:extLst>
      <p:ext uri="{BB962C8B-B14F-4D97-AF65-F5344CB8AC3E}">
        <p14:creationId xmlns:p14="http://schemas.microsoft.com/office/powerpoint/2010/main" val="1435207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r>
              <a:rPr lang="es-ES" dirty="0"/>
              <a:t>El mundo está evolucionando: ¡el catastro sigue en 2D!</a:t>
            </a:r>
            <a:endParaRPr lang="de-CH" dirty="0"/>
          </a:p>
        </p:txBody>
      </p:sp>
      <p:pic>
        <p:nvPicPr>
          <p:cNvPr id="6" name="Espace réservé du contenu 3"/>
          <p:cNvPicPr>
            <a:picLocks noChangeAspect="1"/>
          </p:cNvPicPr>
          <p:nvPr/>
        </p:nvPicPr>
        <p:blipFill rotWithShape="1">
          <a:blip r:embed="rId3">
            <a:extLst>
              <a:ext uri="{28A0092B-C50C-407E-A947-70E740481C1C}">
                <a14:useLocalDpi xmlns:a14="http://schemas.microsoft.com/office/drawing/2010/main" val="0"/>
              </a:ext>
            </a:extLst>
          </a:blip>
          <a:srcRect l="61894" t="2542" r="1427" b="2287"/>
          <a:stretch/>
        </p:blipFill>
        <p:spPr>
          <a:xfrm>
            <a:off x="5508104" y="1165813"/>
            <a:ext cx="2698227" cy="342000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4" name="Picture 3"/>
          <p:cNvPicPr>
            <a:picLocks noChangeAspect="1" noChangeArrowheads="1"/>
          </p:cNvPicPr>
          <p:nvPr/>
        </p:nvPicPr>
        <p:blipFill rotWithShape="1">
          <a:blip r:embed="rId4">
            <a:extLst>
              <a:ext uri="{28A0092B-C50C-407E-A947-70E740481C1C}">
                <a14:useLocalDpi xmlns:a14="http://schemas.microsoft.com/office/drawing/2010/main" val="0"/>
              </a:ext>
            </a:extLst>
          </a:blip>
          <a:srcRect l="-12" t="1059" r="12" b="3592"/>
          <a:stretch/>
        </p:blipFill>
        <p:spPr bwMode="auto">
          <a:xfrm>
            <a:off x="2483768" y="1131590"/>
            <a:ext cx="2520000" cy="1609879"/>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 name="Picture 2"/>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318" t="-331" r="26376" b="331"/>
          <a:stretch/>
        </p:blipFill>
        <p:spPr bwMode="auto">
          <a:xfrm>
            <a:off x="2483768" y="2931790"/>
            <a:ext cx="2520000" cy="1654023"/>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2040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7650" name="Grafik 2"/>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364087" y="3069325"/>
            <a:ext cx="3394151" cy="16644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itel 3"/>
          <p:cNvSpPr>
            <a:spLocks noGrp="1"/>
          </p:cNvSpPr>
          <p:nvPr>
            <p:ph type="title"/>
          </p:nvPr>
        </p:nvSpPr>
        <p:spPr/>
        <p:txBody>
          <a:bodyPr/>
          <a:lstStyle/>
          <a:p>
            <a:pPr>
              <a:defRPr/>
            </a:pPr>
            <a:r>
              <a:rPr lang="en-GB" dirty="0"/>
              <a:t>«</a:t>
            </a:r>
            <a:r>
              <a:rPr lang="es-ES" dirty="0"/>
              <a:t>Hay caos en el subsuelo</a:t>
            </a:r>
            <a:r>
              <a:rPr lang="en-GB" dirty="0"/>
              <a:t>»</a:t>
            </a:r>
          </a:p>
        </p:txBody>
      </p:sp>
      <p:sp>
        <p:nvSpPr>
          <p:cNvPr id="27652" name="Inhaltsplatzhalter 4"/>
          <p:cNvSpPr>
            <a:spLocks noGrp="1"/>
          </p:cNvSpPr>
          <p:nvPr>
            <p:ph idx="1"/>
          </p:nvPr>
        </p:nvSpPr>
        <p:spPr>
          <a:xfrm>
            <a:off x="1547664" y="987574"/>
            <a:ext cx="6120680" cy="2294799"/>
          </a:xfrm>
          <a:noFill/>
        </p:spPr>
        <p:txBody>
          <a:bodyPr/>
          <a:lstStyle/>
          <a:p>
            <a:r>
              <a:rPr lang="es-ES" altLang="de-DE" sz="1350" dirty="0"/>
              <a:t>Postulado por un miembro del Parlamento en 2011: Se solicita al Gobierno que explique:</a:t>
            </a:r>
          </a:p>
          <a:p>
            <a:pPr lvl="1"/>
            <a:r>
              <a:rPr lang="es-ES" altLang="de-DE" sz="1350" dirty="0">
                <a:latin typeface="+mn-lt"/>
              </a:rPr>
              <a:t>(i) cómo se regula legalmente el uso del metro; y</a:t>
            </a:r>
          </a:p>
          <a:p>
            <a:pPr lvl="1"/>
            <a:r>
              <a:rPr lang="es-ES" altLang="de-DE" sz="1350" dirty="0">
                <a:latin typeface="+mn-lt"/>
              </a:rPr>
              <a:t>(ii) qué oportunidades y conceptos existen para una mejor regulación y un uso sostenible del metro.</a:t>
            </a:r>
          </a:p>
          <a:p>
            <a:pPr marL="257175" lvl="1" indent="-257175"/>
            <a:r>
              <a:rPr lang="es-ES" altLang="de-DE" sz="1350" dirty="0">
                <a:latin typeface="+mn-lt"/>
                <a:ea typeface="+mn-ea"/>
              </a:rPr>
              <a:t>Recomendación de la Oficina Federal de Desarrollo Territorial (ARE) de 2014:</a:t>
            </a:r>
            <a:endParaRPr lang="en-GB" altLang="de-DE" sz="1350" dirty="0">
              <a:latin typeface="+mn-lt"/>
              <a:ea typeface="+mn-ea"/>
            </a:endParaRPr>
          </a:p>
          <a:p>
            <a:pPr marL="342900" lvl="1" indent="0">
              <a:buNone/>
            </a:pPr>
            <a:r>
              <a:rPr lang="es-ES" altLang="de-DE" sz="1350" b="1" dirty="0">
                <a:latin typeface="+mn-lt"/>
              </a:rPr>
              <a:t>… para investigar cómo la extensión del catastro oficial y del catastro de restricciones ​​al subsuelo, así como la armonización del catastro de servicios públicos subterráneos, pueden ayudar </a:t>
            </a:r>
            <a:br>
              <a:rPr lang="es-ES" altLang="de-DE" sz="1350" b="1" dirty="0">
                <a:latin typeface="+mn-lt"/>
              </a:rPr>
            </a:br>
            <a:r>
              <a:rPr lang="es-ES" altLang="de-DE" sz="1350" b="1" dirty="0">
                <a:latin typeface="+mn-lt"/>
              </a:rPr>
              <a:t>a satisfacer los requisitos de </a:t>
            </a:r>
            <a:br>
              <a:rPr lang="es-ES" altLang="de-DE" sz="1350" b="1" dirty="0">
                <a:latin typeface="+mn-lt"/>
              </a:rPr>
            </a:br>
            <a:r>
              <a:rPr lang="es-ES" altLang="de-DE" sz="1350" b="1" dirty="0">
                <a:latin typeface="+mn-lt"/>
              </a:rPr>
              <a:t>la tercera dimensión.</a:t>
            </a:r>
            <a:endParaRPr lang="en-GB" altLang="de-DE" sz="1350" b="1" dirty="0">
              <a:latin typeface="+mn-lt"/>
            </a:endParaRPr>
          </a:p>
        </p:txBody>
      </p:sp>
    </p:spTree>
    <p:extLst>
      <p:ext uri="{BB962C8B-B14F-4D97-AF65-F5344CB8AC3E}">
        <p14:creationId xmlns:p14="http://schemas.microsoft.com/office/powerpoint/2010/main" val="26329160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es-419" dirty="0"/>
              <a:t>Contenido</a:t>
            </a:r>
            <a:endParaRPr lang="en-GB" dirty="0"/>
          </a:p>
        </p:txBody>
      </p:sp>
      <p:sp>
        <p:nvSpPr>
          <p:cNvPr id="4" name="Textfeld 3"/>
          <p:cNvSpPr txBox="1"/>
          <p:nvPr/>
        </p:nvSpPr>
        <p:spPr>
          <a:xfrm>
            <a:off x="1403648" y="996280"/>
            <a:ext cx="6984776" cy="3231654"/>
          </a:xfrm>
          <a:prstGeom prst="rect">
            <a:avLst/>
          </a:prstGeom>
          <a:solidFill>
            <a:srgbClr val="EAEAEA"/>
          </a:solidFill>
        </p:spPr>
        <p:txBody>
          <a:bodyPr wrap="square" rtlCol="0">
            <a:spAutoFit/>
          </a:bodyPr>
          <a:lstStyle>
            <a:defPPr>
              <a:defRPr lang="en-US"/>
            </a:defPPr>
            <a:lvl1pPr marL="342900" indent="-342900">
              <a:spcBef>
                <a:spcPts val="1200"/>
              </a:spcBef>
              <a:buFont typeface="Wingdings" panose="05000000000000000000" pitchFamily="2" charset="2"/>
              <a:buChar char="Ø"/>
              <a:defRPr sz="2000" b="1"/>
            </a:lvl1pPr>
            <a:lvl2pPr marL="800100" lvl="1" indent="-342900">
              <a:spcBef>
                <a:spcPts val="1200"/>
              </a:spcBef>
              <a:buFont typeface="Wingdings" panose="05000000000000000000" pitchFamily="2" charset="2"/>
              <a:buChar char="Ø"/>
            </a:lvl2pPr>
          </a:lstStyle>
          <a:p>
            <a:r>
              <a:rPr lang="es-419" sz="1800" dirty="0">
                <a:solidFill>
                  <a:schemeClr val="bg1">
                    <a:lumMod val="50000"/>
                  </a:schemeClr>
                </a:solidFill>
              </a:rPr>
              <a:t>Sistema Catastral en Suiza</a:t>
            </a:r>
          </a:p>
          <a:p>
            <a:pPr lvl="1"/>
            <a:r>
              <a:rPr lang="es-419" sz="1600" dirty="0">
                <a:solidFill>
                  <a:schemeClr val="bg1">
                    <a:lumMod val="50000"/>
                  </a:schemeClr>
                </a:solidFill>
              </a:rPr>
              <a:t>Estructura política y administrativa</a:t>
            </a:r>
          </a:p>
          <a:p>
            <a:pPr lvl="1"/>
            <a:r>
              <a:rPr lang="es-419" sz="1600" dirty="0">
                <a:solidFill>
                  <a:schemeClr val="bg1">
                    <a:lumMod val="50000"/>
                  </a:schemeClr>
                </a:solidFill>
              </a:rPr>
              <a:t>Administración de tierras: base legal y organización </a:t>
            </a:r>
          </a:p>
          <a:p>
            <a:pPr lvl="1"/>
            <a:r>
              <a:rPr lang="es-419" sz="1600" dirty="0">
                <a:solidFill>
                  <a:schemeClr val="bg1">
                    <a:lumMod val="50000"/>
                  </a:schemeClr>
                </a:solidFill>
              </a:rPr>
              <a:t>Elementos técnicos y conceptuales</a:t>
            </a:r>
          </a:p>
          <a:p>
            <a:r>
              <a:rPr lang="es-419" sz="1800" dirty="0">
                <a:solidFill>
                  <a:schemeClr val="bg1">
                    <a:lumMod val="50000"/>
                  </a:schemeClr>
                </a:solidFill>
              </a:rPr>
              <a:t>Evolución del Sistema Catastral</a:t>
            </a:r>
          </a:p>
          <a:p>
            <a:pPr lvl="1"/>
            <a:r>
              <a:rPr lang="es-ES" sz="1600" dirty="0">
                <a:solidFill>
                  <a:schemeClr val="bg1">
                    <a:lumMod val="50000"/>
                  </a:schemeClr>
                </a:solidFill>
              </a:rPr>
              <a:t>Digitalización al servicio de las infraestructuras de geodatos</a:t>
            </a:r>
            <a:endParaRPr lang="es-419" sz="1600" dirty="0">
              <a:solidFill>
                <a:schemeClr val="bg1">
                  <a:lumMod val="50000"/>
                </a:schemeClr>
              </a:solidFill>
            </a:endParaRPr>
          </a:p>
          <a:p>
            <a:pPr lvl="1"/>
            <a:r>
              <a:rPr lang="es-ES" sz="1600" dirty="0">
                <a:solidFill>
                  <a:schemeClr val="bg1">
                    <a:lumMod val="50000"/>
                  </a:schemeClr>
                </a:solidFill>
              </a:rPr>
              <a:t>Ampliación de las dimensiones jurídicas y geométricas</a:t>
            </a:r>
            <a:endParaRPr lang="es-419" sz="1600" dirty="0">
              <a:solidFill>
                <a:schemeClr val="bg1">
                  <a:lumMod val="50000"/>
                </a:schemeClr>
              </a:solidFill>
            </a:endParaRPr>
          </a:p>
          <a:p>
            <a:r>
              <a:rPr lang="es-419" sz="1800" dirty="0">
                <a:solidFill>
                  <a:srgbClr val="C00000"/>
                </a:solidFill>
              </a:rPr>
              <a:t>Conclusiones</a:t>
            </a:r>
          </a:p>
        </p:txBody>
      </p:sp>
    </p:spTree>
    <p:extLst>
      <p:ext uri="{BB962C8B-B14F-4D97-AF65-F5344CB8AC3E}">
        <p14:creationId xmlns:p14="http://schemas.microsoft.com/office/powerpoint/2010/main" val="847241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4">
                                            <p:txEl>
                                              <p:pRg st="7" end="7"/>
                                            </p:txEl>
                                          </p:spTgt>
                                        </p:tgtEl>
                                        <p:attrNameLst>
                                          <p:attrName>style.visibility</p:attrName>
                                        </p:attrNameLst>
                                      </p:cBhvr>
                                      <p:to>
                                        <p:strVal val="visible"/>
                                      </p:to>
                                    </p:set>
                                    <p:animEffect transition="in" filter="wipe(left)">
                                      <p:cBhvr>
                                        <p:cTn id="7" dur="500"/>
                                        <p:tgtEl>
                                          <p:spTgt spid="4">
                                            <p:txEl>
                                              <p:pRg st="7" end="7"/>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pPr eaLnBrk="1" hangingPunct="1"/>
            <a:r>
              <a:rPr lang="es-ES" kern="1200" dirty="0">
                <a:latin typeface="+mj-lt"/>
                <a:cs typeface="+mj-cs"/>
              </a:rPr>
              <a:t>La manera suiza de pensar…</a:t>
            </a:r>
            <a:endParaRPr lang="en-GB" kern="1200" dirty="0">
              <a:latin typeface="+mj-lt"/>
              <a:cs typeface="+mj-cs"/>
            </a:endParaRPr>
          </a:p>
        </p:txBody>
      </p:sp>
      <p:sp>
        <p:nvSpPr>
          <p:cNvPr id="3" name="Inhaltsplatzhalter 2"/>
          <p:cNvSpPr>
            <a:spLocks noGrp="1"/>
          </p:cNvSpPr>
          <p:nvPr>
            <p:ph idx="1"/>
          </p:nvPr>
        </p:nvSpPr>
        <p:spPr>
          <a:xfrm>
            <a:off x="1296000" y="1080000"/>
            <a:ext cx="7524472" cy="3408759"/>
          </a:xfrm>
        </p:spPr>
        <p:txBody>
          <a:bodyPr/>
          <a:lstStyle/>
          <a:p>
            <a:pPr>
              <a:spcBef>
                <a:spcPts val="900"/>
              </a:spcBef>
              <a:spcAft>
                <a:spcPts val="900"/>
              </a:spcAft>
            </a:pPr>
            <a:r>
              <a:rPr lang="es-ES" sz="1800" dirty="0"/>
              <a:t>Los socios (horizontal, vertical y sectorialmente) deben compartir datos e información, por lo que el </a:t>
            </a:r>
            <a:r>
              <a:rPr lang="es-ES" sz="1800" b="1" dirty="0">
                <a:solidFill>
                  <a:srgbClr val="C00000"/>
                </a:solidFill>
              </a:rPr>
              <a:t>intercambio de datos </a:t>
            </a:r>
            <a:r>
              <a:rPr lang="es-ES" sz="1800" dirty="0"/>
              <a:t>es esencial;</a:t>
            </a:r>
          </a:p>
          <a:p>
            <a:pPr>
              <a:spcBef>
                <a:spcPts val="900"/>
              </a:spcBef>
              <a:spcAft>
                <a:spcPts val="900"/>
              </a:spcAft>
            </a:pPr>
            <a:r>
              <a:rPr lang="es-ES" sz="1800" dirty="0"/>
              <a:t>es fundamental contar con </a:t>
            </a:r>
            <a:r>
              <a:rPr lang="es-ES" sz="1800" b="1" dirty="0">
                <a:solidFill>
                  <a:srgbClr val="C00000"/>
                </a:solidFill>
              </a:rPr>
              <a:t>modelos de datos </a:t>
            </a:r>
            <a:r>
              <a:rPr lang="es-ES" sz="1800" dirty="0"/>
              <a:t>claramente definidos; ya no hablamos de mapas y planes, sino de conjuntos de datos; los modelos de datos deben estar bajo el control del sector público (no de empresas de software ni organizaciones del sector privado);</a:t>
            </a:r>
          </a:p>
          <a:p>
            <a:pPr>
              <a:spcBef>
                <a:spcPts val="900"/>
              </a:spcBef>
              <a:spcAft>
                <a:spcPts val="900"/>
              </a:spcAft>
            </a:pPr>
            <a:r>
              <a:rPr lang="es-ES" sz="1800" dirty="0"/>
              <a:t>todos los socios deben respetar </a:t>
            </a:r>
            <a:r>
              <a:rPr lang="es-ES" sz="1800" b="1" dirty="0">
                <a:solidFill>
                  <a:srgbClr val="C00000"/>
                </a:solidFill>
              </a:rPr>
              <a:t>los cuatro principios del "Concepto de Integración de Datos Comunes"</a:t>
            </a:r>
            <a:r>
              <a:rPr lang="es-ES" sz="1800" dirty="0"/>
              <a:t>; solo así se podrá establecer y operar una Infraestructura de Geodatos modular y flexible.</a:t>
            </a:r>
          </a:p>
        </p:txBody>
      </p:sp>
    </p:spTree>
    <p:extLst>
      <p:ext uri="{BB962C8B-B14F-4D97-AF65-F5344CB8AC3E}">
        <p14:creationId xmlns:p14="http://schemas.microsoft.com/office/powerpoint/2010/main" val="14358441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dirty="0"/>
              <a:t>References</a:t>
            </a:r>
          </a:p>
        </p:txBody>
      </p:sp>
      <p:sp>
        <p:nvSpPr>
          <p:cNvPr id="3" name="Inhaltsplatzhalter 2"/>
          <p:cNvSpPr>
            <a:spLocks noGrp="1"/>
          </p:cNvSpPr>
          <p:nvPr>
            <p:ph idx="1"/>
          </p:nvPr>
        </p:nvSpPr>
        <p:spPr/>
        <p:txBody>
          <a:bodyPr/>
          <a:lstStyle/>
          <a:p>
            <a:pPr>
              <a:spcBef>
                <a:spcPts val="600"/>
              </a:spcBef>
              <a:spcAft>
                <a:spcPts val="600"/>
              </a:spcAft>
            </a:pPr>
            <a:r>
              <a:rPr lang="en-GB" sz="1800" dirty="0">
                <a:hlinkClick r:id="rId2"/>
              </a:rPr>
              <a:t>www.cadastre.ch</a:t>
            </a:r>
            <a:endParaRPr lang="en-GB" sz="1800" dirty="0"/>
          </a:p>
          <a:p>
            <a:pPr>
              <a:spcBef>
                <a:spcPts val="600"/>
              </a:spcBef>
              <a:spcAft>
                <a:spcPts val="600"/>
              </a:spcAft>
            </a:pPr>
            <a:r>
              <a:rPr lang="en-GB" sz="1800" dirty="0"/>
              <a:t>Switzerland on </a:t>
            </a:r>
            <a:r>
              <a:rPr lang="en-GB" sz="1800" dirty="0">
                <a:hlinkClick r:id="rId3"/>
              </a:rPr>
              <a:t>www.cadastraltemplate.org</a:t>
            </a:r>
            <a:r>
              <a:rPr lang="en-GB" sz="1800" dirty="0"/>
              <a:t> </a:t>
            </a:r>
          </a:p>
          <a:p>
            <a:pPr>
              <a:spcBef>
                <a:spcPts val="600"/>
              </a:spcBef>
              <a:spcAft>
                <a:spcPts val="600"/>
              </a:spcAft>
            </a:pPr>
            <a:r>
              <a:rPr lang="en-GB" sz="1800" dirty="0"/>
              <a:t>Legal basis for geoinformation and cadastral surveying </a:t>
            </a:r>
            <a:r>
              <a:rPr lang="en-GB" sz="1800" dirty="0">
                <a:hlinkClick r:id="rId4"/>
              </a:rPr>
              <a:t>https://www.cadastre.ch/de/rechtliche-grundlagen</a:t>
            </a:r>
            <a:r>
              <a:rPr lang="en-GB" sz="1800" dirty="0"/>
              <a:t> (German, French, Italian)</a:t>
            </a:r>
          </a:p>
          <a:p>
            <a:pPr>
              <a:spcBef>
                <a:spcPts val="600"/>
              </a:spcBef>
              <a:spcAft>
                <a:spcPts val="600"/>
              </a:spcAft>
            </a:pPr>
            <a:endParaRPr lang="en-GB" sz="1800" dirty="0"/>
          </a:p>
          <a:p>
            <a:pPr marL="0" indent="0">
              <a:spcBef>
                <a:spcPts val="600"/>
              </a:spcBef>
              <a:spcAft>
                <a:spcPts val="600"/>
              </a:spcAft>
              <a:buNone/>
            </a:pPr>
            <a:endParaRPr lang="en-GB" sz="1800" dirty="0"/>
          </a:p>
          <a:p>
            <a:pPr marL="0" indent="0">
              <a:spcBef>
                <a:spcPts val="600"/>
              </a:spcBef>
              <a:spcAft>
                <a:spcPts val="600"/>
              </a:spcAft>
              <a:buNone/>
            </a:pPr>
            <a:r>
              <a:rPr lang="en-GB" sz="1800" dirty="0"/>
              <a:t>  </a:t>
            </a:r>
            <a:r>
              <a:rPr lang="en-GB" sz="1800" dirty="0" err="1"/>
              <a:t>Dr.</a:t>
            </a:r>
            <a:r>
              <a:rPr lang="en-GB" sz="1800" dirty="0"/>
              <a:t> Daniel Steudler (daniel.steudler@geo21.ch)</a:t>
            </a:r>
          </a:p>
        </p:txBody>
      </p:sp>
    </p:spTree>
    <p:extLst>
      <p:ext uri="{BB962C8B-B14F-4D97-AF65-F5344CB8AC3E}">
        <p14:creationId xmlns:p14="http://schemas.microsoft.com/office/powerpoint/2010/main" val="22024195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43426" name="Rectangle 2"/>
          <p:cNvSpPr>
            <a:spLocks noGrp="1" noChangeArrowheads="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eaLnBrk="0" fontAlgn="base" hangingPunct="0">
              <a:spcAft>
                <a:spcPct val="0"/>
              </a:spcAft>
            </a:pPr>
            <a:r>
              <a:rPr lang="es-CO" dirty="0">
                <a:solidFill>
                  <a:srgbClr val="C00000"/>
                </a:solidFill>
                <a:latin typeface="+mn-lt"/>
                <a:cs typeface="Calibri" panose="020F0502020204030204" pitchFamily="34" charset="0"/>
              </a:rPr>
              <a:t>Cuatro idiomas oficiales</a:t>
            </a:r>
          </a:p>
        </p:txBody>
      </p:sp>
      <p:pic>
        <p:nvPicPr>
          <p:cNvPr id="11267" name="Picture 3" descr="Swiss_languages"/>
          <p:cNvPicPr>
            <a:picLocks noGrp="1" noChangeAspect="1" noChangeArrowheads="1"/>
          </p:cNvPicPr>
          <p:nvPr>
            <p:ph idx="1"/>
          </p:nvPr>
        </p:nvPicPr>
        <p:blipFill rotWithShape="1">
          <a:blip r:embed="rId3">
            <a:extLst>
              <a:ext uri="{28A0092B-C50C-407E-A947-70E740481C1C}">
                <a14:useLocalDpi xmlns:a14="http://schemas.microsoft.com/office/drawing/2010/main" val="0"/>
              </a:ext>
            </a:extLst>
          </a:blip>
          <a:srcRect b="4180"/>
          <a:stretch/>
        </p:blipFill>
        <p:spPr>
          <a:xfrm>
            <a:off x="1471595" y="791484"/>
            <a:ext cx="6048183" cy="3931833"/>
          </a:xfrm>
          <a:extLs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4962147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es-419" dirty="0"/>
              <a:t>Contenido</a:t>
            </a:r>
          </a:p>
        </p:txBody>
      </p:sp>
      <p:sp>
        <p:nvSpPr>
          <p:cNvPr id="4" name="Textfeld 3"/>
          <p:cNvSpPr txBox="1"/>
          <p:nvPr/>
        </p:nvSpPr>
        <p:spPr>
          <a:xfrm>
            <a:off x="1403648" y="996280"/>
            <a:ext cx="6984776" cy="3231654"/>
          </a:xfrm>
          <a:prstGeom prst="rect">
            <a:avLst/>
          </a:prstGeom>
          <a:solidFill>
            <a:srgbClr val="EAEAEA"/>
          </a:solidFill>
        </p:spPr>
        <p:txBody>
          <a:bodyPr wrap="square" rtlCol="0">
            <a:spAutoFit/>
          </a:bodyPr>
          <a:lstStyle>
            <a:defPPr>
              <a:defRPr lang="en-US"/>
            </a:defPPr>
            <a:lvl1pPr marL="342900" indent="-342900">
              <a:spcBef>
                <a:spcPts val="1200"/>
              </a:spcBef>
              <a:buFont typeface="Wingdings" panose="05000000000000000000" pitchFamily="2" charset="2"/>
              <a:buChar char="Ø"/>
              <a:defRPr sz="2000" b="1"/>
            </a:lvl1pPr>
            <a:lvl2pPr marL="800100" lvl="1" indent="-342900">
              <a:spcBef>
                <a:spcPts val="1200"/>
              </a:spcBef>
              <a:buFont typeface="Wingdings" panose="05000000000000000000" pitchFamily="2" charset="2"/>
              <a:buChar char="Ø"/>
            </a:lvl2pPr>
          </a:lstStyle>
          <a:p>
            <a:r>
              <a:rPr lang="es-419" sz="1800" dirty="0"/>
              <a:t>Sistema Catastral en Suiza</a:t>
            </a:r>
          </a:p>
          <a:p>
            <a:pPr lvl="1"/>
            <a:r>
              <a:rPr lang="es-419" sz="1600" dirty="0"/>
              <a:t>Estructura política y administrativa</a:t>
            </a:r>
          </a:p>
          <a:p>
            <a:pPr lvl="1"/>
            <a:r>
              <a:rPr lang="es-419" sz="1600" dirty="0"/>
              <a:t>Administración de tierras: base legal y organización </a:t>
            </a:r>
          </a:p>
          <a:p>
            <a:pPr lvl="1"/>
            <a:r>
              <a:rPr lang="es-419" sz="1600" dirty="0"/>
              <a:t>Elementos técnicos y conceptuales</a:t>
            </a:r>
          </a:p>
          <a:p>
            <a:r>
              <a:rPr lang="es-419" sz="1800" dirty="0"/>
              <a:t>Evolución del Sistema Catastral</a:t>
            </a:r>
          </a:p>
          <a:p>
            <a:pPr lvl="1"/>
            <a:r>
              <a:rPr lang="es-ES" sz="1600" dirty="0"/>
              <a:t>Digitalización al servicio de las infraestructuras de geodatos</a:t>
            </a:r>
            <a:endParaRPr lang="es-419" sz="1600" dirty="0"/>
          </a:p>
          <a:p>
            <a:pPr lvl="1"/>
            <a:r>
              <a:rPr lang="es-ES" sz="1600" dirty="0"/>
              <a:t>Ampliación de las dimensiones jurídicas y geométricas</a:t>
            </a:r>
            <a:endParaRPr lang="es-419" sz="1600" dirty="0"/>
          </a:p>
          <a:p>
            <a:r>
              <a:rPr lang="es-419" sz="1800" dirty="0"/>
              <a:t>Conclusiones</a:t>
            </a:r>
          </a:p>
        </p:txBody>
      </p:sp>
    </p:spTree>
    <p:extLst>
      <p:ext uri="{BB962C8B-B14F-4D97-AF65-F5344CB8AC3E}">
        <p14:creationId xmlns:p14="http://schemas.microsoft.com/office/powerpoint/2010/main" val="24317707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es-419" dirty="0"/>
              <a:t>Contenido</a:t>
            </a:r>
            <a:endParaRPr lang="en-GB" dirty="0"/>
          </a:p>
        </p:txBody>
      </p:sp>
      <p:sp>
        <p:nvSpPr>
          <p:cNvPr id="4" name="Textfeld 3"/>
          <p:cNvSpPr txBox="1"/>
          <p:nvPr/>
        </p:nvSpPr>
        <p:spPr>
          <a:xfrm>
            <a:off x="1403648" y="996280"/>
            <a:ext cx="6984776" cy="3231654"/>
          </a:xfrm>
          <a:prstGeom prst="rect">
            <a:avLst/>
          </a:prstGeom>
          <a:solidFill>
            <a:srgbClr val="EAEAEA"/>
          </a:solidFill>
        </p:spPr>
        <p:txBody>
          <a:bodyPr wrap="square" rtlCol="0">
            <a:spAutoFit/>
          </a:bodyPr>
          <a:lstStyle>
            <a:defPPr>
              <a:defRPr lang="en-US"/>
            </a:defPPr>
            <a:lvl1pPr marL="342900" indent="-342900">
              <a:spcBef>
                <a:spcPts val="1200"/>
              </a:spcBef>
              <a:buFont typeface="Wingdings" panose="05000000000000000000" pitchFamily="2" charset="2"/>
              <a:buChar char="Ø"/>
              <a:defRPr sz="2000" b="1"/>
            </a:lvl1pPr>
            <a:lvl2pPr marL="800100" lvl="1" indent="-342900">
              <a:spcBef>
                <a:spcPts val="1200"/>
              </a:spcBef>
              <a:buFont typeface="Wingdings" panose="05000000000000000000" pitchFamily="2" charset="2"/>
              <a:buChar char="Ø"/>
            </a:lvl2pPr>
          </a:lstStyle>
          <a:p>
            <a:r>
              <a:rPr lang="es-419" sz="1800" dirty="0">
                <a:solidFill>
                  <a:srgbClr val="C00000"/>
                </a:solidFill>
              </a:rPr>
              <a:t>Sistema Catastral en Suiza</a:t>
            </a:r>
            <a:endParaRPr lang="en-GB" sz="1800" dirty="0">
              <a:solidFill>
                <a:srgbClr val="C00000"/>
              </a:solidFill>
            </a:endParaRPr>
          </a:p>
          <a:p>
            <a:pPr lvl="1"/>
            <a:r>
              <a:rPr lang="es-419" sz="1600" b="1" dirty="0">
                <a:solidFill>
                  <a:srgbClr val="C00000"/>
                </a:solidFill>
              </a:rPr>
              <a:t>Estructura política y administrativa</a:t>
            </a:r>
            <a:endParaRPr lang="en-GB" sz="1600" b="1" dirty="0">
              <a:solidFill>
                <a:srgbClr val="C00000"/>
              </a:solidFill>
            </a:endParaRPr>
          </a:p>
          <a:p>
            <a:pPr lvl="1"/>
            <a:r>
              <a:rPr lang="es-419" sz="1600" dirty="0">
                <a:solidFill>
                  <a:schemeClr val="bg1">
                    <a:lumMod val="50000"/>
                  </a:schemeClr>
                </a:solidFill>
              </a:rPr>
              <a:t>Administración de tierras: base legal y organización </a:t>
            </a:r>
          </a:p>
          <a:p>
            <a:pPr lvl="1"/>
            <a:r>
              <a:rPr lang="es-419" sz="1600" dirty="0">
                <a:solidFill>
                  <a:schemeClr val="bg1">
                    <a:lumMod val="50000"/>
                  </a:schemeClr>
                </a:solidFill>
              </a:rPr>
              <a:t>Elementos técnicos y conceptuales</a:t>
            </a:r>
          </a:p>
          <a:p>
            <a:r>
              <a:rPr lang="es-419" sz="1800" dirty="0">
                <a:solidFill>
                  <a:schemeClr val="bg1">
                    <a:lumMod val="50000"/>
                  </a:schemeClr>
                </a:solidFill>
              </a:rPr>
              <a:t>Evolución del Sistema Catastral</a:t>
            </a:r>
          </a:p>
          <a:p>
            <a:pPr lvl="1"/>
            <a:r>
              <a:rPr lang="es-ES" sz="1600" dirty="0">
                <a:solidFill>
                  <a:schemeClr val="bg1">
                    <a:lumMod val="50000"/>
                  </a:schemeClr>
                </a:solidFill>
              </a:rPr>
              <a:t>Digitalización al servicio de las infraestructuras de geodatos</a:t>
            </a:r>
            <a:endParaRPr lang="es-419" sz="1600" dirty="0">
              <a:solidFill>
                <a:schemeClr val="bg1">
                  <a:lumMod val="50000"/>
                </a:schemeClr>
              </a:solidFill>
            </a:endParaRPr>
          </a:p>
          <a:p>
            <a:pPr lvl="1"/>
            <a:r>
              <a:rPr lang="es-ES" sz="1600" dirty="0">
                <a:solidFill>
                  <a:schemeClr val="bg1">
                    <a:lumMod val="50000"/>
                  </a:schemeClr>
                </a:solidFill>
              </a:rPr>
              <a:t>Ampliación de las dimensiones jurídicas y geométricas</a:t>
            </a:r>
            <a:endParaRPr lang="es-419" sz="1600" dirty="0">
              <a:solidFill>
                <a:schemeClr val="bg1">
                  <a:lumMod val="50000"/>
                </a:schemeClr>
              </a:solidFill>
            </a:endParaRPr>
          </a:p>
          <a:p>
            <a:r>
              <a:rPr lang="es-419" sz="1800" dirty="0">
                <a:solidFill>
                  <a:schemeClr val="bg1">
                    <a:lumMod val="50000"/>
                  </a:schemeClr>
                </a:solidFill>
              </a:rPr>
              <a:t>Conclusiones</a:t>
            </a:r>
          </a:p>
        </p:txBody>
      </p:sp>
    </p:spTree>
    <p:extLst>
      <p:ext uri="{BB962C8B-B14F-4D97-AF65-F5344CB8AC3E}">
        <p14:creationId xmlns:p14="http://schemas.microsoft.com/office/powerpoint/2010/main" val="16557420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Effect transition="in" filter="wipe(left)">
                                      <p:cBhvr>
                                        <p:cTn id="7" dur="500"/>
                                        <p:tgtEl>
                                          <p:spTgt spid="4">
                                            <p:txEl>
                                              <p:pRg st="0" end="0"/>
                                            </p:txEl>
                                          </p:spTgt>
                                        </p:tgtEl>
                                      </p:cBhvr>
                                    </p:animEffect>
                                  </p:childTnLst>
                                </p:cTn>
                              </p:par>
                              <p:par>
                                <p:cTn id="8" presetID="22" presetClass="entr" presetSubtype="8" fill="hold" nodeType="withEffect">
                                  <p:stCondLst>
                                    <p:cond delay="0"/>
                                  </p:stCondLst>
                                  <p:childTnLst>
                                    <p:set>
                                      <p:cBhvr>
                                        <p:cTn id="9" dur="1" fill="hold">
                                          <p:stCondLst>
                                            <p:cond delay="0"/>
                                          </p:stCondLst>
                                        </p:cTn>
                                        <p:tgtEl>
                                          <p:spTgt spid="4">
                                            <p:txEl>
                                              <p:pRg st="1" end="1"/>
                                            </p:txEl>
                                          </p:spTgt>
                                        </p:tgtEl>
                                        <p:attrNameLst>
                                          <p:attrName>style.visibility</p:attrName>
                                        </p:attrNameLst>
                                      </p:cBhvr>
                                      <p:to>
                                        <p:strVal val="visible"/>
                                      </p:to>
                                    </p:set>
                                    <p:animEffect transition="in" filter="wipe(left)">
                                      <p:cBhvr>
                                        <p:cTn id="10" dur="500"/>
                                        <p:tgtEl>
                                          <p:spTgt spid="4">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7970" name="Rectangle 2"/>
          <p:cNvSpPr>
            <a:spLocks noGrp="1" noChangeArrowheads="1"/>
          </p:cNvSpPr>
          <p:nvPr>
            <p:ph type="title" idx="4294967295"/>
          </p:nvPr>
        </p:nvSpPr>
        <p:spPr>
          <a:xfrm>
            <a:off x="1296000" y="243000"/>
            <a:ext cx="5589000" cy="7290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r>
              <a:rPr lang="es-CO" dirty="0"/>
              <a:t>Un país federado con 26 cantones ...</a:t>
            </a:r>
            <a:endParaRPr lang="en-GB" dirty="0"/>
          </a:p>
        </p:txBody>
      </p:sp>
      <p:pic>
        <p:nvPicPr>
          <p:cNvPr id="13315" name="Picture 3"/>
          <p:cNvPicPr>
            <a:picLocks noGrp="1" noChangeArrowheads="1"/>
          </p:cNvPicPr>
          <p:nvPr>
            <p:ph idx="4294967295"/>
          </p:nvPr>
        </p:nvPicPr>
        <p:blipFill>
          <a:blip r:embed="rId3">
            <a:extLst>
              <a:ext uri="{28A0092B-C50C-407E-A947-70E740481C1C}">
                <a14:useLocalDpi xmlns:a14="http://schemas.microsoft.com/office/drawing/2010/main" val="0"/>
              </a:ext>
            </a:extLst>
          </a:blip>
          <a:srcRect/>
          <a:stretch>
            <a:fillRect/>
          </a:stretch>
        </p:blipFill>
        <p:spPr>
          <a:xfrm>
            <a:off x="2699792" y="1059582"/>
            <a:ext cx="5046149" cy="3376702"/>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3316" name="Text Box 4"/>
          <p:cNvSpPr txBox="1">
            <a:spLocks noChangeArrowheads="1"/>
          </p:cNvSpPr>
          <p:nvPr/>
        </p:nvSpPr>
        <p:spPr bwMode="auto">
          <a:xfrm>
            <a:off x="1331120" y="1006079"/>
            <a:ext cx="2240756" cy="1077218"/>
          </a:xfrm>
          <a:prstGeom prst="rect">
            <a:avLst/>
          </a:prstGeom>
          <a:solidFill>
            <a:srgbClr val="FFCCCC"/>
          </a:solidFill>
          <a:ln>
            <a:noFill/>
          </a:ln>
          <a:effectLst/>
          <a:extLst>
            <a:ext uri="{91240B29-F687-4F45-9708-019B960494DF}">
              <a14:hiddenLine xmlns:a14="http://schemas.microsoft.com/office/drawing/2010/main" w="19050">
                <a:solidFill>
                  <a:srgbClr val="FF0000"/>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bg1"/>
                </a:solidFill>
                <a:latin typeface="Arial" charset="0"/>
              </a:defRPr>
            </a:lvl1pPr>
            <a:lvl2pPr marL="742950" indent="-285750">
              <a:defRPr sz="2800">
                <a:solidFill>
                  <a:schemeClr val="bg1"/>
                </a:solidFill>
                <a:latin typeface="Arial" charset="0"/>
              </a:defRPr>
            </a:lvl2pPr>
            <a:lvl3pPr marL="1143000" indent="-228600">
              <a:defRPr sz="2800">
                <a:solidFill>
                  <a:schemeClr val="bg1"/>
                </a:solidFill>
                <a:latin typeface="Arial" charset="0"/>
              </a:defRPr>
            </a:lvl3pPr>
            <a:lvl4pPr marL="1600200" indent="-228600">
              <a:defRPr sz="2800">
                <a:solidFill>
                  <a:schemeClr val="bg1"/>
                </a:solidFill>
                <a:latin typeface="Arial" charset="0"/>
              </a:defRPr>
            </a:lvl4pPr>
            <a:lvl5pPr marL="2057400" indent="-228600">
              <a:defRPr sz="2800">
                <a:solidFill>
                  <a:schemeClr val="bg1"/>
                </a:solidFill>
                <a:latin typeface="Arial" charset="0"/>
              </a:defRPr>
            </a:lvl5pPr>
            <a:lvl6pPr marL="25146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6pPr>
            <a:lvl7pPr marL="29718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7pPr>
            <a:lvl8pPr marL="34290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8pPr>
            <a:lvl9pPr marL="3886200" indent="-228600" eaLnBrk="0" fontAlgn="base" hangingPunct="0">
              <a:lnSpc>
                <a:spcPct val="93000"/>
              </a:lnSpc>
              <a:spcBef>
                <a:spcPct val="0"/>
              </a:spcBef>
              <a:spcAft>
                <a:spcPct val="0"/>
              </a:spcAft>
              <a:buClr>
                <a:srgbClr val="000000"/>
              </a:buClr>
              <a:buSzPct val="100000"/>
              <a:buFont typeface="Times New Roman" pitchFamily="18" charset="0"/>
              <a:defRPr sz="2800">
                <a:solidFill>
                  <a:schemeClr val="bg1"/>
                </a:solidFill>
                <a:latin typeface="Arial" charset="0"/>
              </a:defRPr>
            </a:lvl9pPr>
          </a:lstStyle>
          <a:p>
            <a:pPr algn="ctr"/>
            <a:r>
              <a:rPr lang="es-CO" altLang="de-DE" sz="1600" dirty="0">
                <a:solidFill>
                  <a:schemeClr val="tx1"/>
                </a:solidFill>
              </a:rPr>
              <a:t>Cantones mantienen sus propios órganos </a:t>
            </a:r>
            <a:r>
              <a:rPr lang="es-CO" altLang="de-DE" sz="1600" b="1" dirty="0">
                <a:solidFill>
                  <a:schemeClr val="tx1"/>
                </a:solidFill>
              </a:rPr>
              <a:t>políticos</a:t>
            </a:r>
            <a:r>
              <a:rPr lang="es-CO" altLang="de-DE" sz="1600" dirty="0">
                <a:solidFill>
                  <a:schemeClr val="tx1"/>
                </a:solidFill>
              </a:rPr>
              <a:t> y </a:t>
            </a:r>
            <a:r>
              <a:rPr lang="es-CO" altLang="de-DE" sz="1600" b="1" dirty="0">
                <a:solidFill>
                  <a:schemeClr val="tx1"/>
                </a:solidFill>
              </a:rPr>
              <a:t>administrativos</a:t>
            </a:r>
            <a:endParaRPr lang="en-GB" altLang="de-DE" sz="1600" b="1" dirty="0">
              <a:solidFill>
                <a:schemeClr val="tx1"/>
              </a:solidFill>
            </a:endParaRPr>
          </a:p>
        </p:txBody>
      </p:sp>
    </p:spTree>
    <p:extLst>
      <p:ext uri="{BB962C8B-B14F-4D97-AF65-F5344CB8AC3E}">
        <p14:creationId xmlns:p14="http://schemas.microsoft.com/office/powerpoint/2010/main" val="42503549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afterEffect">
                                  <p:stCondLst>
                                    <p:cond delay="500"/>
                                  </p:stCondLst>
                                  <p:childTnLst>
                                    <p:set>
                                      <p:cBhvr>
                                        <p:cTn id="6" dur="1" fill="hold">
                                          <p:stCondLst>
                                            <p:cond delay="0"/>
                                          </p:stCondLst>
                                        </p:cTn>
                                        <p:tgtEl>
                                          <p:spTgt spid="13316"/>
                                        </p:tgtEl>
                                        <p:attrNameLst>
                                          <p:attrName>style.visibility</p:attrName>
                                        </p:attrNameLst>
                                      </p:cBhvr>
                                      <p:to>
                                        <p:strVal val="visible"/>
                                      </p:to>
                                    </p:set>
                                    <p:anim calcmode="lin" valueType="num">
                                      <p:cBhvr>
                                        <p:cTn id="7" dur="750" fill="hold"/>
                                        <p:tgtEl>
                                          <p:spTgt spid="13316"/>
                                        </p:tgtEl>
                                        <p:attrNameLst>
                                          <p:attrName>ppt_w</p:attrName>
                                        </p:attrNameLst>
                                      </p:cBhvr>
                                      <p:tavLst>
                                        <p:tav tm="0">
                                          <p:val>
                                            <p:fltVal val="0"/>
                                          </p:val>
                                        </p:tav>
                                        <p:tav tm="100000">
                                          <p:val>
                                            <p:strVal val="#ppt_w"/>
                                          </p:val>
                                        </p:tav>
                                      </p:tavLst>
                                    </p:anim>
                                    <p:anim calcmode="lin" valueType="num">
                                      <p:cBhvr>
                                        <p:cTn id="8" dur="750" fill="hold"/>
                                        <p:tgtEl>
                                          <p:spTgt spid="13316"/>
                                        </p:tgtEl>
                                        <p:attrNameLst>
                                          <p:attrName>ppt_h</p:attrName>
                                        </p:attrNameLst>
                                      </p:cBhvr>
                                      <p:tavLst>
                                        <p:tav tm="0">
                                          <p:val>
                                            <p:fltVal val="0"/>
                                          </p:val>
                                        </p:tav>
                                        <p:tav tm="100000">
                                          <p:val>
                                            <p:strVal val="#ppt_h"/>
                                          </p:val>
                                        </p:tav>
                                      </p:tavLst>
                                    </p:anim>
                                    <p:animEffect transition="in" filter="fade">
                                      <p:cBhvr>
                                        <p:cTn id="9" dur="750"/>
                                        <p:tgtEl>
                                          <p:spTgt spid="1331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316"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0018" name="Rectangle 2"/>
          <p:cNvSpPr>
            <a:spLocks noGrp="1" noChangeArrowheads="1"/>
          </p:cNvSpPr>
          <p:nvPr>
            <p:ph type="title" idx="4294967295"/>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r>
              <a:rPr lang="es-CO" dirty="0"/>
              <a:t>... y algunos 2100 municipios</a:t>
            </a:r>
            <a:endParaRPr lang="en-GB" dirty="0"/>
          </a:p>
        </p:txBody>
      </p:sp>
      <p:pic>
        <p:nvPicPr>
          <p:cNvPr id="14339" name="Picture 3"/>
          <p:cNvPicPr>
            <a:picLocks noGrp="1" noChangeAspect="1" noChangeArrowheads="1"/>
          </p:cNvPicPr>
          <p:nvPr>
            <p:ph idx="4294967295"/>
          </p:nvPr>
        </p:nvPicPr>
        <p:blipFill>
          <a:blip r:embed="rId3">
            <a:extLst>
              <a:ext uri="{28A0092B-C50C-407E-A947-70E740481C1C}">
                <a14:useLocalDpi xmlns:a14="http://schemas.microsoft.com/office/drawing/2010/main" val="0"/>
              </a:ext>
            </a:extLst>
          </a:blip>
          <a:srcRect/>
          <a:stretch>
            <a:fillRect/>
          </a:stretch>
        </p:blipFill>
        <p:spPr>
          <a:xfrm>
            <a:off x="2699792" y="1059582"/>
            <a:ext cx="5028824" cy="3383276"/>
          </a:xfr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3552239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MasterProperty(&quot;Organisation&quot;, &quot;PpThemesDefault&quot;)]]&lt;/DefaultThemeDefinition&gt;&#10;    &lt;PresentationThemeDefinition&gt;[[MasterProperty(&quot;Organisation&quot;, &quot;PpThemesPresentation&quot;)]]&lt;/PresentationThemeDefinition&gt;&#10;    &lt;SlideThemeDefinition&gt;[[MasterProperty(&quot;Organisation&quot;, &quot;PpThemesSlide&quot;)]]&lt;/SlideThemeDefinition&gt;&#10;    &lt;ObjectThemeDefinition&gt;[[MasterProperty(&quot;Organisation&quot;, &quot;PpThemesObject&quot;)]]&lt;/ObjectThemeDefinition&gt;&#10;  &lt;/ThemeDefinition&gt;&#10;  &lt;MasterProperties&gt;&#10;    &lt;MasterProperty Id=&quot;2004112217333376588294&quot;&gt;&#10;      &lt;Fields&gt;&#10;        &lt;Field Id=&quot;2012050415572151952449&quot; ShowField=&quot;false&quot; /&gt;&#10;        &lt;Field Id=&quot;2012050414343947802364&quot; ShowField=&quot;false&quot; /&gt;&#10;        &lt;Field Id=&quot;2012050415045993964977&quot; ShowField=&quot;false&quot; /&gt;&#10;        &lt;Field Id=&quot;2011122011114681960689&quot; ShowField=&quot;false&quot; /&gt;&#10;        &lt;Field Id=&quot;2011122311155379458034&quot; ShowField=&quot;false&quot; /&gt;&#10;        &lt;Field Id=&quot;2011122311162146029384&quot; ShowField=&quot;false&quot; /&gt;&#10;        &lt;Field Id=&quot;2011122314171593152111&quot; ShowField=&quot;false&quot; /&gt;&#10;        &lt;Field Id=&quot;2011122314173384364879&quot; ShowField=&quot;false&quot; /&gt;&#10;        &lt;Field Id=&quot;2011982347978498756646&quot; ShowField=&quot;false&quot; /&gt;&#10;        &lt;Field Id=&quot;2012031916112847752498&quot; ShowField=&quot;false&quot; /&gt;&#10;        &lt;Field Id=&quot;2012051410521464502330&quot; ShowField=&quot;false&quot; /&gt;&#10;        &lt;Field Id=&quot;2012051410525183010341&quot; ShowField=&quot;false&quot; /&gt;&#10;        &lt;Field Id=&quot;2012051410533924084392&quot; ShowField=&quot;false&quot; /&gt;&#10;        &lt;Field Id=&quot;2012051411401562746273&quot; ShowField=&quot;false&quot; /&gt;&#10;        &lt;Field Id=&quot;2010032915520270663768&quot; ShowField=&quot;false&quot; /&gt;&#10;        &lt;Field Id=&quot;2010030416385012448864&quot; ShowField=&quot;false&quot; /&gt;&#10;        &lt;Field Id=&quot;2004111209284731179378&quot; ShowField=&quot;false&quot; /&gt;&#10;        &lt;Field Id=&quot;2011112513532828785213&quot; ShowField=&quot;false&quot; /&gt;&#10;        &lt;Field Id=&quot;2004112217261556206966&quot; ShowField=&quot;false&quot; /&gt;&#10;        &lt;Field Id=&quot;2011112513542451569576&quot; ShowField=&quot;false&quot; /&gt;&#10;        &lt;Field Id=&quot;2011973463486587459834&quot; ShowField=&quot;true&quot; /&gt;&#10;        &lt;Field Id=&quot;2011349845823498345623&quot; ShowField=&quot;true&quot; /&gt;&#10;        &lt;Field Id=&quot;2013061909354053226146&quot; ShowField=&quot;true&quot; /&gt;&#10;        &lt;Field Id=&quot;2013061911445310340786&quot; ShowField=&quot;true&quot; /&gt;&#10;        &lt;Field Id=&quot;2013061910014076114071&quot; ShowField=&quot;true&quot; /&gt;&#10;        &lt;Field Id=&quot;2013061910014850085567&quot; ShowField=&quot;true&quot; /&gt;&#10;        &lt;Field Id=&quot;2005040809241304770672&quot; ShowField=&quot;false&quot; /&gt;&#10;        &lt;Field Id=&quot;2012031415210828983211&quot; ShowField=&quot;false&quot; /&gt;&#10;        &lt;Field Id=&quot;2012032113011899514980&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
  <p:tag name="OAWWIZARDSTEPS" val="0|1|4"/>
  <p:tag name="ZOAWLANGID" val="2055"/>
  <p:tag name="OAWDOCPROPSOURCE" val="&lt;DocProps&gt;&lt;DocProp UID=&quot;2002122011014149059130932&quot; EntryUID=&quot;2012033008202645335554&quot;&gt;&lt;Field Name=&quot;IDName&quot; Value=&quot;Eidgenössische Vermessungsdirektion&quot;/&gt;&lt;Field Name=&quot;DepartmentZ1&quot; Value=&quot;Eidgenössisches Departement für Verteidigung,&quot;/&gt;&lt;Field Name=&quot;DepartmentZ2&quot; Value=&quot;Bevölkerungsschutz und Sport VBS&quot;/&gt;&lt;Field Name=&quot;DepartementZ3Fett&quot; Value=&quot;&quot;/&gt;&lt;Field Name=&quot;DepartementsbereichZ1&quot; Value=&quot;armasuisse&quot;/&gt;&lt;Field Name=&quot;DepartementsbereichZ2&quot; Value=&quot;&quot;/&gt;&lt;Field Name=&quot;AmtZ1&quot; Value=&quot;Bundesamt für Landestopografie swisstopo&quot;/&gt;&lt;Field Name=&quot;AmtZ2&quot; Value=&quot;&quot;/&gt;&lt;Field Name=&quot;BereichZ1&quot; Value=&quot;Eidgenössische Vermessungsdirektion&quot;/&gt;&lt;Field Name=&quot;BereichZ2&quot; Value=&quot;&quot;/&gt;&lt;Field Name=&quot;ProzessZ1&quot; Value=&quot;&quot;/&gt;&lt;Field Name=&quot;ProzessZ2&quot; Value=&quot;&quot;/&gt;&lt;Field Name=&quot;Strasse&quot; Value=&quot;Seftigenstrasse 264, Postfach&quot;/&gt;&lt;Field Name=&quot;FensterzeileOrt&quot; Value=&quot;CH-3084 Wabern&quot;/&gt;&lt;Field Name=&quot;FensterzeileFirma&quot; Value=&quot;swisstopo&quot;/&gt;&lt;Field Name=&quot;Ort&quot; Value=&quot;Wabern&quot;/&gt;&lt;Field Name=&quot;KontaktFirma&quot; Value=&quot;Bundesamt für Landestopografie swisstopo&quot;/&gt;&lt;Field Name=&quot;AdressSingleLine&quot; Value=&quot;Seftigenstrasse 264, 3084 Wabern&quot;/&gt;&lt;Field Name=&quot;Telefon&quot; Value=&quot;+41 31 963 23 03&quot;/&gt;&lt;Field Name=&quot;Internet&quot; Value=&quot;www.swisstopo.ch / www.cadastre.ch&quot;/&gt;&lt;Field Name=&quot;Fax&quot; Value=&quot;+41 31 963 24 59&quot;/&gt;&lt;Field Name=&quot;Email&quot; Value=&quot;info@swisstopo.ch&quot;/&gt;&lt;Field Name=&quot;WdA4LogoColorPortrait&quot; Value=&quot;%Logos%\Wd_A4_Portrait_color_swisstopo.2100.490.wmf&quot;/&gt;&lt;Field Name=&quot;WdA4LogoBlackWhitePortrait&quot; Value=&quot;%Logos%\Wd_A4_Portrait_bw_swisstopo.2100.490.wmf&quot;/&gt;&lt;Field Name=&quot;WdA4LogoColorQuer&quot; Value=&quot;%Logos%\Wd_A4_Landscape_color_swisstopo.2970.490.wmf&quot;/&gt;&lt;Field Name=&quot;WdA4LogoBlackWhiteQuer&quot; Value=&quot;%Logos%\Wd_A4_Landscape_bw_swisstopo.2970.490.wmf&quot;/&gt;&lt;Field Name=&quot;WdA4LogoColorPortraitPn&quot; Value=&quot;%Logos%\Wd_A4_Portrait_color_swisstopo_OhneText.2100.490.wmf&quot;/&gt;&lt;Field Name=&quot;WdA4LogoBlackWhitePortraitPn&quot; Value=&quot;%Logos%\Wd_A4_Portrait_bw_swisstopo_OhneText.2100.490.wmf&quot;/&gt;&lt;Field Name=&quot;WdA4LogoColorQuerPn&quot; Value=&quot;%Logos%\Wd_A4_Landscape_color_swisstopo_OhneText.2970.490.wmf&quot;/&gt;&lt;Field Name=&quot;WdA4LogoBlackWhiteQuerPn&quot; Value=&quot;%Logos%\Wd_A4_Landscape_bw_swisstopo_OhneText.2970.490.wmf&quot;/&gt;&lt;Field Name=&quot;Claim1A4ColorPortrait&quot; Value=&quot;%Logos%\pfad_1_de.2100.855.wmf&quot;/&gt;&lt;Field Name=&quot;Claim2A4ColorPortrait&quot; Value=&quot;%Logos%\pfad_2_de.2100.850.wmf&quot;/&gt;&lt;Field Name=&quot;ReportLogoA4ColorPortrait&quot; Value=&quot;%Logos%\swisstopo_report_logo.2100.400.wmf&quot;/&gt;&lt;Field Name=&quot;Data_UID&quot; Value=&quot;2012033008202645335554&quot;/&gt;&lt;Field Name=&quot;Field_Name&quot; Value=&quot;Claim1A4ColorPortrait&quot;/&gt;&lt;Field Name=&quot;Field_UID&quot; Value=&quot;2013071915541145067165&quot;/&gt;&lt;Field Name=&quot;ML_LCID&quot; Value=&quot;2055&quot;/&gt;&lt;Field Name=&quot;ML_Value&quot; Value=&quot;%Logos%\pfad_1_de.2100.855.wmf&quot;/&gt;&lt;/DocProp&gt;&lt;DocProp UID=&quot;2012032714382547747722&quot; EntryUID=&quot;2003121817293296325874&quot;&gt;&lt;Field Name=&quot;IDName&quot; Value=&quot;(Leer)&quot;/&gt;&lt;/DocProp&gt;&lt;DocProp UID=&quot;2006040509495284662868&quot; EntryUID=&quot;14522615567208150197711881901172270149173240&quot;&gt;&lt;Field Name=&quot;IDName&quot; Value=&quot;Wicki Fridolin swisstopo&quot;/&gt;&lt;Field Name=&quot;FullName&quot; Value=&quot;Fridolin Wicki&quot;/&gt;&lt;Field Name=&quot;Kuerzel&quot; Value=&quot;wic&quot;/&gt;&lt;Field Name=&quot;Telefon&quot; Value=&quot;+41 31 963 23 10&quot;/&gt;&lt;Field Name=&quot;Mobile&quot; Value=&quot;+41 79 661 28 86&quot;/&gt;&lt;Field Name=&quot;Telefax&quot; Value=&quot;+41 31 963 24 59&quot;/&gt;&lt;Field Name=&quot;Email&quot; Value=&quot;fridolin.wicki@swisstopo.ch&quot;/&gt;&lt;Field Name=&quot;Unterschrift&quot; Value=&quot;%Signatures%\wic.color.700.300.jpg&quot;/&gt;&lt;Field Name=&quot;Data_UID&quot; Value=&quot;14522615567208150197711881901172270149173240&quot;/&gt;&lt;Field Name=&quot;Field_Name&quot; Value=&quot;&quot;/&gt;&lt;Field Name=&quot;Field_UID&quot; Value=&quot;&quot;/&gt;&lt;Field Name=&quot;ML_LCID&quot; Value=&quot;&quot;/&gt;&lt;Field Name=&quot;ML_Value&quot; Value=&quot;&quot;/&gt;&lt;/DocProp&gt;&lt;DocProp UID=&quot;2012050214022991838588&quot; EntryUID=&quot;2003121817293296325874&quot;&gt;&lt;Field Name=&quot;IDName&quot; Value=&quot;(Leer)&quot;/&gt;&lt;/DocProp&gt;&lt;DocProp UID=&quot;2012050214391437903133&quot; EntryUID=&quot;2003121817293296325874&quot;&gt;&lt;Field Name=&quot;IDName&quot; Value=&quot;(Leer)&quot;/&gt;&lt;/DocProp&gt;&lt;DocProp UID=&quot;2012032714410047565410&quot; EntryUID=&quot;2012041216293646311076&quot;&gt;&lt;Field Name=&quot;IDName&quot; Value=&quot;Leiter&quot;/&gt;&lt;Field Name=&quot;Function&quot; Value=&quot;Leiter&quot;/&gt;&lt;Field Name=&quot;Data_UID&quot; Value=&quot;2012041216293646311076&quot;/&gt;&lt;Field Name=&quot;Field_Name&quot; Value=&quot;&quot;/&gt;&lt;Field Name=&quot;Field_UID&quot; Value=&quot;&quot;/&gt;&lt;Field Name=&quot;ML_LCID&quot; Value=&quot;&quot;/&gt;&lt;Field Name=&quot;ML_Value&quot; Value=&quot;&quot;/&gt;&lt;/DocProp&gt;&lt;DocProp UID=&quot;2012032715011859045040&quot; EntryUID=&quot;2003121817293296325874&quot;&gt;&lt;Field Name=&quot;IDName&quot; Value=&quot;(Leer)&quot;/&gt;&lt;/DocProp&gt;&lt;DocProp UID=&quot;2002122010583847234010578&quot; EntryUID=&quot;14522615567208150197711881901172270149173240&quot;&gt;&lt;Field Name=&quot;IDName&quot; Value=&quot;Wicki Fridolin swisstopo&quot;/&gt;&lt;Field Name=&quot;FullName&quot; Value=&quot;Fridolin Wicki&quot;/&gt;&lt;Field Name=&quot;Kuerzel&quot; Value=&quot;wic&quot;/&gt;&lt;Field Name=&quot;Telefon&quot; Value=&quot;+41 31 963 23 10&quot;/&gt;&lt;Field Name=&quot;Mobile&quot; Value=&quot;+41 79 661 28 86&quot;/&gt;&lt;Field Name=&quot;Telefax&quot; Value=&quot;+41 31 963 24 59&quot;/&gt;&lt;Field Name=&quot;Email&quot; Value=&quot;fridolin.wicki@swisstopo.ch&quot;/&gt;&lt;Field Name=&quot;Unterschrift&quot; Value=&quot;%Signatures%\wic.color.700.300.jpg&quot;/&gt;&lt;Field Name=&quot;Data_UID&quot; Value=&quot;14522615567208150197711881901172270149173240&quot;/&gt;&lt;Field Name=&quot;Field_Name&quot; Value=&quot;&quot;/&gt;&lt;Field Name=&quot;Field_UID&quot; Value=&quot;&quot;/&gt;&lt;Field Name=&quot;ML_LCID&quot; Value=&quot;&quot;/&gt;&lt;Field Name=&quot;ML_Value&quot; Value=&quot;&quot;/&gt;&lt;/DocProp&gt;&lt;DocProp UID=&quot;2003061115381095709037&quot; EntryUID=&quot;2003121817293296325874&quot;&gt;&lt;Field Name=&quot;IDName&quot; Value=&quot;(Leer)&quot;/&gt;&lt;/DocProp&gt;&lt;DocProp UID=&quot;2012032113202439234081&quot; EntryUID=&quot;2012032710142354571036&quot;&gt;&lt;Field Name=&quot;IDName&quot; Value=&quot;SQS&quot;/&gt;&lt;Field Name=&quot;AdditionalLogo1&quot; Value=&quot;%Logos%\Speziallogos\SQS_9001.jpg&quot;/&gt;&lt;Field Name=&quot;Data_UID&quot; Value=&quot;2012032710142354571036&quot;/&gt;&lt;Field Name=&quot;Field_Name&quot; Value=&quot;&quot;/&gt;&lt;Field Name=&quot;Field_UID&quot; Value=&quot;&quot;/&gt;&lt;Field Name=&quot;ML_LCID&quot; Value=&quot;&quot;/&gt;&lt;Field Name=&quot;ML_Value&quot; Value=&quot;&quot;/&gt;&lt;/DocProp&gt;&lt;DocProp UID=&quot;2004112217333376588294&quot; EntryUID=&quot;2004123010144120300001&quot;&gt;&lt;Field UID=&quot;2011973463486587459834&quot; Name=&quot;PresentationTitle&quot; Value=&quot;&quot;/&gt;&lt;Field UID=&quot;2011349845823498345623&quot; Name=&quot;PresentationSubTitle&quot; Value=&quot;&quot;/&gt;&lt;Field UID=&quot;2013061909354053226146&quot; Name=&quot;PresentationDate&quot; Value=&quot;7. Oktober 2013&quot;/&gt;&lt;Field UID=&quot;2013061911445310340786&quot; Name=&quot;PresentationAnlass&quot; Value=&quot;&quot;/&gt;&lt;Field UID=&quot;2013061910014076114071&quot; Name=&quot;PresentationReferent1&quot; Value=&quot;&quot;/&gt;&lt;Field UID=&quot;2013061910014850085567&quot; Name=&quot;PresentationReferent2&quot; Value=&quot;&quot;/&gt;&lt;/DocProp&gt;&lt;/DocProps&gt;&#10;"/>
  <p:tag name="OFFICEATWORKPRESENTATIONPROJECTID" val="swisstopoch"/>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10;[[GetMasterPropertyValue(&quot;Organisation&quot;, &quot;AmtZ1&quot;)]]&#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resentationSubTitle&quot;)=&quot;&quot;, &quot;&quot;, GetMasterPropertyValue(&quot;CustomField&quot;, &quot;PresentationSubTitle&quot;) &amp; &quot; / &quot;)]][[GetMasterPropertyValue(&quot;CustomField&quot;, &quot;PresentationDate&quot;)]]"/>
</p:tagLst>
</file>

<file path=ppt/theme/theme1.xml><?xml version="1.0" encoding="utf-8"?>
<a:theme xmlns:a="http://schemas.openxmlformats.org/drawingml/2006/main" name="Swisstopo">
  <a:themeElements>
    <a:clrScheme name="swisstopo">
      <a:dk1>
        <a:srgbClr val="000000"/>
      </a:dk1>
      <a:lt1>
        <a:srgbClr val="FFFFFF"/>
      </a:lt1>
      <a:dk2>
        <a:srgbClr val="9C9E9F"/>
      </a:dk2>
      <a:lt2>
        <a:srgbClr val="FFFFFF"/>
      </a:lt2>
      <a:accent1>
        <a:srgbClr val="C7987B"/>
      </a:accent1>
      <a:accent2>
        <a:srgbClr val="53D6FF"/>
      </a:accent2>
      <a:accent3>
        <a:srgbClr val="FFD847"/>
      </a:accent3>
      <a:accent4>
        <a:srgbClr val="7AD547"/>
      </a:accent4>
      <a:accent5>
        <a:srgbClr val="FF4F4F"/>
      </a:accent5>
      <a:accent6>
        <a:srgbClr val="F2A27E"/>
      </a:accent6>
      <a:hlink>
        <a:srgbClr val="ED73AA"/>
      </a:hlink>
      <a:folHlink>
        <a:srgbClr val="A3ABD1"/>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CD-Bund-swisstopo">
  <a:themeElements>
    <a:clrScheme name="CD-Bund-swisstopo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D-Bund-swisstopo">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altLang="de-DE" sz="2400" b="0" i="0" u="none" strike="noStrike" cap="none" normalizeH="0" baseline="0" smtClean="0">
            <a:ln>
              <a:noFill/>
            </a:ln>
            <a:solidFill>
              <a:schemeClr val="tx1"/>
            </a:solidFill>
            <a:effectLst/>
            <a:latin typeface="Times" pitchFamily="18"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de-CH" altLang="de-DE" sz="2400" b="0" i="0" u="none" strike="noStrike" cap="none" normalizeH="0" baseline="0" smtClean="0">
            <a:ln>
              <a:noFill/>
            </a:ln>
            <a:solidFill>
              <a:schemeClr val="tx1"/>
            </a:solidFill>
            <a:effectLst/>
            <a:latin typeface="Times" pitchFamily="18" charset="0"/>
          </a:defRPr>
        </a:defPPr>
      </a:lstStyle>
    </a:lnDef>
  </a:objectDefaults>
  <a:extraClrSchemeLst>
    <a:extraClrScheme>
      <a:clrScheme name="CD-Bund-swisstopo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D-Bund-swisstopo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D-Bund-swisstopo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D-Bund-swisstopo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D-Bund-swisstopo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D-Bund-swisstopo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D-Bund-swisstopo 7">
        <a:dk1>
          <a:srgbClr val="5C1F00"/>
        </a:dk1>
        <a:lt1>
          <a:srgbClr val="FFFFFF"/>
        </a:lt1>
        <a:dk2>
          <a:srgbClr val="800000"/>
        </a:dk2>
        <a:lt2>
          <a:srgbClr val="DFD293"/>
        </a:lt2>
        <a:accent1>
          <a:srgbClr val="713E39"/>
        </a:accent1>
        <a:accent2>
          <a:srgbClr val="BE7960"/>
        </a:accent2>
        <a:accent3>
          <a:srgbClr val="C0AAAA"/>
        </a:accent3>
        <a:accent4>
          <a:srgbClr val="DADADA"/>
        </a:accent4>
        <a:accent5>
          <a:srgbClr val="BBAFAE"/>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D-Bund-swisstopo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D-Bund-swisstopo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D-Bund-swisstopo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D-Bund-swisstopo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D-Bund-swisstopo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FDD9A9"/>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0</TotalTime>
  <Words>3887</Words>
  <Application>Microsoft Office PowerPoint</Application>
  <PresentationFormat>Bildschirmpräsentation (16:9)</PresentationFormat>
  <Paragraphs>681</Paragraphs>
  <Slides>44</Slides>
  <Notes>40</Notes>
  <HiddenSlides>1</HiddenSlides>
  <MMClips>0</MMClips>
  <ScaleCrop>false</ScaleCrop>
  <HeadingPairs>
    <vt:vector size="8" baseType="variant">
      <vt:variant>
        <vt:lpstr>Verwendete Schriftarten</vt:lpstr>
      </vt:variant>
      <vt:variant>
        <vt:i4>10</vt:i4>
      </vt:variant>
      <vt:variant>
        <vt:lpstr>Design</vt:lpstr>
      </vt:variant>
      <vt:variant>
        <vt:i4>3</vt:i4>
      </vt:variant>
      <vt:variant>
        <vt:lpstr>Eingebettete OLE-Server</vt:lpstr>
      </vt:variant>
      <vt:variant>
        <vt:i4>2</vt:i4>
      </vt:variant>
      <vt:variant>
        <vt:lpstr>Folientitel</vt:lpstr>
      </vt:variant>
      <vt:variant>
        <vt:i4>44</vt:i4>
      </vt:variant>
    </vt:vector>
  </HeadingPairs>
  <TitlesOfParts>
    <vt:vector size="59" baseType="lpstr">
      <vt:lpstr>Agfa Rotis Sans Serif</vt:lpstr>
      <vt:lpstr>Arial</vt:lpstr>
      <vt:lpstr>Calibri</vt:lpstr>
      <vt:lpstr>Courier New</vt:lpstr>
      <vt:lpstr>Dax-Regular</vt:lpstr>
      <vt:lpstr>Helvetica 45 Light</vt:lpstr>
      <vt:lpstr>Times</vt:lpstr>
      <vt:lpstr>Times New Roman</vt:lpstr>
      <vt:lpstr>Verdana</vt:lpstr>
      <vt:lpstr>Wingdings</vt:lpstr>
      <vt:lpstr>Swisstopo</vt:lpstr>
      <vt:lpstr>CD-Bund-swisstopo</vt:lpstr>
      <vt:lpstr>Office Theme</vt:lpstr>
      <vt:lpstr>Clip</vt:lpstr>
      <vt:lpstr>Image</vt:lpstr>
      <vt:lpstr>PowerPoint-Präsentation</vt:lpstr>
      <vt:lpstr>Las dimensiones (2024)</vt:lpstr>
      <vt:lpstr>Topografía</vt:lpstr>
      <vt:lpstr>Población</vt:lpstr>
      <vt:lpstr>Cuatro idiomas oficiales</vt:lpstr>
      <vt:lpstr>Contenido</vt:lpstr>
      <vt:lpstr>Contenido</vt:lpstr>
      <vt:lpstr>Un país federado con 26 cantones ...</vt:lpstr>
      <vt:lpstr>... y algunos 2100 municipios</vt:lpstr>
      <vt:lpstr>Administración de Tierras –  un esfuerzo conjunto en un contexto confederado</vt:lpstr>
      <vt:lpstr>Organizaciones involucradas</vt:lpstr>
      <vt:lpstr>Contenido</vt:lpstr>
      <vt:lpstr>Fundamentos y objetivos legales</vt:lpstr>
      <vt:lpstr>Código civil suizo (vigente desde 01/01/1912)</vt:lpstr>
      <vt:lpstr>Dos componentes básicos del sistema catastral</vt:lpstr>
      <vt:lpstr>Principios básicos (como en el Código Civil)</vt:lpstr>
      <vt:lpstr>Definición de predio: enfoque sistemático / cobertura total</vt:lpstr>
      <vt:lpstr>Organización del Catastro</vt:lpstr>
      <vt:lpstr>Alianza Público-Privada</vt:lpstr>
      <vt:lpstr>Actualización continua del catastro: diferentes sistemas organizacionales</vt:lpstr>
      <vt:lpstr>Actualización continua del catastro: diferentes sistemas organizacionales</vt:lpstr>
      <vt:lpstr>Sector Privado – Idea Marco</vt:lpstr>
      <vt:lpstr>Sector Privado – Porque?</vt:lpstr>
      <vt:lpstr>Las tareas de un Geomensor</vt:lpstr>
      <vt:lpstr>Contenido</vt:lpstr>
      <vt:lpstr>Nueva ley de 1993 (“reforma ‘93”): nueva finalidad e introducción del formato digital</vt:lpstr>
      <vt:lpstr>Elementos conceptuales de la reforma de ‘93</vt:lpstr>
      <vt:lpstr>Elementos técnicos</vt:lpstr>
      <vt:lpstr>Contenido</vt:lpstr>
      <vt:lpstr>Multidimensionalidad de los sistemas catastrales</vt:lpstr>
      <vt:lpstr>Contenido</vt:lpstr>
      <vt:lpstr>Base legal</vt:lpstr>
      <vt:lpstr>Modelo de datos básicos</vt:lpstr>
      <vt:lpstr>PowerPoint-Präsentation</vt:lpstr>
      <vt:lpstr>Capas de información independientes </vt:lpstr>
      <vt:lpstr>Contenido</vt:lpstr>
      <vt:lpstr>Aluvión de restricciones de derecho público</vt:lpstr>
      <vt:lpstr>La propiedad de la tierra: la dimensión macroeconómica</vt:lpstr>
      <vt:lpstr>Iniciando con 17 Restricciones de Derecho Público (cobertura completa en 2020)</vt:lpstr>
      <vt:lpstr>El mundo está evolucionando: ¡el catastro sigue en 2D!</vt:lpstr>
      <vt:lpstr>«Hay caos en el subsuelo»</vt:lpstr>
      <vt:lpstr>Contenido</vt:lpstr>
      <vt:lpstr>La manera suiza de pensar…</vt:lpstr>
      <vt:lpstr>Reference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Windows User</dc:creator>
  <cp:lastModifiedBy>Lorenz Jenni</cp:lastModifiedBy>
  <cp:revision>490</cp:revision>
  <cp:lastPrinted>2023-02-22T14:31:46Z</cp:lastPrinted>
  <dcterms:created xsi:type="dcterms:W3CDTF">2013-05-08T14:33:06Z</dcterms:created>
  <dcterms:modified xsi:type="dcterms:W3CDTF">2024-08-26T17:47:29Z</dcterms:modified>
</cp:coreProperties>
</file>